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ppt/slides/slide14.xml" ContentType="application/vnd.openxmlformats-officedocument.presentationml.slide+xml"/>
  <Override PartName="/ppt/slides/slide31.xml" ContentType="application/vnd.openxmlformats-officedocument.presentationml.slide+xml"/>
  <Override PartName="/ppt/slides/slide30.xml" ContentType="application/vnd.openxmlformats-officedocument.presentationml.slide+xml"/>
  <Override PartName="/ppt/slides/slide29.xml" ContentType="application/vnd.openxmlformats-officedocument.presentationml.slide+xml"/>
  <Override PartName="/ppt/slides/slide28.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8.xml" ContentType="application/vnd.openxmlformats-officedocument.presentationml.slide+xml"/>
  <Override PartName="/ppt/slides/slide37.xml" ContentType="application/vnd.openxmlformats-officedocument.presentationml.slide+xml"/>
  <Override PartName="/ppt/slides/slide36.xml" ContentType="application/vnd.openxmlformats-officedocument.presentationml.slide+xml"/>
  <Override PartName="/ppt/slides/slide35.xml" ContentType="application/vnd.openxmlformats-officedocument.presentationml.slide+xml"/>
  <Override PartName="/ppt/slides/slide27.xml" ContentType="application/vnd.openxmlformats-officedocument.presentationml.slide+xml"/>
  <Override PartName="/ppt/slides/slide26.xml" ContentType="application/vnd.openxmlformats-officedocument.presentationml.slide+xml"/>
  <Override PartName="/ppt/slides/slide25.xml" ContentType="application/vnd.openxmlformats-officedocument.presentationml.slide+xml"/>
  <Override PartName="/ppt/slides/slide18.xml" ContentType="application/vnd.openxmlformats-officedocument.presentationml.slide+xml"/>
  <Override PartName="/ppt/slides/slide17.xml" ContentType="application/vnd.openxmlformats-officedocument.presentationml.slide+xml"/>
  <Override PartName="/ppt/slides/slide16.xml" ContentType="application/vnd.openxmlformats-officedocument.presentationml.slide+xml"/>
  <Override PartName="/ppt/slides/slide15.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7.xml" ContentType="application/vnd.openxmlformats-officedocument.presentationml.slide+xml"/>
  <Override PartName="/ppt/slides/slide6.xml" ContentType="application/vnd.openxmlformats-officedocument.presentationml.slide+xml"/>
  <Override PartName="/ppt/slides/slide5.xml" ContentType="application/vnd.openxmlformats-officedocument.presentationml.slide+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13.xml" ContentType="application/vnd.openxmlformats-officedocument.presentationml.slide+xml"/>
  <Override PartName="/ppt/slides/slide12.xml" ContentType="application/vnd.openxmlformats-officedocument.presentationml.slide+xml"/>
  <Override PartName="/ppt/slides/slide52.xml" ContentType="application/vnd.openxmlformats-officedocument.presentationml.slide+xml"/>
  <Override PartName="/ppt/slides/slide45.xml" ContentType="application/vnd.openxmlformats-officedocument.presentationml.slide+xml"/>
  <Override PartName="/ppt/slides/slide44.xml" ContentType="application/vnd.openxmlformats-officedocument.presentationml.slide+xml"/>
  <Override PartName="/ppt/slides/slide43.xml" ContentType="application/vnd.openxmlformats-officedocument.presentationml.slide+xml"/>
  <Override PartName="/ppt/slides/slide42.xml" ContentType="application/vnd.openxmlformats-officedocument.presentationml.slide+xml"/>
  <Override PartName="/ppt/slides/slide53.xml" ContentType="application/vnd.openxmlformats-officedocument.presentationml.slide+xml"/>
  <Override PartName="/ppt/slides/slide46.xml" ContentType="application/vnd.openxmlformats-officedocument.presentationml.slide+xml"/>
  <Override PartName="/ppt/slides/slide48.xml" ContentType="application/vnd.openxmlformats-officedocument.presentationml.slide+xml"/>
  <Override PartName="/ppt/slides/slide51.xml" ContentType="application/vnd.openxmlformats-officedocument.presentationml.slide+xml"/>
  <Override PartName="/ppt/slides/slide50.xml" ContentType="application/vnd.openxmlformats-officedocument.presentationml.slide+xml"/>
  <Override PartName="/ppt/slides/slide49.xml" ContentType="application/vnd.openxmlformats-officedocument.presentationml.slide+xml"/>
  <Override PartName="/ppt/slides/slide47.xml" ContentType="application/vnd.openxmlformats-officedocument.presentationml.slide+xml"/>
  <Override PartName="/ppt/notesSlides/notesSlide53.xml" ContentType="application/vnd.openxmlformats-officedocument.presentationml.notesSlide+xml"/>
  <Override PartName="/ppt/notesSlides/notesSlide46.xml" ContentType="application/vnd.openxmlformats-officedocument.presentationml.notesSlide+xml"/>
  <Override PartName="/ppt/slideMasters/slideMaster1.xml" ContentType="application/vnd.openxmlformats-officedocument.presentationml.slideMaster+xml"/>
  <Override PartName="/ppt/notesSlides/notesSlide44.xml" ContentType="application/vnd.openxmlformats-officedocument.presentationml.notesSlide+xml"/>
  <Override PartName="/ppt/notesSlides/notesSlide43.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42.xml" ContentType="application/vnd.openxmlformats-officedocument.presentationml.notesSlide+xml"/>
  <Override PartName="/ppt/notesSlides/notesSlide45.xml" ContentType="application/vnd.openxmlformats-officedocument.presentationml.notesSlide+xml"/>
  <Override PartName="/ppt/notesSlides/notesSlide19.xml" ContentType="application/vnd.openxmlformats-officedocument.presentationml.notesSlide+xml"/>
  <Override PartName="/ppt/notesSlides/notesSlide18.xml" ContentType="application/vnd.openxmlformats-officedocument.presentationml.notesSlide+xml"/>
  <Override PartName="/ppt/notesSlides/notesSlide26.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25.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5.xml" ContentType="application/vnd.openxmlformats-officedocument.presentationml.notesSlide+xml"/>
  <Override PartName="/ppt/notesSlides/notesSlide3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30.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21.xml" ContentType="application/vnd.openxmlformats-officedocument.presentationml.notesSlide+xml"/>
  <Override PartName="/ppt/notesSlides/notesSlide17.xml" ContentType="application/vnd.openxmlformats-officedocument.presentationml.notesSlide+xml"/>
  <Override PartName="/ppt/notesSlides/notesSlide20.xml" ContentType="application/vnd.openxmlformats-officedocument.presentationml.notesSlide+xml"/>
  <Override PartName="/ppt/notesSlides/notesSlide14.xml" ContentType="application/vnd.openxmlformats-officedocument.presentationml.notesSlide+xml"/>
  <Override PartName="/ppt/notesSlides/notesSlide41.xml" ContentType="application/vnd.openxmlformats-officedocument.presentationml.notesSlide+xml"/>
  <Override PartName="/ppt/notesSlides/notesSlide22.xml" ContentType="application/vnd.openxmlformats-officedocument.presentationml.notesSlide+xml"/>
  <Override PartName="/ppt/notesSlides/notesSlide11.xml" ContentType="application/vnd.openxmlformats-officedocument.presentationml.notesSlide+xml"/>
  <Override PartName="/ppt/notesSlides/notesSlide24.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23.xml" ContentType="application/vnd.openxmlformats-officedocument.presentationml.notesSlide+xml"/>
  <Override PartName="/ppt/notesSlides/notesSlide1.xml" ContentType="application/vnd.openxmlformats-officedocument.presentationml.notesSlide+xml"/>
  <Override PartName="/ppt/notesSlides/notesSlide27.xml" ContentType="application/vnd.openxmlformats-officedocument.presentationml.notesSlide+xml"/>
  <Override PartName="/ppt/slideLayouts/slideLayout7.xml" ContentType="application/vnd.openxmlformats-officedocument.presentationml.slideLayout+xml"/>
  <Override PartName="/ppt/slideLayouts/slideLayout10.xml" ContentType="application/vnd.openxmlformats-officedocument.presentationml.slideLayout+xml"/>
  <Override PartName="/ppt/slideLayouts/slideLayout4.xml" ContentType="application/vnd.openxmlformats-officedocument.presentationml.slideLayout+xml"/>
  <Override PartName="/ppt/notesSlides/notesSlide35.xml" ContentType="application/vnd.openxmlformats-officedocument.presentationml.notesSlide+xml"/>
  <Override PartName="/ppt/notesSlides/notesSlide38.xml" ContentType="application/vnd.openxmlformats-officedocument.presentationml.notesSlide+xml"/>
  <Override PartName="/ppt/notesSlides/notesSlide37.xml" ContentType="application/vnd.openxmlformats-officedocument.presentationml.notesSlide+xml"/>
  <Override PartName="/ppt/slideLayouts/slideLayout2.xml" ContentType="application/vnd.openxmlformats-officedocument.presentationml.slideLayout+xml"/>
  <Override PartName="/ppt/notesSlides/notesSlide36.xml" ContentType="application/vnd.openxmlformats-officedocument.presentationml.notesSlide+xml"/>
  <Override PartName="/ppt/slideLayouts/slideLayout9.xml" ContentType="application/vnd.openxmlformats-officedocument.presentationml.slideLayout+xml"/>
  <Override PartName="/ppt/slideLayouts/slideLayout8.xml" ContentType="application/vnd.openxmlformats-officedocument.presentationml.slideLayout+xml"/>
  <Override PartName="/ppt/slideLayouts/slideLayout3.xml" ContentType="application/vnd.openxmlformats-officedocument.presentationml.slideLayout+xml"/>
  <Override PartName="/ppt/slideLayouts/slideLayout6.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5.xml" ContentType="application/vnd.openxmlformats-officedocument.presentationml.slideLayout+xml"/>
  <Override PartName="/ppt/notesSlides/notesSlide40.xml" ContentType="application/vnd.openxmlformats-officedocument.presentationml.notesSlide+xml"/>
  <Override PartName="/ppt/slideLayouts/slideLayout1.xml" ContentType="application/vnd.openxmlformats-officedocument.presentationml.slideLayout+xml"/>
  <Override PartName="/ppt/notesSlides/notesSlide39.xml" ContentType="application/vnd.openxmlformats-officedocument.presentationml.notesSlide+xml"/>
  <Override PartName="/ppt/notesSlides/notesSlide32.xml" ContentType="application/vnd.openxmlformats-officedocument.presentationml.notesSlide+xml"/>
  <Override PartName="/ppt/slideLayouts/slideLayout14.xml" ContentType="application/vnd.openxmlformats-officedocument.presentationml.slideLayout+xml"/>
  <Override PartName="/ppt/slideLayouts/slideLayout13.xml" ContentType="application/vnd.openxmlformats-officedocument.presentationml.slideLayout+xml"/>
  <Override PartName="/ppt/slideLayouts/slideLayout15.xml" ContentType="application/vnd.openxmlformats-officedocument.presentationml.slideLayout+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theme/theme2.xml" ContentType="application/vnd.openxmlformats-officedocument.theme+xml"/>
  <Override PartName="/ppt/theme/theme1.xml" ContentType="application/vnd.openxmlformats-officedocument.theme+xml"/>
  <Override PartName="/ppt/theme/theme3.xml" ContentType="application/vnd.openxmlformats-officedocument.theme+xml"/>
  <Override PartName="/ppt/theme/themeOverride1.xml" ContentType="application/vnd.openxmlformats-officedocument.themeOverride+xml"/>
  <Override PartName="/ppt/charts/chart1.xml" ContentType="application/vnd.openxmlformats-officedocument.drawingml.chart+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ableStyles.xml" ContentType="application/vnd.openxmlformats-officedocument.presentationml.tableStyles+xml"/>
  <Override PartName="/ppt/tags/tag2.xml" ContentType="application/vnd.openxmlformats-officedocument.presentationml.tags+xml"/>
  <Override PartName="/ppt/tags/tag8.xml" ContentType="application/vnd.openxmlformats-officedocument.presentationml.tags+xml"/>
  <Override PartName="/ppt/tags/tag7.xml" ContentType="application/vnd.openxmlformats-officedocument.presentationml.tags+xml"/>
  <Override PartName="/ppt/tags/tag9.xml" ContentType="application/vnd.openxmlformats-officedocument.presentationml.tags+xml"/>
  <Override PartName="/ppt/tags/tag6.xml" ContentType="application/vnd.openxmlformats-officedocument.presentationml.tags+xml"/>
  <Override PartName="/ppt/tags/tag5.xml" ContentType="application/vnd.openxmlformats-officedocument.presentationml.tags+xml"/>
  <Override PartName="/docProps/app.xml" ContentType="application/vnd.openxmlformats-officedocument.extended-properties+xml"/>
  <Override PartName="/docProps/core.xml" ContentType="application/vnd.openxmlformats-package.core-properties+xml"/>
  <Override PartName="/ppt/tags/tag3.xml" ContentType="application/vnd.openxmlformats-officedocument.presentationml.tags+xml"/>
  <Override PartName="/ppt/tags/tag4.xml" ContentType="application/vnd.openxmlformats-officedocument.presentationml.tags+xml"/>
  <Override PartName="/ppt/tags/tag1.xml" ContentType="application/vnd.openxmlformats-officedocument.presentationml.tags+xml"/>
  <Override PartName="/docProps/custom.xml" ContentType="application/vnd.openxmlformats-officedocument.custom-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825" r:id="rId1"/>
  </p:sldMasterIdLst>
  <p:notesMasterIdLst>
    <p:notesMasterId r:id="rId55"/>
  </p:notesMasterIdLst>
  <p:handoutMasterIdLst>
    <p:handoutMasterId r:id="rId56"/>
  </p:handoutMasterIdLst>
  <p:sldIdLst>
    <p:sldId id="256" r:id="rId2"/>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8" r:id="rId24"/>
    <p:sldId id="279" r:id="rId25"/>
    <p:sldId id="280" r:id="rId26"/>
    <p:sldId id="281" r:id="rId27"/>
    <p:sldId id="282" r:id="rId28"/>
    <p:sldId id="283" r:id="rId29"/>
    <p:sldId id="284" r:id="rId30"/>
    <p:sldId id="285" r:id="rId31"/>
    <p:sldId id="286" r:id="rId32"/>
    <p:sldId id="287" r:id="rId33"/>
    <p:sldId id="288" r:id="rId34"/>
    <p:sldId id="289" r:id="rId35"/>
    <p:sldId id="290" r:id="rId36"/>
    <p:sldId id="291" r:id="rId37"/>
    <p:sldId id="292" r:id="rId38"/>
    <p:sldId id="293" r:id="rId39"/>
    <p:sldId id="294" r:id="rId40"/>
    <p:sldId id="295" r:id="rId41"/>
    <p:sldId id="296" r:id="rId42"/>
    <p:sldId id="297" r:id="rId43"/>
    <p:sldId id="298" r:id="rId44"/>
    <p:sldId id="299" r:id="rId45"/>
    <p:sldId id="300" r:id="rId46"/>
    <p:sldId id="301" r:id="rId47"/>
    <p:sldId id="302" r:id="rId48"/>
    <p:sldId id="303" r:id="rId49"/>
    <p:sldId id="304" r:id="rId50"/>
    <p:sldId id="305" r:id="rId51"/>
    <p:sldId id="306" r:id="rId52"/>
    <p:sldId id="307" r:id="rId53"/>
    <p:sldId id="308" r:id="rId54"/>
  </p:sldIdLst>
  <p:sldSz cx="12192000" cy="6858000"/>
  <p:notesSz cx="6797675" cy="9926638"/>
  <p:defaultTex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5" pos="3840" userDrawn="1">
          <p15:clr>
            <a:srgbClr val="A4A3A4"/>
          </p15:clr>
        </p15:guide>
        <p15:guide id="6" orient="horz" pos="2341" userDrawn="1">
          <p15:clr>
            <a:srgbClr val="A4A3A4"/>
          </p15:clr>
        </p15:guide>
      </p15:sldGuideLst>
    </p:ext>
    <p:ext uri="{2D200454-40CA-4A62-9FC3-DE9A4176ACB9}">
      <p15:notesGuideLst xmlns:p15="http://schemas.microsoft.com/office/powerpoint/2012/main">
        <p15:guide id="1" orient="horz" userDrawn="1">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B0F0"/>
    <a:srgbClr val="F4FBFE"/>
    <a:srgbClr val="EC7061"/>
    <a:srgbClr val="8BC9A0"/>
    <a:srgbClr val="BDE7F6"/>
    <a:srgbClr val="FFD17D"/>
    <a:srgbClr val="F3FBFE"/>
    <a:srgbClr val="99DFF9"/>
    <a:srgbClr val="FFF2CC"/>
    <a:srgbClr val="151515"/>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72833802-FEF1-4C79-8D5D-14CF1EAF98D9}">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E8034E78-7F5D-4C2E-B375-FC64B27BC917}" styleName="Dark Style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left>
            <a:ln w="25400" cmpd="sng">
              <a:solidFill>
                <a:schemeClr val="lt1"/>
              </a:solidFill>
            </a:ln>
          </a:left>
        </a:tcBdr>
        <a:fill>
          <a:solidFill>
            <a:schemeClr val="dk1">
              <a:tint val="60000"/>
            </a:schemeClr>
          </a:solidFill>
        </a:fill>
      </a:tcStyle>
    </a:lastCol>
    <a:firstCol>
      <a:tcTxStyle b="on"/>
      <a:tcStyle>
        <a:tcBdr>
          <a:right>
            <a:ln w="25400" cmpd="sng">
              <a:solidFill>
                <a:schemeClr val="lt1"/>
              </a:solidFill>
            </a:ln>
          </a:right>
        </a:tcBdr>
        <a:fill>
          <a:solidFill>
            <a:schemeClr val="dk1">
              <a:tint val="60000"/>
            </a:schemeClr>
          </a:solidFill>
        </a:fill>
      </a:tcStyle>
    </a:firstCol>
    <a:lastRow>
      <a:tcTxStyle b="on"/>
      <a:tcStyle>
        <a:tcBdr>
          <a:top>
            <a:ln w="25400" cmpd="sng">
              <a:solidFill>
                <a:schemeClr val="lt1"/>
              </a:solidFill>
            </a:ln>
          </a:top>
        </a:tcBdr>
        <a:fill>
          <a:solidFill>
            <a:schemeClr val="dk1">
              <a:tint val="6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9631B5-78F2-41C9-869B-9F39066F8104}" styleName="Medium Style 3 - Accent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5FD0F851-EC5A-4D38-B0AD-8093EC10F338}" styleName="Light Style 1 - Accent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D27102A9-8310-4765-A935-A1911B00CA55}" styleName="Light Style 1 - Accent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17292A2E-F333-43FB-9621-5CBBE7FDCDCB}" styleName="Light Style 2 - Accent 4">
    <a:wholeTbl>
      <a:tcTxStyle>
        <a:fontRef idx="minor">
          <a:scrgbClr r="0" g="0" b="0"/>
        </a:fontRef>
        <a:schemeClr val="tx1"/>
      </a:tcTxStyle>
      <a:tcStyle>
        <a:tcBdr>
          <a:left>
            <a:lnRef idx="1">
              <a:schemeClr val="accent4"/>
            </a:lnRef>
          </a:left>
          <a:right>
            <a:lnRef idx="1">
              <a:schemeClr val="accent4"/>
            </a:lnRef>
          </a:right>
          <a:top>
            <a:lnRef idx="1">
              <a:schemeClr val="accent4"/>
            </a:lnRef>
          </a:top>
          <a:bottom>
            <a:lnRef idx="1">
              <a:schemeClr val="accent4"/>
            </a:lnRef>
          </a:bottom>
          <a:insideH>
            <a:ln>
              <a:noFill/>
            </a:ln>
          </a:insideH>
          <a:insideV>
            <a:ln>
              <a:noFill/>
            </a:ln>
          </a:insideV>
        </a:tcBdr>
        <a:fill>
          <a:noFill/>
        </a:fill>
      </a:tcStyle>
    </a:wholeTbl>
    <a:band1H>
      <a:tcStyle>
        <a:tcBdr>
          <a:top>
            <a:lnRef idx="1">
              <a:schemeClr val="accent4"/>
            </a:lnRef>
          </a:top>
          <a:bottom>
            <a:lnRef idx="1">
              <a:schemeClr val="accent4"/>
            </a:lnRef>
          </a:bottom>
        </a:tcBdr>
      </a:tcStyle>
    </a:band1H>
    <a:band1V>
      <a:tcStyle>
        <a:tcBdr>
          <a:left>
            <a:lnRef idx="1">
              <a:schemeClr val="accent4"/>
            </a:lnRef>
          </a:left>
          <a:right>
            <a:lnRef idx="1">
              <a:schemeClr val="accent4"/>
            </a:lnRef>
          </a:right>
        </a:tcBdr>
      </a:tcStyle>
    </a:band1V>
    <a:band2V>
      <a:tcStyle>
        <a:tcBdr>
          <a:left>
            <a:lnRef idx="1">
              <a:schemeClr val="accent4"/>
            </a:lnRef>
          </a:left>
          <a:right>
            <a:lnRef idx="1">
              <a:schemeClr val="accent4"/>
            </a:lnRef>
          </a:right>
        </a:tcBdr>
      </a:tcStyle>
    </a:band2V>
    <a:lastCol>
      <a:tcTxStyle b="on"/>
      <a:tcStyle>
        <a:tcBdr/>
      </a:tcStyle>
    </a:lastCol>
    <a:firstCol>
      <a:tcTxStyle b="on"/>
      <a:tcStyle>
        <a:tcBdr/>
      </a:tcStyle>
    </a:firstCol>
    <a:lastRow>
      <a:tcTxStyle b="on"/>
      <a:tcStyle>
        <a:tcBdr>
          <a:top>
            <a:ln w="50800" cmpd="dbl">
              <a:solidFill>
                <a:schemeClr val="accent4"/>
              </a:solidFill>
            </a:ln>
          </a:top>
        </a:tcBdr>
      </a:tcStyle>
    </a:lastRow>
    <a:firstRow>
      <a:tcTxStyle b="on">
        <a:fontRef idx="minor">
          <a:scrgbClr r="0" g="0" b="0"/>
        </a:fontRef>
        <a:schemeClr val="bg1"/>
      </a:tcTxStyle>
      <a:tcStyle>
        <a:tcBdr/>
        <a:fillRef idx="1">
          <a:schemeClr val="accent4"/>
        </a:fillRef>
      </a:tcStyle>
    </a:firstRow>
  </a:tblStyle>
  <a:tblStyle styleId="{5A111915-BE36-4E01-A7E5-04B1672EAD32}" styleName="Light Style 2 - Accent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12C8C85-51F0-491E-9774-3900AFEF0FD7}" styleName="Light Style 2 - Accent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616DA210-FB5B-4158-B5E0-FEB733F419BA}" styleName="Light Style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202B0CA-FC54-4496-8BCA-5EF66A818D29}" styleName="Dark Style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 styleId="{E8B1032C-EA38-4F05-BA0D-38AFFFC7BED3}" styleName="Light Style 3 - Accent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995" autoAdjust="0"/>
    <p:restoredTop sz="66708" autoAdjust="0"/>
  </p:normalViewPr>
  <p:slideViewPr>
    <p:cSldViewPr snapToGrid="0" snapToObjects="1">
      <p:cViewPr varScale="1">
        <p:scale>
          <a:sx n="60" d="100"/>
          <a:sy n="60" d="100"/>
        </p:scale>
        <p:origin x="42" y="210"/>
      </p:cViewPr>
      <p:guideLst>
        <p:guide pos="3840"/>
        <p:guide orient="horz" pos="2341"/>
      </p:guideLst>
    </p:cSldViewPr>
  </p:slideViewPr>
  <p:outlineViewPr>
    <p:cViewPr>
      <p:scale>
        <a:sx n="33" d="100"/>
        <a:sy n="33" d="100"/>
      </p:scale>
      <p:origin x="0" y="0"/>
    </p:cViewPr>
  </p:outlineViewPr>
  <p:notesTextViewPr>
    <p:cViewPr>
      <p:scale>
        <a:sx n="1" d="1"/>
        <a:sy n="1" d="1"/>
      </p:scale>
      <p:origin x="0" y="0"/>
    </p:cViewPr>
  </p:notesTextViewPr>
  <p:sorterViewPr>
    <p:cViewPr>
      <p:scale>
        <a:sx n="66" d="100"/>
        <a:sy n="66" d="100"/>
      </p:scale>
      <p:origin x="0" y="0"/>
    </p:cViewPr>
  </p:sorterViewPr>
  <p:notesViewPr>
    <p:cSldViewPr snapToGrid="0" snapToObjects="1">
      <p:cViewPr>
        <p:scale>
          <a:sx n="75" d="100"/>
          <a:sy n="75" d="100"/>
        </p:scale>
        <p:origin x="2442" y="-978"/>
      </p:cViewPr>
      <p:guideLst>
        <p:guide orient="horz"/>
        <p:guide pos="2141"/>
      </p:guideLst>
    </p:cSldViewPr>
  </p:notesViewPr>
  <p:gridSpacing cx="72000" cy="720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notesMaster" Target="notesMasters/notesMaster1.xml"/><Relationship Id="rId63" Type="http://schemas.openxmlformats.org/officeDocument/2006/relationships/customXml" Target="../customXml/item3.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viewProps" Target="viewProps.xml"/><Relationship Id="rId5" Type="http://schemas.openxmlformats.org/officeDocument/2006/relationships/slide" Target="slides/slide4.xml"/><Relationship Id="rId61" Type="http://schemas.openxmlformats.org/officeDocument/2006/relationships/customXml" Target="../customXml/item1.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handoutMaster" Target="handoutMasters/handoutMaster1.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theme" Target="theme/theme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customXml" Target="../customXml/item2.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presProps" Target="presProps.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s>
</file>

<file path=ppt/charts/_rels/chart1.xml.rels><?xml version="1.0" encoding="UTF-8" standalone="yes"?>
<Relationships xmlns="http://schemas.openxmlformats.org/package/2006/relationships"><Relationship Id="rId2" Type="http://schemas.openxmlformats.org/officeDocument/2006/relationships/oleObject" Target="file:///F:\espace%20ReceiveFile\IP&#26631;&#20934;&#25968;&#25454;&#32479;&#35745;.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lgn="ctr" rtl="0">
              <a:defRPr/>
            </a:pPr>
            <a:r>
              <a:rPr lang="zh-CN" sz="1600" dirty="0">
                <a:latin typeface="Huawei Sans Light" panose="020C0303030203020204" pitchFamily="34" charset="0"/>
                <a:ea typeface="方正兰亭黑简体" panose="02000000000000000000" pitchFamily="2" charset="-122"/>
                <a:cs typeface="Huawei Sans Light" panose="020C0303030203020204" pitchFamily="34" charset="0"/>
              </a:rPr>
              <a:t>网络设备相关</a:t>
            </a:r>
            <a:r>
              <a:rPr lang="en-US" sz="1600" dirty="0">
                <a:latin typeface="Huawei Sans Light" panose="020C0303030203020204" pitchFamily="34" charset="0"/>
                <a:ea typeface="方正兰亭黑简体" panose="02000000000000000000" pitchFamily="2" charset="-122"/>
                <a:cs typeface="Huawei Sans Light" panose="020C0303030203020204" pitchFamily="34" charset="0"/>
              </a:rPr>
              <a:t>RFC</a:t>
            </a:r>
            <a:r>
              <a:rPr lang="zh-CN" sz="1600" dirty="0">
                <a:latin typeface="Huawei Sans Light" panose="020C0303030203020204" pitchFamily="34" charset="0"/>
                <a:ea typeface="方正兰亭黑简体" panose="02000000000000000000" pitchFamily="2" charset="-122"/>
                <a:cs typeface="Huawei Sans Light" panose="020C0303030203020204" pitchFamily="34" charset="0"/>
              </a:rPr>
              <a:t>增长数量</a:t>
            </a:r>
          </a:p>
          <a:p>
            <a:pPr algn="ctr" rtl="0">
              <a:defRPr/>
            </a:pPr>
            <a:endParaRPr lang="zh-CN" dirty="0"/>
          </a:p>
        </c:rich>
      </c:tx>
      <c:overlay val="0"/>
    </c:title>
    <c:autoTitleDeleted val="0"/>
    <c:plotArea>
      <c:layout/>
      <c:barChart>
        <c:barDir val="col"/>
        <c:grouping val="clustered"/>
        <c:varyColors val="0"/>
        <c:ser>
          <c:idx val="0"/>
          <c:order val="0"/>
          <c:tx>
            <c:strRef>
              <c:f>IETF厂商对比!$B$56</c:f>
              <c:strCache>
                <c:ptCount val="1"/>
                <c:pt idx="0">
                  <c:v>网络设备相关RFC增长数量</c:v>
                </c:pt>
              </c:strCache>
            </c:strRef>
          </c:tx>
          <c:spPr>
            <a:solidFill>
              <a:srgbClr val="00B0F0"/>
            </a:solidFill>
            <a:ln w="12700">
              <a:solidFill>
                <a:srgbClr val="99DFF9"/>
              </a:solidFill>
            </a:ln>
          </c:spPr>
          <c:invertIfNegative val="0"/>
          <c:dLbls>
            <c:spPr>
              <a:noFill/>
              <a:ln>
                <a:noFill/>
              </a:ln>
              <a:effectLst/>
            </c:sp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IETF厂商对比!$A$57:$A$65</c:f>
              <c:numCache>
                <c:formatCode>@</c:formatCode>
                <c:ptCount val="9"/>
                <c:pt idx="0">
                  <c:v>2005</c:v>
                </c:pt>
                <c:pt idx="1">
                  <c:v>2006</c:v>
                </c:pt>
                <c:pt idx="2">
                  <c:v>2007</c:v>
                </c:pt>
                <c:pt idx="3">
                  <c:v>2008</c:v>
                </c:pt>
                <c:pt idx="4">
                  <c:v>2009</c:v>
                </c:pt>
                <c:pt idx="5">
                  <c:v>2010</c:v>
                </c:pt>
                <c:pt idx="6">
                  <c:v>2011</c:v>
                </c:pt>
                <c:pt idx="7">
                  <c:v>2012</c:v>
                </c:pt>
                <c:pt idx="8">
                  <c:v>2013</c:v>
                </c:pt>
              </c:numCache>
            </c:numRef>
          </c:cat>
          <c:val>
            <c:numRef>
              <c:f>IETF厂商对比!$B$57:$B$65</c:f>
              <c:numCache>
                <c:formatCode>General</c:formatCode>
                <c:ptCount val="9"/>
                <c:pt idx="0">
                  <c:v>79</c:v>
                </c:pt>
                <c:pt idx="1">
                  <c:v>212</c:v>
                </c:pt>
                <c:pt idx="2">
                  <c:v>152</c:v>
                </c:pt>
                <c:pt idx="3">
                  <c:v>129</c:v>
                </c:pt>
                <c:pt idx="4">
                  <c:v>124</c:v>
                </c:pt>
                <c:pt idx="5">
                  <c:v>150</c:v>
                </c:pt>
                <c:pt idx="6">
                  <c:v>242</c:v>
                </c:pt>
                <c:pt idx="7">
                  <c:v>205</c:v>
                </c:pt>
                <c:pt idx="8">
                  <c:v>185</c:v>
                </c:pt>
              </c:numCache>
            </c:numRef>
          </c:val>
          <c:extLst xmlns:c16r2="http://schemas.microsoft.com/office/drawing/2015/06/chart">
            <c:ext xmlns:c16="http://schemas.microsoft.com/office/drawing/2014/chart" uri="{C3380CC4-5D6E-409C-BE32-E72D297353CC}">
              <c16:uniqueId val="{00000000-C51C-476A-81D9-802B06FD7792}"/>
            </c:ext>
          </c:extLst>
        </c:ser>
        <c:dLbls>
          <c:showLegendKey val="0"/>
          <c:showVal val="1"/>
          <c:showCatName val="0"/>
          <c:showSerName val="0"/>
          <c:showPercent val="0"/>
          <c:showBubbleSize val="0"/>
        </c:dLbls>
        <c:gapWidth val="150"/>
        <c:axId val="-1997612832"/>
        <c:axId val="-1997609568"/>
      </c:barChart>
      <c:catAx>
        <c:axId val="-1997612832"/>
        <c:scaling>
          <c:orientation val="minMax"/>
        </c:scaling>
        <c:delete val="0"/>
        <c:axPos val="b"/>
        <c:numFmt formatCode="@" sourceLinked="1"/>
        <c:majorTickMark val="none"/>
        <c:minorTickMark val="none"/>
        <c:tickLblPos val="nextTo"/>
        <c:crossAx val="-1997609568"/>
        <c:crosses val="autoZero"/>
        <c:auto val="1"/>
        <c:lblAlgn val="ctr"/>
        <c:lblOffset val="100"/>
        <c:noMultiLvlLbl val="0"/>
      </c:catAx>
      <c:valAx>
        <c:axId val="-1997609568"/>
        <c:scaling>
          <c:orientation val="minMax"/>
        </c:scaling>
        <c:delete val="1"/>
        <c:axPos val="l"/>
        <c:numFmt formatCode="General" sourceLinked="1"/>
        <c:majorTickMark val="none"/>
        <c:minorTickMark val="none"/>
        <c:tickLblPos val="none"/>
        <c:crossAx val="-1997612832"/>
        <c:crosses val="autoZero"/>
        <c:crossBetween val="between"/>
      </c:valAx>
    </c:plotArea>
    <c:plotVisOnly val="1"/>
    <c:dispBlanksAs val="gap"/>
    <c:showDLblsOverMax val="0"/>
  </c:chart>
  <c:spPr>
    <a:ln>
      <a:noFill/>
    </a:ln>
  </c:spPr>
  <c:txPr>
    <a:bodyPr/>
    <a:lstStyle/>
    <a:p>
      <a:pPr>
        <a:defRPr sz="1600" b="0">
          <a:latin typeface="+mn-lt"/>
          <a:ea typeface="+mn-ea"/>
        </a:defRPr>
      </a:pPr>
      <a:endParaRPr lang="zh-CN"/>
    </a:p>
  </c:txPr>
  <c:externalData r:id="rId2">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xmlns="" id="{8CC198DB-AFBD-584A-8986-364FF2B03F46}"/>
              </a:ext>
            </a:extLst>
          </p:cNvPr>
          <p:cNvSpPr>
            <a:spLocks noGrp="1"/>
          </p:cNvSpPr>
          <p:nvPr>
            <p:ph type="hdr" sz="quarter"/>
          </p:nvPr>
        </p:nvSpPr>
        <p:spPr>
          <a:xfrm>
            <a:off x="0" y="0"/>
            <a:ext cx="2945659" cy="498056"/>
          </a:xfrm>
          <a:prstGeom prst="rect">
            <a:avLst/>
          </a:prstGeom>
        </p:spPr>
        <p:txBody>
          <a:bodyPr vert="horz" lIns="91440" tIns="45720" rIns="91440" bIns="45720" rtlCol="0"/>
          <a:lstStyle>
            <a:lvl1pPr algn="l">
              <a:defRPr sz="1200"/>
            </a:lvl1pPr>
          </a:lstStyle>
          <a:p>
            <a:endParaRPr lang="en-US"/>
          </a:p>
        </p:txBody>
      </p:sp>
      <p:sp>
        <p:nvSpPr>
          <p:cNvPr id="3" name="Date Placeholder 2">
            <a:extLst>
              <a:ext uri="{FF2B5EF4-FFF2-40B4-BE49-F238E27FC236}">
                <a16:creationId xmlns:a16="http://schemas.microsoft.com/office/drawing/2014/main" xmlns="" id="{AD01315C-523F-A043-8029-B9921497126E}"/>
              </a:ext>
            </a:extLst>
          </p:cNvPr>
          <p:cNvSpPr>
            <a:spLocks noGrp="1"/>
          </p:cNvSpPr>
          <p:nvPr>
            <p:ph type="dt" sz="quarter" idx="1"/>
          </p:nvPr>
        </p:nvSpPr>
        <p:spPr>
          <a:xfrm>
            <a:off x="3850443" y="0"/>
            <a:ext cx="2945659" cy="498056"/>
          </a:xfrm>
          <a:prstGeom prst="rect">
            <a:avLst/>
          </a:prstGeom>
        </p:spPr>
        <p:txBody>
          <a:bodyPr vert="horz" lIns="91440" tIns="45720" rIns="91440" bIns="45720" rtlCol="0"/>
          <a:lstStyle>
            <a:lvl1pPr algn="r">
              <a:defRPr sz="1200"/>
            </a:lvl1pPr>
          </a:lstStyle>
          <a:p>
            <a:fld id="{E8CF71B8-DF2A-2E41-BE66-2E18A767DA8A}" type="datetimeFigureOut">
              <a:rPr lang="en-US" smtClean="0"/>
              <a:t>4/14/2020</a:t>
            </a:fld>
            <a:endParaRPr lang="en-US"/>
          </a:p>
        </p:txBody>
      </p:sp>
      <p:sp>
        <p:nvSpPr>
          <p:cNvPr id="4" name="Footer Placeholder 3">
            <a:extLst>
              <a:ext uri="{FF2B5EF4-FFF2-40B4-BE49-F238E27FC236}">
                <a16:creationId xmlns:a16="http://schemas.microsoft.com/office/drawing/2014/main" xmlns="" id="{B9601424-70F4-1643-8E3A-557A0258D6B6}"/>
              </a:ext>
            </a:extLst>
          </p:cNvPr>
          <p:cNvSpPr>
            <a:spLocks noGrp="1"/>
          </p:cNvSpPr>
          <p:nvPr>
            <p:ph type="ftr" sz="quarter" idx="2"/>
          </p:nvPr>
        </p:nvSpPr>
        <p:spPr>
          <a:xfrm>
            <a:off x="0" y="9428584"/>
            <a:ext cx="2945659" cy="498055"/>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a:extLst>
              <a:ext uri="{FF2B5EF4-FFF2-40B4-BE49-F238E27FC236}">
                <a16:creationId xmlns:a16="http://schemas.microsoft.com/office/drawing/2014/main" xmlns="" id="{E85BF48A-FF5C-8145-95A7-EE66A87C73DF}"/>
              </a:ext>
            </a:extLst>
          </p:cNvPr>
          <p:cNvSpPr>
            <a:spLocks noGrp="1"/>
          </p:cNvSpPr>
          <p:nvPr>
            <p:ph type="sldNum" sz="quarter" idx="3"/>
          </p:nvPr>
        </p:nvSpPr>
        <p:spPr>
          <a:xfrm>
            <a:off x="3850443" y="9428584"/>
            <a:ext cx="2945659" cy="498055"/>
          </a:xfrm>
          <a:prstGeom prst="rect">
            <a:avLst/>
          </a:prstGeom>
        </p:spPr>
        <p:txBody>
          <a:bodyPr vert="horz" lIns="91440" tIns="45720" rIns="91440" bIns="45720" rtlCol="0" anchor="b"/>
          <a:lstStyle>
            <a:lvl1pPr algn="r">
              <a:defRPr sz="1200"/>
            </a:lvl1pPr>
          </a:lstStyle>
          <a:p>
            <a:fld id="{A35F0CC5-85BE-A64A-BD47-54C66F7E93E3}" type="slidenum">
              <a:rPr lang="en-US" smtClean="0"/>
              <a:t>‹#›</a:t>
            </a:fld>
            <a:endParaRPr lang="en-US"/>
          </a:p>
        </p:txBody>
      </p:sp>
    </p:spTree>
    <p:extLst>
      <p:ext uri="{BB962C8B-B14F-4D97-AF65-F5344CB8AC3E}">
        <p14:creationId xmlns:p14="http://schemas.microsoft.com/office/powerpoint/2010/main" val="401909529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432437" y="779463"/>
            <a:ext cx="5932800" cy="3337748"/>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432437" y="4596397"/>
            <a:ext cx="5932800" cy="5108400"/>
          </a:xfrm>
          <a:prstGeom prst="rect">
            <a:avLst/>
          </a:prstGeom>
        </p:spPr>
        <p:txBody>
          <a:bodyPr vert="horz" lIns="91440" tIns="45720" rIns="91440" bIns="45720" rtlCol="0"/>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44632111"/>
      </p:ext>
    </p:extLst>
  </p:cSld>
  <p:clrMap bg1="lt1" tx1="dk1" bg2="lt2" tx2="dk2" accent1="accent1" accent2="accent2" accent3="accent3" accent4="accent4" accent5="accent5" accent6="accent6" hlink="hlink" folHlink="folHlink"/>
  <p:notesStyle>
    <a:lvl1pPr marL="180000" indent="-180000" algn="l" defTabSz="1219304" rtl="0" eaLnBrk="1" latinLnBrk="0" hangingPunct="1">
      <a:lnSpc>
        <a:spcPct val="125000"/>
      </a:lnSpc>
      <a:spcAft>
        <a:spcPts val="600"/>
      </a:spcAft>
      <a:buFont typeface="Huawei Sans" panose="020C0503030203020204" pitchFamily="34" charset="0"/>
      <a:buChar char="•"/>
      <a:defRPr sz="1100" kern="1200">
        <a:solidFill>
          <a:schemeClr val="tx1"/>
        </a:solidFill>
        <a:latin typeface="+mn-lt"/>
        <a:ea typeface="+mn-ea"/>
        <a:cs typeface="+mn-cs"/>
      </a:defRPr>
    </a:lvl1pPr>
    <a:lvl2pPr marL="540000" indent="-180000" algn="l" defTabSz="1219304" rtl="0" eaLnBrk="1" latinLnBrk="0" hangingPunct="1">
      <a:lnSpc>
        <a:spcPct val="125000"/>
      </a:lnSpc>
      <a:spcAft>
        <a:spcPts val="600"/>
      </a:spcAft>
      <a:buClrTx/>
      <a:buFont typeface="Huawei Sans" panose="020C0503030203020204" pitchFamily="34" charset="0"/>
      <a:buChar char="▫"/>
      <a:defRPr sz="1100" kern="1200">
        <a:solidFill>
          <a:schemeClr val="tx1"/>
        </a:solidFill>
        <a:latin typeface="+mn-lt"/>
        <a:ea typeface="+mn-ea"/>
        <a:cs typeface="+mn-cs"/>
      </a:defRPr>
    </a:lvl2pPr>
    <a:lvl3pPr marL="900000" indent="-180000" algn="l" defTabSz="1219304" rtl="0" eaLnBrk="1" latinLnBrk="0" hangingPunct="1">
      <a:lnSpc>
        <a:spcPct val="125000"/>
      </a:lnSpc>
      <a:spcAft>
        <a:spcPts val="600"/>
      </a:spcAft>
      <a:buFont typeface="微软雅黑" panose="020B0503020204020204" pitchFamily="34" charset="-122"/>
      <a:buChar char="▪"/>
      <a:defRPr sz="1100" kern="1200">
        <a:solidFill>
          <a:schemeClr val="tx1"/>
        </a:solidFill>
        <a:latin typeface="+mn-lt"/>
        <a:ea typeface="+mn-ea"/>
        <a:cs typeface="+mn-cs"/>
      </a:defRPr>
    </a:lvl3pPr>
    <a:lvl4pPr marL="1260000" indent="-180000" algn="l" defTabSz="1219304" rtl="0" eaLnBrk="1" latinLnBrk="0" hangingPunct="1">
      <a:lnSpc>
        <a:spcPct val="125000"/>
      </a:lnSpc>
      <a:spcAft>
        <a:spcPts val="600"/>
      </a:spcAft>
      <a:buFont typeface="Huawei Sans" panose="020C0503030203020204" pitchFamily="34" charset="0"/>
      <a:buChar char="−"/>
      <a:defRPr sz="1100" kern="1200">
        <a:solidFill>
          <a:schemeClr val="tx1"/>
        </a:solidFill>
        <a:latin typeface="+mn-lt"/>
        <a:ea typeface="+mn-ea"/>
        <a:cs typeface="+mn-cs"/>
      </a:defRPr>
    </a:lvl4pPr>
    <a:lvl5pPr marL="1620000" indent="-180000" algn="l" defTabSz="1219304" rtl="0" eaLnBrk="1" latinLnBrk="0" hangingPunct="1">
      <a:lnSpc>
        <a:spcPct val="125000"/>
      </a:lnSpc>
      <a:spcAft>
        <a:spcPts val="600"/>
      </a:spcAft>
      <a:buFont typeface="Huawei Sans" panose="020C0503030203020204" pitchFamily="34" charset="0"/>
      <a:buChar char="~"/>
      <a:defRPr sz="1100" kern="1200">
        <a:solidFill>
          <a:schemeClr val="tx1"/>
        </a:solidFill>
        <a:latin typeface="+mn-lt"/>
        <a:ea typeface="+mn-ea"/>
        <a:cs typeface="+mn-cs"/>
      </a:defRPr>
    </a:lvl5pPr>
    <a:lvl6pPr marL="3048261" algn="l" defTabSz="1219304" rtl="0" eaLnBrk="1" latinLnBrk="0" hangingPunct="1">
      <a:defRPr sz="1600" kern="1200">
        <a:solidFill>
          <a:schemeClr val="tx1"/>
        </a:solidFill>
        <a:latin typeface="+mn-lt"/>
        <a:ea typeface="+mn-ea"/>
        <a:cs typeface="+mn-cs"/>
      </a:defRPr>
    </a:lvl6pPr>
    <a:lvl7pPr marL="3657913" algn="l" defTabSz="1219304" rtl="0" eaLnBrk="1" latinLnBrk="0" hangingPunct="1">
      <a:defRPr sz="1600" kern="1200">
        <a:solidFill>
          <a:schemeClr val="tx1"/>
        </a:solidFill>
        <a:latin typeface="+mn-lt"/>
        <a:ea typeface="+mn-ea"/>
        <a:cs typeface="+mn-cs"/>
      </a:defRPr>
    </a:lvl7pPr>
    <a:lvl8pPr marL="4267566" algn="l" defTabSz="1219304" rtl="0" eaLnBrk="1" latinLnBrk="0" hangingPunct="1">
      <a:defRPr sz="1600" kern="1200">
        <a:solidFill>
          <a:schemeClr val="tx1"/>
        </a:solidFill>
        <a:latin typeface="+mn-lt"/>
        <a:ea typeface="+mn-ea"/>
        <a:cs typeface="+mn-cs"/>
      </a:defRPr>
    </a:lvl8pPr>
    <a:lvl9pPr marL="4877219" algn="l" defTabSz="1219304" rtl="0" eaLnBrk="1" latinLnBrk="0" hangingPunct="1">
      <a:defRPr sz="1600" kern="1200">
        <a:solidFill>
          <a:schemeClr val="tx1"/>
        </a:solidFill>
        <a:latin typeface="+mn-lt"/>
        <a:ea typeface="+mn-ea"/>
        <a:cs typeface="+mn-cs"/>
      </a:defRPr>
    </a:lvl9pPr>
  </p:notesStyle>
  <p:extLst>
    <p:ext uri="{620B2872-D7B9-4A21-9093-7833F8D536E1}">
      <p15:sldGuideLst xmlns:p15="http://schemas.microsoft.com/office/powerpoint/2012/main">
        <p15:guide id="2" orient="horz" pos="2886" userDrawn="1">
          <p15:clr>
            <a:srgbClr val="F26B43"/>
          </p15:clr>
        </p15:guide>
        <p15:guide id="3" orient="horz" pos="482" userDrawn="1">
          <p15:clr>
            <a:srgbClr val="F26B43"/>
          </p15:clr>
        </p15:guide>
        <p15:guide id="4" orient="horz" pos="2591" userDrawn="1">
          <p15:clr>
            <a:srgbClr val="F26B43"/>
          </p15:clr>
        </p15:guide>
        <p15:guide id="5" orient="horz" pos="2160" userDrawn="1">
          <p15:clr>
            <a:srgbClr val="F26B43"/>
          </p15:clr>
        </p15:guide>
      </p15:sldGuideLst>
    </p:ext>
  </p:extLst>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endParaRPr lang="zh-CN" altLang="en-US" dirty="0"/>
          </a:p>
        </p:txBody>
      </p:sp>
      <p:sp>
        <p:nvSpPr>
          <p:cNvPr id="5" name="幻灯片图像占位符 4"/>
          <p:cNvSpPr>
            <a:spLocks noGrp="1" noRot="1" noChangeAspect="1"/>
          </p:cNvSpPr>
          <p:nvPr>
            <p:ph type="sldImg"/>
          </p:nvPr>
        </p:nvSpPr>
        <p:spPr>
          <a:xfrm>
            <a:off x="431800" y="779463"/>
            <a:ext cx="5934075" cy="3338512"/>
          </a:xfrm>
        </p:spPr>
      </p:sp>
    </p:spTree>
    <p:extLst>
      <p:ext uri="{BB962C8B-B14F-4D97-AF65-F5344CB8AC3E}">
        <p14:creationId xmlns:p14="http://schemas.microsoft.com/office/powerpoint/2010/main" val="4311755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09171142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54532949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62516728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网络业务部署的愿景是：网络策略实现业务随行，与物理位置无关；新业务实现快速部署；物理网络支持零配置部署，设备即插即用。</a:t>
            </a:r>
          </a:p>
        </p:txBody>
      </p:sp>
      <p:sp>
        <p:nvSpPr>
          <p:cNvPr id="5" name="幻灯片图像占位符 4">
            <a:extLst>
              <a:ext uri="{FF2B5EF4-FFF2-40B4-BE49-F238E27FC236}">
                <a16:creationId xmlns:a16="http://schemas.microsoft.com/office/drawing/2014/main" xmlns="" id="{2D54C161-8B0C-40CA-8405-D8D279567CDF}"/>
              </a:ext>
            </a:extLst>
          </p:cNvPr>
          <p:cNvSpPr>
            <a:spLocks noGrp="1" noRot="1" noChangeAspect="1"/>
          </p:cNvSpPr>
          <p:nvPr>
            <p:ph type="sldImg"/>
          </p:nvPr>
        </p:nvSpPr>
        <p:spPr>
          <a:xfrm>
            <a:off x="431800" y="779463"/>
            <a:ext cx="5934075" cy="3338512"/>
          </a:xfrm>
        </p:spPr>
      </p:sp>
    </p:spTree>
    <p:extLst>
      <p:ext uri="{BB962C8B-B14F-4D97-AF65-F5344CB8AC3E}">
        <p14:creationId xmlns:p14="http://schemas.microsoft.com/office/powerpoint/2010/main" val="41848427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007260774"/>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r>
              <a:rPr lang="en-US" altLang="zh-CN" dirty="0"/>
              <a:t>Controller-to-Switch</a:t>
            </a:r>
            <a:r>
              <a:rPr lang="zh-CN" altLang="en-US" dirty="0"/>
              <a:t>子类型：</a:t>
            </a:r>
            <a:endParaRPr lang="en-US" altLang="zh-CN" dirty="0"/>
          </a:p>
          <a:p>
            <a:pPr lvl="1"/>
            <a:r>
              <a:rPr lang="en-US" altLang="zh-CN" dirty="0"/>
              <a:t>Features</a:t>
            </a:r>
            <a:r>
              <a:rPr lang="zh-CN" altLang="en-US" dirty="0"/>
              <a:t>消息：在</a:t>
            </a:r>
            <a:r>
              <a:rPr lang="en-US" altLang="zh-CN" dirty="0"/>
              <a:t>SSL/TCP</a:t>
            </a:r>
            <a:r>
              <a:rPr lang="zh-CN" altLang="en-US" dirty="0"/>
              <a:t>会话建立后，</a:t>
            </a:r>
            <a:r>
              <a:rPr lang="en-US" altLang="zh-CN" dirty="0"/>
              <a:t>Controller</a:t>
            </a:r>
            <a:r>
              <a:rPr lang="zh-CN" altLang="en-US" dirty="0"/>
              <a:t>给</a:t>
            </a:r>
            <a:r>
              <a:rPr lang="en-US" altLang="zh-CN" dirty="0"/>
              <a:t>Switch</a:t>
            </a:r>
            <a:r>
              <a:rPr lang="zh-CN" altLang="en-US" dirty="0"/>
              <a:t>发送</a:t>
            </a:r>
            <a:r>
              <a:rPr lang="en-US" altLang="zh-CN" dirty="0"/>
              <a:t>Features</a:t>
            </a:r>
            <a:r>
              <a:rPr lang="zh-CN" altLang="en-US" dirty="0"/>
              <a:t>请求</a:t>
            </a:r>
            <a:r>
              <a:rPr lang="en-US" altLang="zh-CN" dirty="0"/>
              <a:t>Switch</a:t>
            </a:r>
            <a:r>
              <a:rPr lang="zh-CN" altLang="en-US" dirty="0"/>
              <a:t>的相关信息。</a:t>
            </a:r>
            <a:r>
              <a:rPr lang="en-US" altLang="zh-CN" dirty="0"/>
              <a:t>Switch</a:t>
            </a:r>
            <a:r>
              <a:rPr lang="zh-CN" altLang="en-US" dirty="0"/>
              <a:t>必须应答自己支持的功能，包括接口名、接口</a:t>
            </a:r>
            <a:r>
              <a:rPr lang="en-US" altLang="zh-CN" dirty="0"/>
              <a:t>MAC</a:t>
            </a:r>
            <a:r>
              <a:rPr lang="zh-CN" altLang="en-US" dirty="0"/>
              <a:t>地址、接口支持的速率等等基本信息。</a:t>
            </a:r>
          </a:p>
          <a:p>
            <a:pPr lvl="1"/>
            <a:r>
              <a:rPr lang="en-US" altLang="zh-CN" dirty="0"/>
              <a:t>Configuration</a:t>
            </a:r>
            <a:r>
              <a:rPr lang="zh-CN" altLang="en-US" dirty="0"/>
              <a:t>消息：</a:t>
            </a:r>
            <a:r>
              <a:rPr lang="en-US" altLang="zh-CN" dirty="0"/>
              <a:t>Controller</a:t>
            </a:r>
            <a:r>
              <a:rPr lang="zh-CN" altLang="en-US" dirty="0"/>
              <a:t>可以设置或查询</a:t>
            </a:r>
            <a:r>
              <a:rPr lang="en-US" altLang="zh-CN" dirty="0"/>
              <a:t>Switch</a:t>
            </a:r>
            <a:r>
              <a:rPr lang="zh-CN" altLang="en-US" dirty="0"/>
              <a:t>的状态。</a:t>
            </a:r>
          </a:p>
          <a:p>
            <a:pPr lvl="1"/>
            <a:r>
              <a:rPr lang="en-US" altLang="zh-CN" dirty="0"/>
              <a:t>Modify-State</a:t>
            </a:r>
            <a:r>
              <a:rPr lang="zh-CN" altLang="en-US" dirty="0"/>
              <a:t>消息：</a:t>
            </a:r>
            <a:r>
              <a:rPr lang="en-US" altLang="zh-CN" dirty="0"/>
              <a:t>Controller</a:t>
            </a:r>
            <a:r>
              <a:rPr lang="zh-CN" altLang="en-US" dirty="0"/>
              <a:t>发送该消息给</a:t>
            </a:r>
            <a:r>
              <a:rPr lang="en-US" altLang="zh-CN" dirty="0"/>
              <a:t>Switch</a:t>
            </a:r>
            <a:r>
              <a:rPr lang="zh-CN" altLang="en-US" dirty="0"/>
              <a:t>，来管理</a:t>
            </a:r>
            <a:r>
              <a:rPr lang="en-US" altLang="zh-CN" dirty="0"/>
              <a:t>Switch</a:t>
            </a:r>
            <a:r>
              <a:rPr lang="zh-CN" altLang="en-US" dirty="0"/>
              <a:t>的状态，即增加</a:t>
            </a:r>
            <a:r>
              <a:rPr lang="en-US" altLang="zh-CN" dirty="0"/>
              <a:t>/</a:t>
            </a:r>
            <a:r>
              <a:rPr lang="zh-CN" altLang="en-US" dirty="0"/>
              <a:t>删除、更改流表，并设置</a:t>
            </a:r>
            <a:r>
              <a:rPr lang="en-US" altLang="zh-CN" dirty="0"/>
              <a:t>Switch</a:t>
            </a:r>
            <a:r>
              <a:rPr lang="zh-CN" altLang="en-US" dirty="0"/>
              <a:t>的端口属性。</a:t>
            </a:r>
          </a:p>
          <a:p>
            <a:pPr lvl="1"/>
            <a:r>
              <a:rPr lang="en-US" altLang="zh-CN" dirty="0"/>
              <a:t>Read-State</a:t>
            </a:r>
            <a:r>
              <a:rPr lang="zh-CN" altLang="en-US" dirty="0"/>
              <a:t>消息：</a:t>
            </a:r>
            <a:r>
              <a:rPr lang="en-US" altLang="zh-CN" dirty="0"/>
              <a:t>Controller</a:t>
            </a:r>
            <a:r>
              <a:rPr lang="zh-CN" altLang="en-US" dirty="0"/>
              <a:t>用该消息收集</a:t>
            </a:r>
            <a:r>
              <a:rPr lang="en-US" altLang="zh-CN" dirty="0"/>
              <a:t>Switch</a:t>
            </a:r>
            <a:r>
              <a:rPr lang="zh-CN" altLang="en-US" dirty="0"/>
              <a:t>上的统计信息。</a:t>
            </a:r>
          </a:p>
          <a:p>
            <a:pPr lvl="1"/>
            <a:r>
              <a:rPr lang="en-US" altLang="zh-CN" dirty="0"/>
              <a:t>Send-Packet</a:t>
            </a:r>
            <a:r>
              <a:rPr lang="zh-CN" altLang="en-US" dirty="0"/>
              <a:t>消息：</a:t>
            </a:r>
            <a:r>
              <a:rPr lang="en-US" altLang="zh-CN" dirty="0"/>
              <a:t>Controller</a:t>
            </a:r>
            <a:r>
              <a:rPr lang="zh-CN" altLang="en-US" dirty="0"/>
              <a:t>发送该消息到</a:t>
            </a:r>
            <a:r>
              <a:rPr lang="en-US" altLang="zh-CN" dirty="0"/>
              <a:t>Switch</a:t>
            </a:r>
            <a:r>
              <a:rPr lang="zh-CN" altLang="en-US" dirty="0"/>
              <a:t>的特定端口。</a:t>
            </a:r>
          </a:p>
          <a:p>
            <a:r>
              <a:rPr lang="en-US" altLang="zh-CN" dirty="0"/>
              <a:t>Asynchronous</a:t>
            </a:r>
            <a:r>
              <a:rPr lang="zh-CN" altLang="en-US" dirty="0"/>
              <a:t>子类型：</a:t>
            </a:r>
            <a:endParaRPr lang="en-US" altLang="zh-CN" dirty="0"/>
          </a:p>
          <a:p>
            <a:pPr lvl="1"/>
            <a:r>
              <a:rPr lang="en-US" altLang="zh-CN" dirty="0"/>
              <a:t>Packet-in</a:t>
            </a:r>
            <a:r>
              <a:rPr lang="zh-CN" altLang="en-US" dirty="0"/>
              <a:t>消息：当</a:t>
            </a:r>
            <a:r>
              <a:rPr lang="en-US" altLang="zh-CN" dirty="0"/>
              <a:t>Flow Table</a:t>
            </a:r>
            <a:r>
              <a:rPr lang="zh-CN" altLang="en-US" dirty="0"/>
              <a:t>中没有匹配的表项或者匹配“</a:t>
            </a:r>
            <a:r>
              <a:rPr lang="en-US" altLang="zh-CN" dirty="0"/>
              <a:t>send to Controller”</a:t>
            </a:r>
            <a:r>
              <a:rPr lang="zh-CN" altLang="en-US" dirty="0"/>
              <a:t>，</a:t>
            </a:r>
            <a:r>
              <a:rPr lang="en-US" altLang="zh-CN" dirty="0"/>
              <a:t>Switch</a:t>
            </a:r>
            <a:r>
              <a:rPr lang="zh-CN" altLang="en-US" dirty="0"/>
              <a:t>将给</a:t>
            </a:r>
            <a:r>
              <a:rPr lang="en-US" altLang="zh-CN" dirty="0"/>
              <a:t>Controller</a:t>
            </a:r>
            <a:r>
              <a:rPr lang="zh-CN" altLang="en-US" dirty="0"/>
              <a:t>发送</a:t>
            </a:r>
            <a:r>
              <a:rPr lang="en-US" altLang="zh-CN" dirty="0"/>
              <a:t>packet-in</a:t>
            </a:r>
            <a:r>
              <a:rPr lang="zh-CN" altLang="en-US" dirty="0"/>
              <a:t>消息。</a:t>
            </a:r>
            <a:endParaRPr lang="en-US" altLang="zh-CN" dirty="0"/>
          </a:p>
          <a:p>
            <a:pPr lvl="1"/>
            <a:r>
              <a:rPr lang="en-US" altLang="zh-CN" dirty="0"/>
              <a:t>Packet-out</a:t>
            </a:r>
            <a:r>
              <a:rPr lang="zh-CN" altLang="en-US" dirty="0"/>
              <a:t>消息：从控制器回复的消息。</a:t>
            </a:r>
          </a:p>
          <a:p>
            <a:pPr lvl="1"/>
            <a:r>
              <a:rPr lang="en-US" altLang="zh-CN" dirty="0"/>
              <a:t>Flow-Removed</a:t>
            </a:r>
            <a:r>
              <a:rPr lang="zh-CN" altLang="en-US" dirty="0"/>
              <a:t>消息：当给</a:t>
            </a:r>
            <a:r>
              <a:rPr lang="en-US" altLang="zh-CN" dirty="0"/>
              <a:t>Switch</a:t>
            </a:r>
            <a:r>
              <a:rPr lang="zh-CN" altLang="en-US" dirty="0"/>
              <a:t>增加一条表项时，会设定超时周期。当时间超时后，该条目就会被删除。这时</a:t>
            </a:r>
            <a:r>
              <a:rPr lang="en-US" altLang="zh-CN" dirty="0"/>
              <a:t>Switch</a:t>
            </a:r>
            <a:r>
              <a:rPr lang="zh-CN" altLang="en-US" dirty="0"/>
              <a:t>就会给</a:t>
            </a:r>
            <a:r>
              <a:rPr lang="en-US" altLang="zh-CN" dirty="0"/>
              <a:t>Controller</a:t>
            </a:r>
            <a:r>
              <a:rPr lang="zh-CN" altLang="en-US" dirty="0"/>
              <a:t>发送</a:t>
            </a:r>
            <a:r>
              <a:rPr lang="en-US" altLang="zh-CN" dirty="0"/>
              <a:t>Flow-Removed</a:t>
            </a:r>
            <a:r>
              <a:rPr lang="zh-CN" altLang="en-US" dirty="0"/>
              <a:t>消息；当流表中有条目要删除时，</a:t>
            </a:r>
            <a:r>
              <a:rPr lang="en-US" altLang="zh-CN" dirty="0"/>
              <a:t>Switch</a:t>
            </a:r>
            <a:r>
              <a:rPr lang="zh-CN" altLang="en-US" dirty="0"/>
              <a:t>也会给</a:t>
            </a:r>
            <a:r>
              <a:rPr lang="en-US" altLang="zh-CN" dirty="0"/>
              <a:t>Controller</a:t>
            </a:r>
            <a:r>
              <a:rPr lang="zh-CN" altLang="en-US" dirty="0"/>
              <a:t>发送该消息。</a:t>
            </a:r>
          </a:p>
          <a:p>
            <a:pPr lvl="1"/>
            <a:r>
              <a:rPr lang="en-US" altLang="zh-CN" dirty="0"/>
              <a:t>Port-status</a:t>
            </a:r>
            <a:r>
              <a:rPr lang="zh-CN" altLang="en-US" dirty="0"/>
              <a:t>消息：当数据路径接口被添加、删除、修改的时候，此消息用于通知控制器。</a:t>
            </a:r>
          </a:p>
          <a:p>
            <a:endParaRPr lang="zh-CN" altLang="en-US" dirty="0"/>
          </a:p>
        </p:txBody>
      </p:sp>
    </p:spTree>
    <p:extLst>
      <p:ext uri="{BB962C8B-B14F-4D97-AF65-F5344CB8AC3E}">
        <p14:creationId xmlns:p14="http://schemas.microsoft.com/office/powerpoint/2010/main" val="13575384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a:xfrm>
            <a:off x="432437" y="794590"/>
            <a:ext cx="5932800" cy="5108400"/>
          </a:xfrm>
        </p:spPr>
        <p:txBody>
          <a:bodyPr/>
          <a:lstStyle/>
          <a:p>
            <a:r>
              <a:rPr lang="en-US" altLang="zh-CN"/>
              <a:t>Symmetric</a:t>
            </a:r>
            <a:r>
              <a:rPr lang="zh-CN" altLang="en-US"/>
              <a:t>子类型：</a:t>
            </a:r>
            <a:endParaRPr lang="en-US" altLang="zh-CN"/>
          </a:p>
          <a:p>
            <a:pPr lvl="1"/>
            <a:r>
              <a:rPr lang="en-US" altLang="zh-CN"/>
              <a:t>Hello</a:t>
            </a:r>
            <a:r>
              <a:rPr lang="zh-CN" altLang="en-US"/>
              <a:t>消息：当一个</a:t>
            </a:r>
            <a:r>
              <a:rPr lang="en-US" altLang="zh-CN"/>
              <a:t>OpenFlow</a:t>
            </a:r>
            <a:r>
              <a:rPr lang="zh-CN" altLang="en-US"/>
              <a:t>连接建立时，</a:t>
            </a:r>
            <a:r>
              <a:rPr lang="en-US" altLang="zh-CN"/>
              <a:t>Controller</a:t>
            </a:r>
            <a:r>
              <a:rPr lang="zh-CN" altLang="en-US"/>
              <a:t>和</a:t>
            </a:r>
            <a:r>
              <a:rPr lang="en-US" altLang="zh-CN"/>
              <a:t>Switch</a:t>
            </a:r>
            <a:r>
              <a:rPr lang="zh-CN" altLang="en-US"/>
              <a:t>都会立刻向对端发送</a:t>
            </a:r>
            <a:r>
              <a:rPr lang="en-US" altLang="zh-CN"/>
              <a:t>OFPT_HELLO</a:t>
            </a:r>
            <a:r>
              <a:rPr lang="zh-CN" altLang="en-US"/>
              <a:t>消息，该消息中的</a:t>
            </a:r>
            <a:r>
              <a:rPr lang="en-US" altLang="zh-CN"/>
              <a:t>version</a:t>
            </a:r>
            <a:r>
              <a:rPr lang="zh-CN" altLang="en-US"/>
              <a:t>域填充发送方支持的</a:t>
            </a:r>
            <a:r>
              <a:rPr lang="en-US" altLang="zh-CN"/>
              <a:t>OpenFlow</a:t>
            </a:r>
            <a:r>
              <a:rPr lang="zh-CN" altLang="en-US"/>
              <a:t>协议最高的版本号；接收方收到该消息后，接收方会计算协议版本号，即在发送方和接收方的版本号中选择一个较小的；如果接收方支持该版本，则继续处理连接，连接成功；否则，接收者回复一个</a:t>
            </a:r>
            <a:r>
              <a:rPr lang="en-US" altLang="zh-CN"/>
              <a:t>OFPT_ERROR</a:t>
            </a:r>
            <a:r>
              <a:rPr lang="zh-CN" altLang="en-US"/>
              <a:t>消息，类型域中填充</a:t>
            </a:r>
            <a:r>
              <a:rPr lang="en-US" altLang="zh-CN"/>
              <a:t>ofp_error_type.OFPET_HELLO_FAILED</a:t>
            </a:r>
          </a:p>
          <a:p>
            <a:pPr lvl="1"/>
            <a:r>
              <a:rPr lang="en-US" altLang="zh-CN"/>
              <a:t>Echo</a:t>
            </a:r>
            <a:r>
              <a:rPr lang="zh-CN" altLang="en-US"/>
              <a:t>消息： </a:t>
            </a:r>
            <a:r>
              <a:rPr lang="en-US" altLang="zh-CN"/>
              <a:t>Switch</a:t>
            </a:r>
            <a:r>
              <a:rPr lang="zh-CN" altLang="en-US"/>
              <a:t>和</a:t>
            </a:r>
            <a:r>
              <a:rPr lang="en-US" altLang="zh-CN"/>
              <a:t>Controller</a:t>
            </a:r>
            <a:r>
              <a:rPr lang="zh-CN" altLang="en-US"/>
              <a:t>任何一方都可以发起</a:t>
            </a:r>
            <a:r>
              <a:rPr lang="en-US" altLang="zh-CN"/>
              <a:t>Echo request</a:t>
            </a:r>
            <a:r>
              <a:rPr lang="zh-CN" altLang="en-US"/>
              <a:t>消息，但收到的一方必须回应</a:t>
            </a:r>
            <a:r>
              <a:rPr lang="en-US" altLang="zh-CN"/>
              <a:t>Echo reply</a:t>
            </a:r>
            <a:r>
              <a:rPr lang="zh-CN" altLang="en-US"/>
              <a:t>消息。这个消息可以来测量</a:t>
            </a:r>
            <a:r>
              <a:rPr lang="en-US" altLang="zh-CN"/>
              <a:t>latency</a:t>
            </a:r>
            <a:r>
              <a:rPr lang="zh-CN" altLang="en-US"/>
              <a:t>、</a:t>
            </a:r>
            <a:r>
              <a:rPr lang="en-US" altLang="zh-CN"/>
              <a:t>Controller-Switch</a:t>
            </a:r>
            <a:r>
              <a:rPr lang="zh-CN" altLang="en-US"/>
              <a:t>之间的连接性，即心跳消息；</a:t>
            </a:r>
            <a:endParaRPr lang="en-US" altLang="zh-CN"/>
          </a:p>
          <a:p>
            <a:pPr lvl="1">
              <a:defRPr/>
            </a:pPr>
            <a:r>
              <a:rPr lang="en-US" altLang="zh-CN"/>
              <a:t>Error</a:t>
            </a:r>
            <a:r>
              <a:rPr lang="zh-CN" altLang="en-US"/>
              <a:t>消息：当交换机需要通知控制器发生问题或错误时，</a:t>
            </a:r>
            <a:r>
              <a:rPr lang="en-US" altLang="zh-CN"/>
              <a:t>Switch</a:t>
            </a:r>
            <a:r>
              <a:rPr lang="zh-CN" altLang="en-US"/>
              <a:t>给</a:t>
            </a:r>
            <a:r>
              <a:rPr lang="en-US" altLang="zh-CN"/>
              <a:t>Controller </a:t>
            </a:r>
            <a:r>
              <a:rPr lang="zh-CN" altLang="en-US"/>
              <a:t>发送</a:t>
            </a:r>
            <a:r>
              <a:rPr lang="en-US" altLang="zh-CN"/>
              <a:t>Error</a:t>
            </a:r>
            <a:r>
              <a:rPr lang="zh-CN" altLang="en-US"/>
              <a:t>消息。</a:t>
            </a:r>
          </a:p>
          <a:p>
            <a:r>
              <a:rPr lang="en-US" altLang="zh-CN"/>
              <a:t>OpenFlow</a:t>
            </a:r>
            <a:r>
              <a:rPr lang="zh-CN" altLang="en-US"/>
              <a:t>协议仍在持续更新。更多更全的消息类型请参考</a:t>
            </a:r>
            <a:r>
              <a:rPr lang="en-US" altLang="zh-CN"/>
              <a:t>ONF</a:t>
            </a:r>
            <a:r>
              <a:rPr lang="zh-CN" altLang="en-US"/>
              <a:t>最新发布</a:t>
            </a:r>
            <a:r>
              <a:rPr lang="en-US" altLang="zh-CN"/>
              <a:t>《OpenFlow Switch Speciﬁcation》</a:t>
            </a:r>
            <a:r>
              <a:rPr lang="zh-CN" altLang="en-US"/>
              <a:t>标准。</a:t>
            </a:r>
            <a:endParaRPr lang="en-US" altLang="zh-CN"/>
          </a:p>
          <a:p>
            <a:endParaRPr lang="zh-CN" altLang="en-US"/>
          </a:p>
        </p:txBody>
      </p:sp>
    </p:spTree>
    <p:extLst>
      <p:ext uri="{BB962C8B-B14F-4D97-AF65-F5344CB8AC3E}">
        <p14:creationId xmlns:p14="http://schemas.microsoft.com/office/powerpoint/2010/main" val="394527596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r>
              <a:rPr lang="en-US" altLang="zh-CN" dirty="0"/>
              <a:t>Match Fields</a:t>
            </a:r>
            <a:r>
              <a:rPr lang="zh-CN" altLang="en-US" dirty="0"/>
              <a:t>：流表项匹配项（</a:t>
            </a:r>
            <a:r>
              <a:rPr lang="en-US" altLang="zh-CN" dirty="0" err="1"/>
              <a:t>OpenFlow</a:t>
            </a:r>
            <a:r>
              <a:rPr lang="en-US" altLang="zh-CN" dirty="0"/>
              <a:t> 1.5.1</a:t>
            </a:r>
            <a:r>
              <a:rPr lang="zh-CN" altLang="en-US" dirty="0"/>
              <a:t>版本支持</a:t>
            </a:r>
            <a:r>
              <a:rPr lang="en-US" altLang="zh-CN" dirty="0"/>
              <a:t>45</a:t>
            </a:r>
            <a:r>
              <a:rPr lang="zh-CN" altLang="en-US" dirty="0"/>
              <a:t>个可选匹配项），可以匹配入接口、物理入接口，流表间数据，二层报文头，三层报文头，四层端口号等报文字段等。</a:t>
            </a:r>
          </a:p>
          <a:p>
            <a:r>
              <a:rPr lang="en-US" altLang="zh-CN" dirty="0"/>
              <a:t>Priority</a:t>
            </a:r>
            <a:r>
              <a:rPr lang="zh-CN" altLang="en-US" dirty="0"/>
              <a:t>：流表项优先级，定义流表项之间的匹配顺序，优先级高的先匹配。</a:t>
            </a:r>
          </a:p>
          <a:p>
            <a:r>
              <a:rPr lang="en-US" altLang="zh-CN" dirty="0"/>
              <a:t>Counters</a:t>
            </a:r>
            <a:r>
              <a:rPr lang="zh-CN" altLang="en-US" dirty="0"/>
              <a:t>：流表项统计计数，统计有多少个报文和字节匹配到该流表项。</a:t>
            </a:r>
          </a:p>
          <a:p>
            <a:r>
              <a:rPr lang="en-US" altLang="zh-CN" dirty="0"/>
              <a:t>Instructions</a:t>
            </a:r>
            <a:r>
              <a:rPr lang="zh-CN" altLang="en-US" dirty="0"/>
              <a:t>：流表项动作指令集，定义匹配到该流表项的报文需要进行的处理。当报文匹配流表项时，每个流表项包含的指令集就会执行。这些指令会影响到报文、动作集以及管道流程。</a:t>
            </a:r>
            <a:endParaRPr lang="en-US" altLang="zh-CN" dirty="0"/>
          </a:p>
          <a:p>
            <a:r>
              <a:rPr lang="en-US" altLang="zh-CN" dirty="0"/>
              <a:t>Timeouts</a:t>
            </a:r>
            <a:r>
              <a:rPr lang="zh-CN" altLang="en-US" dirty="0"/>
              <a:t>：流表项的超时时间，包括了</a:t>
            </a:r>
            <a:r>
              <a:rPr lang="en-US" altLang="zh-CN" dirty="0"/>
              <a:t>Idle Time</a:t>
            </a:r>
            <a:r>
              <a:rPr lang="zh-CN" altLang="en-US" dirty="0"/>
              <a:t>和</a:t>
            </a:r>
            <a:r>
              <a:rPr lang="en-US" altLang="zh-CN" dirty="0"/>
              <a:t>Hard Time</a:t>
            </a:r>
            <a:r>
              <a:rPr lang="zh-CN" altLang="en-US" dirty="0"/>
              <a:t>。</a:t>
            </a:r>
          </a:p>
          <a:p>
            <a:pPr lvl="1"/>
            <a:r>
              <a:rPr lang="en-US" altLang="zh-CN" dirty="0"/>
              <a:t>Idle Time</a:t>
            </a:r>
            <a:r>
              <a:rPr lang="zh-CN" altLang="en-US" dirty="0"/>
              <a:t>：在</a:t>
            </a:r>
            <a:r>
              <a:rPr lang="en-US" altLang="zh-CN" dirty="0"/>
              <a:t>Idle Time</a:t>
            </a:r>
            <a:r>
              <a:rPr lang="zh-CN" altLang="en-US" dirty="0"/>
              <a:t>时间超时后如果没有报文匹配到该流表项，则此流表项被删除。</a:t>
            </a:r>
          </a:p>
          <a:p>
            <a:pPr lvl="1"/>
            <a:r>
              <a:rPr lang="en-US" altLang="zh-CN" dirty="0"/>
              <a:t>Hard Time</a:t>
            </a:r>
            <a:r>
              <a:rPr lang="zh-CN" altLang="en-US" dirty="0"/>
              <a:t>：在</a:t>
            </a:r>
            <a:r>
              <a:rPr lang="en-US" altLang="zh-CN" dirty="0"/>
              <a:t>Hard Time</a:t>
            </a:r>
            <a:r>
              <a:rPr lang="zh-CN" altLang="en-US" dirty="0"/>
              <a:t>时间超时后，无论是否有报文匹配到该流表项，此流表项都会被删除。</a:t>
            </a:r>
          </a:p>
          <a:p>
            <a:r>
              <a:rPr lang="en-US" altLang="zh-CN" dirty="0"/>
              <a:t>Cookie</a:t>
            </a:r>
            <a:r>
              <a:rPr lang="zh-CN" altLang="en-US" dirty="0"/>
              <a:t>：</a:t>
            </a:r>
            <a:r>
              <a:rPr lang="en-US" altLang="zh-CN" dirty="0"/>
              <a:t>Controller</a:t>
            </a:r>
            <a:r>
              <a:rPr lang="zh-CN" altLang="en-US" dirty="0"/>
              <a:t>下发的流表项的标识。</a:t>
            </a:r>
          </a:p>
          <a:p>
            <a:r>
              <a:rPr lang="en-US" altLang="zh-CN" dirty="0"/>
              <a:t>Flags</a:t>
            </a:r>
            <a:r>
              <a:rPr lang="zh-CN" altLang="en-US" dirty="0"/>
              <a:t>：该字段改变流条目的管理方式。</a:t>
            </a:r>
          </a:p>
        </p:txBody>
      </p:sp>
    </p:spTree>
    <p:extLst>
      <p:ext uri="{BB962C8B-B14F-4D97-AF65-F5344CB8AC3E}">
        <p14:creationId xmlns:p14="http://schemas.microsoft.com/office/powerpoint/2010/main" val="204961509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流表的匹配原则是对于存在的“</a:t>
            </a:r>
            <a:r>
              <a:rPr lang="en-US" altLang="zh-CN" dirty="0"/>
              <a:t>table0-table255”</a:t>
            </a:r>
            <a:r>
              <a:rPr lang="zh-CN" altLang="en-US" dirty="0"/>
              <a:t>，优先从</a:t>
            </a:r>
            <a:r>
              <a:rPr lang="en-US" altLang="zh-CN" dirty="0"/>
              <a:t>table0</a:t>
            </a:r>
            <a:r>
              <a:rPr lang="zh-CN" altLang="en-US" dirty="0"/>
              <a:t>开始匹配。同一</a:t>
            </a:r>
            <a:r>
              <a:rPr lang="en-US" altLang="zh-CN" dirty="0"/>
              <a:t>table</a:t>
            </a:r>
            <a:r>
              <a:rPr lang="zh-CN" altLang="en-US" dirty="0"/>
              <a:t>内部按照优先级匹配，优先级高优先匹配。</a:t>
            </a:r>
            <a:endParaRPr lang="en-US" altLang="zh-CN" dirty="0"/>
          </a:p>
          <a:p>
            <a:r>
              <a:rPr lang="zh-CN" altLang="en-US" dirty="0"/>
              <a:t>当前</a:t>
            </a:r>
            <a:r>
              <a:rPr lang="en-US" altLang="zh-CN" dirty="0" err="1"/>
              <a:t>OpenFlow</a:t>
            </a:r>
            <a:r>
              <a:rPr lang="zh-CN" altLang="en-US" dirty="0"/>
              <a:t>的主流应用是用于数据中心的软件交换机，例如</a:t>
            </a:r>
            <a:r>
              <a:rPr lang="en-US" altLang="zh-CN" dirty="0"/>
              <a:t>OVS</a:t>
            </a:r>
            <a:r>
              <a:rPr lang="zh-CN" altLang="en-US" dirty="0"/>
              <a:t>、</a:t>
            </a:r>
            <a:r>
              <a:rPr lang="en-US" altLang="zh-CN" dirty="0"/>
              <a:t>CE1800V</a:t>
            </a:r>
            <a:r>
              <a:rPr lang="zh-CN" altLang="en-US" dirty="0"/>
              <a:t>等，而不是实现硬件交换机的转控分离。</a:t>
            </a:r>
          </a:p>
          <a:p>
            <a:endParaRPr lang="zh-CN" altLang="en-US" dirty="0"/>
          </a:p>
        </p:txBody>
      </p:sp>
      <p:sp>
        <p:nvSpPr>
          <p:cNvPr id="5" name="幻灯片图像占位符 4">
            <a:extLst>
              <a:ext uri="{FF2B5EF4-FFF2-40B4-BE49-F238E27FC236}">
                <a16:creationId xmlns:a16="http://schemas.microsoft.com/office/drawing/2014/main" xmlns="" id="{BAC3A329-114F-493E-AC76-B22C96A5AB26}"/>
              </a:ext>
            </a:extLst>
          </p:cNvPr>
          <p:cNvSpPr>
            <a:spLocks noGrp="1" noRot="1" noChangeAspect="1"/>
          </p:cNvSpPr>
          <p:nvPr>
            <p:ph type="sldImg"/>
          </p:nvPr>
        </p:nvSpPr>
        <p:spPr>
          <a:xfrm>
            <a:off x="431800" y="779463"/>
            <a:ext cx="5934075" cy="3338512"/>
          </a:xfrm>
        </p:spPr>
      </p:sp>
    </p:spTree>
    <p:extLst>
      <p:ext uri="{BB962C8B-B14F-4D97-AF65-F5344CB8AC3E}">
        <p14:creationId xmlns:p14="http://schemas.microsoft.com/office/powerpoint/2010/main" val="410085928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a:t>SDN</a:t>
            </a:r>
            <a:r>
              <a:rPr lang="zh-CN" altLang="en-US" dirty="0"/>
              <a:t>是一个更为广泛的概念而不局限于</a:t>
            </a:r>
            <a:r>
              <a:rPr lang="en-US" altLang="zh-CN" dirty="0" err="1"/>
              <a:t>OpenFlow</a:t>
            </a:r>
            <a:r>
              <a:rPr lang="zh-CN" altLang="en-US" dirty="0"/>
              <a:t>。转控分离是实现</a:t>
            </a:r>
            <a:r>
              <a:rPr lang="en-US" altLang="zh-CN" dirty="0"/>
              <a:t>SDN</a:t>
            </a:r>
            <a:r>
              <a:rPr lang="zh-CN" altLang="en-US" dirty="0"/>
              <a:t>的一种方法而不是本质。</a:t>
            </a:r>
            <a:endParaRPr lang="en-US" altLang="zh-CN" dirty="0"/>
          </a:p>
          <a:p>
            <a:pPr lvl="0"/>
            <a:endParaRPr lang="zh-CN" altLang="en-US" dirty="0"/>
          </a:p>
          <a:p>
            <a:endParaRPr lang="zh-CN" altLang="en-US" dirty="0"/>
          </a:p>
        </p:txBody>
      </p:sp>
      <p:sp>
        <p:nvSpPr>
          <p:cNvPr id="5" name="幻灯片图像占位符 4">
            <a:extLst>
              <a:ext uri="{FF2B5EF4-FFF2-40B4-BE49-F238E27FC236}">
                <a16:creationId xmlns:a16="http://schemas.microsoft.com/office/drawing/2014/main" xmlns="" id="{C50295B9-E1F6-4AC8-A5A3-BD597B861430}"/>
              </a:ext>
            </a:extLst>
          </p:cNvPr>
          <p:cNvSpPr>
            <a:spLocks noGrp="1" noRot="1" noChangeAspect="1"/>
          </p:cNvSpPr>
          <p:nvPr>
            <p:ph type="sldImg"/>
          </p:nvPr>
        </p:nvSpPr>
        <p:spPr>
          <a:xfrm>
            <a:off x="431800" y="779463"/>
            <a:ext cx="5934075" cy="3338512"/>
          </a:xfrm>
        </p:spPr>
      </p:sp>
    </p:spTree>
    <p:extLst>
      <p:ext uri="{BB962C8B-B14F-4D97-AF65-F5344CB8AC3E}">
        <p14:creationId xmlns:p14="http://schemas.microsoft.com/office/powerpoint/2010/main" val="42155468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64169531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r>
              <a:rPr lang="zh-CN" altLang="en-US" dirty="0"/>
              <a:t>协同应用层：主要完成用户意图的各种上层应用，典型的协同层应用包括</a:t>
            </a:r>
            <a:r>
              <a:rPr lang="en-US" altLang="zh-CN" dirty="0"/>
              <a:t>OSS</a:t>
            </a:r>
            <a:r>
              <a:rPr lang="zh-CN" altLang="en-US" dirty="0"/>
              <a:t>、</a:t>
            </a:r>
            <a:r>
              <a:rPr lang="en-US" altLang="zh-CN" dirty="0"/>
              <a:t>OpenStack</a:t>
            </a:r>
            <a:r>
              <a:rPr lang="zh-CN" altLang="en-US" dirty="0"/>
              <a:t>等。</a:t>
            </a:r>
            <a:r>
              <a:rPr lang="en-US" altLang="zh-CN" dirty="0"/>
              <a:t>OSS</a:t>
            </a:r>
            <a:r>
              <a:rPr lang="zh-CN" altLang="en-US" dirty="0"/>
              <a:t>可以负责整网的业务协同，</a:t>
            </a:r>
            <a:r>
              <a:rPr lang="en-US" altLang="zh-CN" dirty="0"/>
              <a:t>OpenStack</a:t>
            </a:r>
            <a:r>
              <a:rPr lang="zh-CN" altLang="en-US" dirty="0"/>
              <a:t>云平台一般用于数据中心负责网络、计算、存储的业务协同。还有其他的协同层应用，比如用户希望部署一个安全</a:t>
            </a:r>
            <a:r>
              <a:rPr lang="en-US" altLang="zh-CN" dirty="0"/>
              <a:t>APP</a:t>
            </a:r>
            <a:r>
              <a:rPr lang="zh-CN" altLang="en-US" dirty="0"/>
              <a:t>，这个安全</a:t>
            </a:r>
            <a:r>
              <a:rPr lang="en-US" altLang="zh-CN" dirty="0"/>
              <a:t>APP</a:t>
            </a:r>
            <a:r>
              <a:rPr lang="zh-CN" altLang="en-US" dirty="0"/>
              <a:t>不关心设备具体部署位置，只是调用了控制器的北向接口，例如</a:t>
            </a:r>
            <a:r>
              <a:rPr lang="en-US" altLang="zh-CN" dirty="0"/>
              <a:t>Block</a:t>
            </a:r>
            <a:r>
              <a:rPr lang="zh-CN" altLang="en-US" dirty="0"/>
              <a:t>（</a:t>
            </a:r>
            <a:r>
              <a:rPr lang="en-US" altLang="zh-CN" dirty="0"/>
              <a:t>Source IP</a:t>
            </a:r>
            <a:r>
              <a:rPr lang="zh-CN" altLang="en-US" dirty="0"/>
              <a:t>，</a:t>
            </a:r>
            <a:r>
              <a:rPr lang="en-US" altLang="zh-CN" dirty="0" err="1"/>
              <a:t>DestIP</a:t>
            </a:r>
            <a:r>
              <a:rPr lang="zh-CN" altLang="en-US" dirty="0"/>
              <a:t>），然后控制器会给各网络设备下发指令。这个指令根据南向协议不同而不同。</a:t>
            </a:r>
            <a:endParaRPr lang="en-US" altLang="zh-CN" dirty="0"/>
          </a:p>
          <a:p>
            <a:r>
              <a:rPr lang="zh-CN" altLang="en-US" dirty="0"/>
              <a:t>控制器层：控制器层的实体就是</a:t>
            </a:r>
            <a:r>
              <a:rPr lang="en-US" altLang="zh-CN" dirty="0"/>
              <a:t>SDN</a:t>
            </a:r>
            <a:r>
              <a:rPr lang="zh-CN" altLang="en-US" dirty="0"/>
              <a:t>控制器，是</a:t>
            </a:r>
            <a:r>
              <a:rPr lang="en-US" altLang="zh-CN" dirty="0"/>
              <a:t>SDN</a:t>
            </a:r>
            <a:r>
              <a:rPr lang="zh-CN" altLang="en-US" dirty="0"/>
              <a:t>网络架构下最核心的部分。控制层是</a:t>
            </a:r>
            <a:r>
              <a:rPr lang="en-US" altLang="zh-CN" dirty="0"/>
              <a:t>SDN</a:t>
            </a:r>
            <a:r>
              <a:rPr lang="zh-CN" altLang="en-US" dirty="0"/>
              <a:t>系统的大脑，其核心功能是实现网络业务编排。</a:t>
            </a:r>
            <a:endParaRPr lang="en-US" altLang="zh-CN" dirty="0"/>
          </a:p>
          <a:p>
            <a:r>
              <a:rPr lang="zh-CN" altLang="en-US" dirty="0"/>
              <a:t>设备层：网络设备接收控制器指令，执行设备转发。</a:t>
            </a:r>
            <a:endParaRPr lang="en-US" altLang="zh-CN" dirty="0"/>
          </a:p>
          <a:p>
            <a:r>
              <a:rPr lang="en-US" altLang="zh-CN" dirty="0"/>
              <a:t>NBI</a:t>
            </a:r>
            <a:r>
              <a:rPr lang="zh-CN" altLang="en-US" dirty="0"/>
              <a:t>北向接口：北向接口为控制器对接协同应用层的接口，主要为</a:t>
            </a:r>
            <a:r>
              <a:rPr lang="en-US" altLang="zh-CN" dirty="0"/>
              <a:t>RESTful</a:t>
            </a:r>
            <a:r>
              <a:rPr lang="zh-CN" altLang="en-US" dirty="0"/>
              <a:t>。</a:t>
            </a:r>
            <a:endParaRPr lang="en-US" altLang="zh-CN" dirty="0"/>
          </a:p>
          <a:p>
            <a:r>
              <a:rPr lang="en-US" altLang="zh-CN" dirty="0"/>
              <a:t>SBI</a:t>
            </a:r>
            <a:r>
              <a:rPr lang="zh-CN" altLang="en-US" dirty="0"/>
              <a:t>南向接口：南向接口为控制器与设备交互的协议，包括</a:t>
            </a:r>
            <a:r>
              <a:rPr lang="en-US" altLang="zh-CN" dirty="0"/>
              <a:t>NETCONF</a:t>
            </a:r>
            <a:r>
              <a:rPr lang="zh-CN" altLang="en-US" dirty="0"/>
              <a:t>、</a:t>
            </a:r>
            <a:r>
              <a:rPr lang="en-US" altLang="zh-CN" dirty="0"/>
              <a:t>SNMP</a:t>
            </a:r>
            <a:r>
              <a:rPr lang="zh-CN" altLang="en-US" dirty="0"/>
              <a:t>、</a:t>
            </a:r>
            <a:r>
              <a:rPr lang="en-US" altLang="zh-CN" dirty="0" err="1"/>
              <a:t>OpenFlow</a:t>
            </a:r>
            <a:r>
              <a:rPr lang="zh-CN" altLang="en-US" dirty="0"/>
              <a:t>、</a:t>
            </a:r>
            <a:r>
              <a:rPr lang="en-US" altLang="zh-CN" dirty="0"/>
              <a:t>OVSDB</a:t>
            </a:r>
            <a:r>
              <a:rPr lang="zh-CN" altLang="en-US" dirty="0"/>
              <a:t>等。</a:t>
            </a:r>
            <a:endParaRPr lang="en-US" altLang="zh-CN" dirty="0"/>
          </a:p>
          <a:p>
            <a:endParaRPr lang="zh-CN" altLang="en-US" dirty="0"/>
          </a:p>
        </p:txBody>
      </p:sp>
    </p:spTree>
    <p:extLst>
      <p:ext uri="{BB962C8B-B14F-4D97-AF65-F5344CB8AC3E}">
        <p14:creationId xmlns:p14="http://schemas.microsoft.com/office/powerpoint/2010/main" val="280155627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r>
              <a:rPr lang="zh-CN" altLang="en-US" dirty="0"/>
              <a:t>云平台：云数据中心内资源管理平台。云平台包含对网络资源、计算资源和存储资源的管理。</a:t>
            </a:r>
            <a:r>
              <a:rPr lang="en-US" altLang="zh-CN" dirty="0"/>
              <a:t>OpenStack</a:t>
            </a:r>
            <a:r>
              <a:rPr lang="zh-CN" altLang="en-US" dirty="0"/>
              <a:t>是最主流的开源云平台。</a:t>
            </a:r>
            <a:endParaRPr lang="en-US" altLang="zh-CN" dirty="0"/>
          </a:p>
          <a:p>
            <a:r>
              <a:rPr lang="en-US" altLang="zh-CN" dirty="0"/>
              <a:t>EMS</a:t>
            </a:r>
            <a:r>
              <a:rPr lang="zh-CN" altLang="en-US" dirty="0"/>
              <a:t>（</a:t>
            </a:r>
            <a:r>
              <a:rPr lang="en-US" altLang="zh-CN" dirty="0"/>
              <a:t>Element Management System</a:t>
            </a:r>
            <a:r>
              <a:rPr lang="zh-CN" altLang="en-US" dirty="0"/>
              <a:t>，网元管理系统）是管理特定类型的一个或多个电信</a:t>
            </a:r>
            <a:r>
              <a:rPr lang="en-US" altLang="zh-CN" dirty="0"/>
              <a:t>NE</a:t>
            </a:r>
            <a:r>
              <a:rPr lang="zh-CN" altLang="en-US" dirty="0"/>
              <a:t>（</a:t>
            </a:r>
            <a:r>
              <a:rPr lang="en-US" altLang="zh-CN" dirty="0"/>
              <a:t>Network Element</a:t>
            </a:r>
            <a:r>
              <a:rPr lang="zh-CN" altLang="en-US" dirty="0"/>
              <a:t>，网络单元）的系统。</a:t>
            </a:r>
            <a:endParaRPr lang="en-US" altLang="zh-CN" dirty="0"/>
          </a:p>
          <a:p>
            <a:r>
              <a:rPr lang="en-US" altLang="zh-CN" dirty="0"/>
              <a:t>Orchestration</a:t>
            </a:r>
            <a:r>
              <a:rPr lang="zh-CN" altLang="en-US" dirty="0"/>
              <a:t>（容器编排）：容器编排工具也可以包含网络业务编排功能。</a:t>
            </a:r>
            <a:r>
              <a:rPr lang="en-US" altLang="zh-CN" dirty="0"/>
              <a:t>Kubernetes</a:t>
            </a:r>
            <a:r>
              <a:rPr lang="zh-CN" altLang="en-US" dirty="0"/>
              <a:t>是主流的工具。</a:t>
            </a:r>
            <a:endParaRPr lang="en-US" altLang="zh-CN" dirty="0"/>
          </a:p>
          <a:p>
            <a:r>
              <a:rPr lang="en-US" altLang="zh-CN" dirty="0"/>
              <a:t>MTOSI/CORBA</a:t>
            </a:r>
            <a:r>
              <a:rPr lang="zh-CN" altLang="en-US" dirty="0"/>
              <a:t>用于对接</a:t>
            </a:r>
            <a:r>
              <a:rPr lang="en-US" altLang="zh-CN" dirty="0"/>
              <a:t>BSS/OSS</a:t>
            </a:r>
            <a:r>
              <a:rPr lang="zh-CN" altLang="en-US" dirty="0"/>
              <a:t>。</a:t>
            </a:r>
            <a:r>
              <a:rPr lang="en-US" altLang="zh-CN" dirty="0"/>
              <a:t>Kafka/SFTP</a:t>
            </a:r>
            <a:r>
              <a:rPr lang="zh-CN" altLang="en-US" dirty="0"/>
              <a:t>可用于对接大数据平台。</a:t>
            </a:r>
            <a:endParaRPr lang="en-US" altLang="zh-CN" dirty="0"/>
          </a:p>
          <a:p>
            <a:endParaRPr lang="zh-CN" altLang="en-US" dirty="0"/>
          </a:p>
        </p:txBody>
      </p:sp>
    </p:spTree>
    <p:extLst>
      <p:ext uri="{BB962C8B-B14F-4D97-AF65-F5344CB8AC3E}">
        <p14:creationId xmlns:p14="http://schemas.microsoft.com/office/powerpoint/2010/main" val="197172679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54975457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r>
              <a:rPr lang="en-US" altLang="zh-CN" dirty="0" err="1"/>
              <a:t>iMaster</a:t>
            </a:r>
            <a:r>
              <a:rPr lang="en-US" altLang="zh-CN" dirty="0"/>
              <a:t> NCE</a:t>
            </a:r>
            <a:r>
              <a:rPr lang="zh-CN" altLang="en-US" dirty="0"/>
              <a:t>能做什么？它有效连接了物理网络与商业意图。南向实现全局网络的集中管理、控制和分析。面向商业和业务意图使能资源云化、全生命周期网络自动化，以及数据分析驱动的智能闭环。北向提供开放网络</a:t>
            </a:r>
            <a:r>
              <a:rPr lang="en-US" altLang="zh-CN" dirty="0"/>
              <a:t>API</a:t>
            </a:r>
            <a:r>
              <a:rPr lang="zh-CN" altLang="en-US" dirty="0"/>
              <a:t>与</a:t>
            </a:r>
            <a:r>
              <a:rPr lang="en-US" altLang="zh-CN" dirty="0"/>
              <a:t>IT</a:t>
            </a:r>
            <a:r>
              <a:rPr lang="zh-CN" altLang="en-US" dirty="0"/>
              <a:t>快速集成。</a:t>
            </a:r>
          </a:p>
          <a:p>
            <a:r>
              <a:rPr lang="en-US" altLang="zh-CN" dirty="0" err="1"/>
              <a:t>iMaster</a:t>
            </a:r>
            <a:r>
              <a:rPr lang="en-US" altLang="zh-CN" dirty="0"/>
              <a:t> NCE</a:t>
            </a:r>
            <a:r>
              <a:rPr lang="zh-CN" altLang="en-US" dirty="0"/>
              <a:t>用在哪里？可以在企业领域数据中心网络（</a:t>
            </a:r>
            <a:r>
              <a:rPr lang="en-US" altLang="zh-CN" dirty="0"/>
              <a:t>DCN</a:t>
            </a:r>
            <a:r>
              <a:rPr lang="zh-CN" altLang="en-US" dirty="0"/>
              <a:t>）、企业园区（</a:t>
            </a:r>
            <a:r>
              <a:rPr lang="en-US" altLang="zh-CN" dirty="0"/>
              <a:t>Campus</a:t>
            </a:r>
            <a:r>
              <a:rPr lang="zh-CN" altLang="en-US" dirty="0"/>
              <a:t>）、企业分支互联（</a:t>
            </a:r>
            <a:r>
              <a:rPr lang="en-US" altLang="zh-CN" dirty="0"/>
              <a:t>SD-WAN</a:t>
            </a:r>
            <a:r>
              <a:rPr lang="zh-CN" altLang="en-US" dirty="0"/>
              <a:t>）等场景，让企业网络更加简单、智慧、 开放和安全，加速企业的业务转型和创新。</a:t>
            </a:r>
          </a:p>
          <a:p>
            <a:endParaRPr lang="zh-CN" altLang="en-US" dirty="0"/>
          </a:p>
        </p:txBody>
      </p:sp>
    </p:spTree>
    <p:extLst>
      <p:ext uri="{BB962C8B-B14F-4D97-AF65-F5344CB8AC3E}">
        <p14:creationId xmlns:p14="http://schemas.microsoft.com/office/powerpoint/2010/main" val="3379114207"/>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48364676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40310017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3727273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r>
              <a:rPr lang="en-US" altLang="zh-CN"/>
              <a:t>iMaster NCE-Fabric</a:t>
            </a:r>
            <a:r>
              <a:rPr lang="zh-CN" altLang="en-US"/>
              <a:t>支持对接用户</a:t>
            </a:r>
            <a:r>
              <a:rPr lang="en-US" altLang="zh-CN"/>
              <a:t>IT</a:t>
            </a:r>
            <a:r>
              <a:rPr lang="zh-CN" altLang="en-US"/>
              <a:t>系统，为用户意图匹配意图模型，通过</a:t>
            </a:r>
            <a:r>
              <a:rPr lang="en-US" altLang="zh-CN"/>
              <a:t>NETCONF</a:t>
            </a:r>
            <a:r>
              <a:rPr lang="zh-CN" altLang="en-US"/>
              <a:t>下发配置到设备上实现业务快速部署。</a:t>
            </a:r>
            <a:endParaRPr lang="en-US" altLang="zh-CN"/>
          </a:p>
          <a:p>
            <a:r>
              <a:rPr lang="en-US" altLang="zh-CN"/>
              <a:t>iMaster NCE-Fabric</a:t>
            </a:r>
            <a:r>
              <a:rPr lang="zh-CN" altLang="en-US"/>
              <a:t>支持对接主流云平台（</a:t>
            </a:r>
            <a:r>
              <a:rPr lang="en-US" altLang="zh-CN"/>
              <a:t>OpenStack</a:t>
            </a:r>
            <a:r>
              <a:rPr lang="zh-CN" altLang="en-US"/>
              <a:t>）、虚拟化平台（</a:t>
            </a:r>
            <a:r>
              <a:rPr lang="en-US" altLang="zh-CN"/>
              <a:t>vCenter/SystemCenter</a:t>
            </a:r>
            <a:r>
              <a:rPr lang="zh-CN" altLang="en-US"/>
              <a:t>）和容器编排平台（</a:t>
            </a:r>
            <a:r>
              <a:rPr lang="en-US" altLang="zh-CN"/>
              <a:t>Kubernetes</a:t>
            </a:r>
            <a:r>
              <a:rPr lang="zh-CN" altLang="en-US"/>
              <a:t>）。</a:t>
            </a:r>
          </a:p>
        </p:txBody>
      </p:sp>
    </p:spTree>
    <p:extLst>
      <p:ext uri="{BB962C8B-B14F-4D97-AF65-F5344CB8AC3E}">
        <p14:creationId xmlns:p14="http://schemas.microsoft.com/office/powerpoint/2010/main" val="288420393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96400672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r>
              <a:rPr lang="zh-CN" altLang="en-US"/>
              <a:t>数据中心</a:t>
            </a:r>
            <a:r>
              <a:rPr lang="en-US" altLang="zh-CN"/>
              <a:t>AI</a:t>
            </a:r>
            <a:r>
              <a:rPr lang="zh-CN" altLang="en-US"/>
              <a:t>智能运维能力由</a:t>
            </a:r>
            <a:r>
              <a:rPr lang="en-US" altLang="zh-CN"/>
              <a:t>iMaster NCE-FabricInsight</a:t>
            </a:r>
            <a:r>
              <a:rPr lang="zh-CN" altLang="en-US"/>
              <a:t>提供。</a:t>
            </a:r>
          </a:p>
        </p:txBody>
      </p:sp>
    </p:spTree>
    <p:extLst>
      <p:ext uri="{BB962C8B-B14F-4D97-AF65-F5344CB8AC3E}">
        <p14:creationId xmlns:p14="http://schemas.microsoft.com/office/powerpoint/2010/main" val="331236369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65324079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34891769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pPr marL="180000" marR="0" lvl="0" indent="-180000" algn="l" defTabSz="1219304" rtl="0" eaLnBrk="1" fontAlgn="auto" latinLnBrk="0" hangingPunct="1">
              <a:lnSpc>
                <a:spcPct val="125000"/>
              </a:lnSpc>
              <a:spcBef>
                <a:spcPts val="0"/>
              </a:spcBef>
              <a:spcAft>
                <a:spcPts val="600"/>
              </a:spcAft>
              <a:buClrTx/>
              <a:buSzTx/>
              <a:buFont typeface="Huawei Sans" panose="020C0503030203020204" pitchFamily="34" charset="0"/>
              <a:buChar char="•"/>
              <a:tabLst/>
              <a:defRPr/>
            </a:pPr>
            <a:r>
              <a:rPr lang="zh-CN" altLang="en-US" sz="1100">
                <a:cs typeface="+mn-ea"/>
                <a:sym typeface="+mn-lt"/>
              </a:rPr>
              <a:t>设备即插即用包括但不限于</a:t>
            </a:r>
            <a:r>
              <a:rPr lang="en-US" altLang="zh-CN" sz="1100">
                <a:cs typeface="+mn-ea"/>
                <a:sym typeface="+mn-lt"/>
              </a:rPr>
              <a:t>APP</a:t>
            </a:r>
            <a:r>
              <a:rPr lang="zh-CN" altLang="en-US" sz="1100">
                <a:cs typeface="+mn-ea"/>
                <a:sym typeface="+mn-lt"/>
              </a:rPr>
              <a:t>扫码开局、</a:t>
            </a:r>
            <a:r>
              <a:rPr lang="en-US" altLang="zh-CN" sz="1100">
                <a:cs typeface="+mn-ea"/>
                <a:sym typeface="+mn-lt"/>
              </a:rPr>
              <a:t>DHCP</a:t>
            </a:r>
            <a:r>
              <a:rPr lang="zh-CN" altLang="en-US" sz="1100">
                <a:cs typeface="+mn-ea"/>
                <a:sym typeface="+mn-lt"/>
              </a:rPr>
              <a:t>开局和注册查询中心。</a:t>
            </a:r>
            <a:endParaRPr lang="en-US" altLang="zh-CN" sz="1100">
              <a:cs typeface="+mn-ea"/>
              <a:sym typeface="+mn-lt"/>
            </a:endParaRPr>
          </a:p>
          <a:p>
            <a:pPr marL="180000" marR="0" lvl="0" indent="-180000" algn="l" defTabSz="1219304" rtl="0" eaLnBrk="1" fontAlgn="auto" latinLnBrk="0" hangingPunct="1">
              <a:lnSpc>
                <a:spcPct val="125000"/>
              </a:lnSpc>
              <a:spcBef>
                <a:spcPts val="0"/>
              </a:spcBef>
              <a:spcAft>
                <a:spcPts val="600"/>
              </a:spcAft>
              <a:buClrTx/>
              <a:buSzTx/>
              <a:buFont typeface="Huawei Sans" panose="020C0503030203020204" pitchFamily="34" charset="0"/>
              <a:buChar char="•"/>
              <a:tabLst/>
              <a:defRPr/>
            </a:pPr>
            <a:r>
              <a:rPr lang="zh-CN" altLang="en-US" sz="1100" b="0" i="0" kern="1200">
                <a:solidFill>
                  <a:schemeClr val="tx1"/>
                </a:solidFill>
                <a:effectLst/>
                <a:latin typeface="+mn-lt"/>
                <a:ea typeface="+mn-ea"/>
                <a:cs typeface="+mn-cs"/>
              </a:rPr>
              <a:t>注册中心：华为设备注册查询中心，简称注册中心，是华为云管理网络解决方案的主要部件之一，用于设备的管理模式和注册归属查询。设备根据查询结果确定是否切换到云管理模式，需要注册到哪个云管理平台。</a:t>
            </a:r>
            <a:r>
              <a:rPr lang="zh-CN" altLang="en-US"/>
              <a:t/>
            </a:r>
            <a:br>
              <a:rPr lang="zh-CN" altLang="en-US"/>
            </a:br>
            <a:r>
              <a:rPr lang="zh-CN" altLang="en-US"/>
              <a:t>以</a:t>
            </a:r>
            <a:r>
              <a:rPr lang="en-US" altLang="zh-CN"/>
              <a:t>AP</a:t>
            </a:r>
            <a:r>
              <a:rPr lang="zh-CN" altLang="en-US"/>
              <a:t>为例，</a:t>
            </a:r>
            <a:r>
              <a:rPr lang="zh-CN" altLang="en-US" sz="1100" b="0" i="0" kern="1200">
                <a:solidFill>
                  <a:schemeClr val="tx1"/>
                </a:solidFill>
                <a:effectLst/>
                <a:latin typeface="+mn-lt"/>
                <a:ea typeface="+mn-ea"/>
                <a:cs typeface="+mn-cs"/>
              </a:rPr>
              <a:t>对于华为支持云管理特性的设备均会预置华为设备注册中心的</a:t>
            </a:r>
            <a:r>
              <a:rPr lang="en-US" altLang="zh-CN" sz="1100" b="0" i="0" kern="1200">
                <a:solidFill>
                  <a:schemeClr val="tx1"/>
                </a:solidFill>
                <a:effectLst/>
                <a:latin typeface="+mn-lt"/>
                <a:ea typeface="+mn-ea"/>
                <a:cs typeface="+mn-cs"/>
              </a:rPr>
              <a:t>URL</a:t>
            </a:r>
            <a:r>
              <a:rPr lang="zh-CN" altLang="en-US" sz="1100" b="0" i="0" kern="1200">
                <a:solidFill>
                  <a:schemeClr val="tx1"/>
                </a:solidFill>
                <a:effectLst/>
                <a:latin typeface="+mn-lt"/>
                <a:ea typeface="+mn-ea"/>
                <a:cs typeface="+mn-cs"/>
              </a:rPr>
              <a:t>（</a:t>
            </a:r>
            <a:r>
              <a:rPr lang="en-US" altLang="zh-CN" sz="1100" b="0" i="0" kern="1200">
                <a:solidFill>
                  <a:schemeClr val="tx1"/>
                </a:solidFill>
                <a:effectLst/>
                <a:latin typeface="+mn-lt"/>
                <a:ea typeface="+mn-ea"/>
                <a:cs typeface="+mn-cs"/>
              </a:rPr>
              <a:t>register.naas.huawei.com</a:t>
            </a:r>
            <a:r>
              <a:rPr lang="zh-CN" altLang="en-US" sz="1100" b="0" i="0" kern="1200">
                <a:solidFill>
                  <a:schemeClr val="tx1"/>
                </a:solidFill>
                <a:effectLst/>
                <a:latin typeface="+mn-lt"/>
                <a:ea typeface="+mn-ea"/>
                <a:cs typeface="+mn-cs"/>
              </a:rPr>
              <a:t>）和端口号（</a:t>
            </a:r>
            <a:r>
              <a:rPr lang="en-US" altLang="zh-CN" sz="1100" b="0" i="0" kern="1200">
                <a:solidFill>
                  <a:schemeClr val="tx1"/>
                </a:solidFill>
                <a:effectLst/>
                <a:latin typeface="+mn-lt"/>
                <a:ea typeface="+mn-ea"/>
                <a:cs typeface="+mn-cs"/>
              </a:rPr>
              <a:t>10020</a:t>
            </a:r>
            <a:r>
              <a:rPr lang="zh-CN" altLang="en-US" sz="1100" b="0" i="0" kern="1200">
                <a:solidFill>
                  <a:schemeClr val="tx1"/>
                </a:solidFill>
                <a:effectLst/>
                <a:latin typeface="+mn-lt"/>
                <a:ea typeface="+mn-ea"/>
                <a:cs typeface="+mn-cs"/>
              </a:rPr>
              <a:t>）。</a:t>
            </a:r>
            <a:endParaRPr lang="zh-CN" altLang="en-US" sz="1100">
              <a:cs typeface="+mn-ea"/>
              <a:sym typeface="+mn-lt"/>
            </a:endParaRPr>
          </a:p>
        </p:txBody>
      </p:sp>
    </p:spTree>
    <p:extLst>
      <p:ext uri="{BB962C8B-B14F-4D97-AF65-F5344CB8AC3E}">
        <p14:creationId xmlns:p14="http://schemas.microsoft.com/office/powerpoint/2010/main" val="77185470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588058529"/>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28806280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24402740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284946539"/>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248954128"/>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75183926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smtClean="0"/>
              <a:t>网络功能虚拟化被称为</a:t>
            </a:r>
            <a:r>
              <a:rPr lang="en-US" altLang="zh-CN" smtClean="0"/>
              <a:t>NFV</a:t>
            </a:r>
            <a:r>
              <a:rPr lang="zh-CN" altLang="en-US" smtClean="0"/>
              <a:t>（</a:t>
            </a:r>
            <a:r>
              <a:rPr lang="en-US" altLang="zh-CN" smtClean="0"/>
              <a:t>Network Functions Virtualization</a:t>
            </a:r>
            <a:r>
              <a:rPr lang="zh-CN" altLang="en-US" smtClean="0"/>
              <a:t>），而虚拟化之后的网络功能被称为</a:t>
            </a:r>
            <a:r>
              <a:rPr lang="en-US" altLang="zh-CN" smtClean="0"/>
              <a:t>VNF</a:t>
            </a:r>
            <a:r>
              <a:rPr lang="zh-CN" altLang="en-US" smtClean="0"/>
              <a:t>（</a:t>
            </a:r>
            <a:r>
              <a:rPr lang="en-US" altLang="zh-CN" smtClean="0"/>
              <a:t>Virtualized Network Function</a:t>
            </a:r>
            <a:r>
              <a:rPr lang="zh-CN" altLang="en-US" smtClean="0"/>
              <a:t>）。当我们谈“</a:t>
            </a:r>
            <a:r>
              <a:rPr lang="en-US" altLang="zh-CN" smtClean="0"/>
              <a:t>VNF”</a:t>
            </a:r>
            <a:r>
              <a:rPr lang="zh-CN" altLang="en-US" smtClean="0"/>
              <a:t>时，我们指运营商</a:t>
            </a:r>
            <a:r>
              <a:rPr lang="en-US" altLang="zh-CN" smtClean="0"/>
              <a:t>IMS</a:t>
            </a:r>
            <a:r>
              <a:rPr lang="zh-CN" altLang="en-US" smtClean="0"/>
              <a:t>、</a:t>
            </a:r>
            <a:r>
              <a:rPr lang="en-US" altLang="zh-CN" smtClean="0"/>
              <a:t>CPE</a:t>
            </a:r>
            <a:r>
              <a:rPr lang="zh-CN" altLang="en-US" smtClean="0"/>
              <a:t>这些传统网元在虚拟化之后的实现。在硬件通用化后，传统的网元不再是嵌入式的软硬结合的产品，而是以纯软件的方式安装在通用硬件（即</a:t>
            </a:r>
            <a:r>
              <a:rPr lang="en-US" altLang="zh-CN" smtClean="0"/>
              <a:t>NFVI</a:t>
            </a:r>
            <a:r>
              <a:rPr lang="zh-CN" altLang="en-US" smtClean="0"/>
              <a:t>）上。</a:t>
            </a:r>
            <a:endParaRPr lang="zh-CN" altLang="en-US" dirty="0"/>
          </a:p>
        </p:txBody>
      </p:sp>
      <p:sp>
        <p:nvSpPr>
          <p:cNvPr id="4" name="幻灯片图像占位符 3"/>
          <p:cNvSpPr>
            <a:spLocks noGrp="1" noRot="1" noChangeAspect="1"/>
          </p:cNvSpPr>
          <p:nvPr>
            <p:ph type="sldImg"/>
          </p:nvPr>
        </p:nvSpPr>
        <p:spPr/>
      </p:sp>
    </p:spTree>
    <p:extLst>
      <p:ext uri="{BB962C8B-B14F-4D97-AF65-F5344CB8AC3E}">
        <p14:creationId xmlns:p14="http://schemas.microsoft.com/office/powerpoint/2010/main" val="140303480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a:t>2015</a:t>
            </a:r>
            <a:r>
              <a:rPr lang="zh-CN" altLang="en-US" dirty="0"/>
              <a:t>年，</a:t>
            </a:r>
            <a:r>
              <a:rPr lang="en-US" altLang="zh-CN" dirty="0"/>
              <a:t>NFV</a:t>
            </a:r>
            <a:r>
              <a:rPr lang="zh-CN" altLang="en-US" dirty="0"/>
              <a:t>研究进入第二阶段。其主要研究目标是建设一个可互操作的</a:t>
            </a:r>
            <a:r>
              <a:rPr lang="en-US" altLang="zh-CN" dirty="0"/>
              <a:t>NFV</a:t>
            </a:r>
            <a:r>
              <a:rPr lang="zh-CN" altLang="en-US" dirty="0"/>
              <a:t>生态，推动更广泛的行业参与，并且确保满足阶段一中定义的需求。同时明确</a:t>
            </a:r>
            <a:r>
              <a:rPr lang="en-US" altLang="zh-CN" dirty="0"/>
              <a:t>NFV</a:t>
            </a:r>
            <a:r>
              <a:rPr lang="zh-CN" altLang="en-US" dirty="0"/>
              <a:t>与</a:t>
            </a:r>
            <a:r>
              <a:rPr lang="en-US" altLang="zh-CN" dirty="0"/>
              <a:t>SDN</a:t>
            </a:r>
            <a:r>
              <a:rPr lang="zh-CN" altLang="en-US" dirty="0"/>
              <a:t>等相关标准、开源项目的协作关系等。</a:t>
            </a:r>
            <a:r>
              <a:rPr lang="en-US" altLang="zh-CN" dirty="0"/>
              <a:t>NFV</a:t>
            </a:r>
            <a:r>
              <a:rPr lang="zh-CN" altLang="en-US" dirty="0"/>
              <a:t>阶段二主要分为</a:t>
            </a:r>
            <a:r>
              <a:rPr lang="en-US" altLang="zh-CN" dirty="0"/>
              <a:t>5</a:t>
            </a:r>
            <a:r>
              <a:rPr lang="zh-CN" altLang="en-US" dirty="0"/>
              <a:t>个工作组：</a:t>
            </a:r>
            <a:r>
              <a:rPr lang="en-US" altLang="zh-CN" dirty="0"/>
              <a:t>IFA</a:t>
            </a:r>
            <a:r>
              <a:rPr lang="zh-CN" altLang="en-US" dirty="0"/>
              <a:t>（架构与接口）、 </a:t>
            </a:r>
            <a:r>
              <a:rPr lang="en-US" altLang="zh-CN" dirty="0"/>
              <a:t>EVE</a:t>
            </a:r>
            <a:r>
              <a:rPr lang="zh-CN" altLang="en-US" dirty="0"/>
              <a:t>（生态圈）、 </a:t>
            </a:r>
            <a:r>
              <a:rPr lang="en-US" altLang="zh-CN" dirty="0"/>
              <a:t>REL</a:t>
            </a:r>
            <a:r>
              <a:rPr lang="zh-CN" altLang="en-US" dirty="0"/>
              <a:t>（可靠性）、 </a:t>
            </a:r>
            <a:r>
              <a:rPr lang="en-US" altLang="zh-CN" dirty="0"/>
              <a:t>SEC</a:t>
            </a:r>
            <a:r>
              <a:rPr lang="zh-CN" altLang="en-US" dirty="0"/>
              <a:t>（安全）、</a:t>
            </a:r>
            <a:r>
              <a:rPr lang="en-US" altLang="zh-CN" dirty="0"/>
              <a:t>TST</a:t>
            </a:r>
            <a:r>
              <a:rPr lang="zh-CN" altLang="en-US" dirty="0"/>
              <a:t>（测试、执行、开源）。各工作组主要讨论交付件文档框架和交付计划。</a:t>
            </a:r>
          </a:p>
          <a:p>
            <a:r>
              <a:rPr lang="en-US" altLang="zh-CN" dirty="0"/>
              <a:t>ETSI NFV</a:t>
            </a:r>
            <a:r>
              <a:rPr lang="zh-CN" altLang="en-US" dirty="0"/>
              <a:t>标准组织与</a:t>
            </a:r>
            <a:r>
              <a:rPr lang="en-US" altLang="zh-CN" dirty="0"/>
              <a:t>Linux</a:t>
            </a:r>
            <a:r>
              <a:rPr lang="zh-CN" altLang="en-US" dirty="0"/>
              <a:t>基金会合作，启动开源项目</a:t>
            </a:r>
            <a:r>
              <a:rPr lang="en-US" altLang="zh-CN" dirty="0"/>
              <a:t>OPNFV</a:t>
            </a:r>
            <a:r>
              <a:rPr lang="zh-CN" altLang="en-US" dirty="0"/>
              <a:t>（</a:t>
            </a:r>
            <a:r>
              <a:rPr lang="en-US" altLang="zh-CN" dirty="0"/>
              <a:t>NFV</a:t>
            </a:r>
            <a:r>
              <a:rPr lang="zh-CN" altLang="en-US" dirty="0"/>
              <a:t>开源项目，提供一个集成、开放的参考平台），汇聚业界的优势资源，积极打造</a:t>
            </a:r>
            <a:r>
              <a:rPr lang="en-US" altLang="zh-CN" dirty="0"/>
              <a:t>NFV</a:t>
            </a:r>
            <a:r>
              <a:rPr lang="zh-CN" altLang="en-US" dirty="0"/>
              <a:t>产业生态。</a:t>
            </a:r>
            <a:r>
              <a:rPr lang="en-US" altLang="zh-CN" dirty="0"/>
              <a:t>2015</a:t>
            </a:r>
            <a:r>
              <a:rPr lang="zh-CN" altLang="en-US" dirty="0"/>
              <a:t>年</a:t>
            </a:r>
            <a:r>
              <a:rPr lang="en-US" altLang="zh-CN" dirty="0"/>
              <a:t>OPNFV</a:t>
            </a:r>
            <a:r>
              <a:rPr lang="zh-CN" altLang="en-US" dirty="0"/>
              <a:t>发布了首个版本，进一步促进</a:t>
            </a:r>
            <a:r>
              <a:rPr lang="en-US" altLang="zh-CN" dirty="0"/>
              <a:t>NFV</a:t>
            </a:r>
            <a:r>
              <a:rPr lang="zh-CN" altLang="en-US" dirty="0"/>
              <a:t>商用部署。</a:t>
            </a:r>
            <a:endParaRPr lang="en-US" altLang="zh-CN" dirty="0"/>
          </a:p>
          <a:p>
            <a:pPr lvl="0"/>
            <a:r>
              <a:rPr lang="en-US" altLang="zh-CN" dirty="0"/>
              <a:t>NFV</a:t>
            </a:r>
            <a:r>
              <a:rPr lang="zh-CN" altLang="en-US" dirty="0"/>
              <a:t>相关的标准组织主要有：</a:t>
            </a:r>
            <a:endParaRPr lang="en-US" altLang="zh-CN" dirty="0"/>
          </a:p>
          <a:p>
            <a:pPr lvl="1"/>
            <a:r>
              <a:rPr lang="en-US" altLang="zh-CN" dirty="0"/>
              <a:t>ETSI NFV ISG</a:t>
            </a:r>
            <a:r>
              <a:rPr lang="zh-CN" altLang="en-US" dirty="0"/>
              <a:t>：制定</a:t>
            </a:r>
            <a:r>
              <a:rPr lang="en-US" altLang="zh-CN" dirty="0"/>
              <a:t>NFV</a:t>
            </a:r>
            <a:r>
              <a:rPr lang="zh-CN" altLang="en-US" dirty="0"/>
              <a:t>的需求和功能框架。</a:t>
            </a:r>
            <a:endParaRPr lang="en-US" altLang="zh-CN" dirty="0"/>
          </a:p>
          <a:p>
            <a:pPr lvl="1"/>
            <a:r>
              <a:rPr lang="en-US" altLang="zh-CN" dirty="0"/>
              <a:t>3GPP SA5</a:t>
            </a:r>
            <a:r>
              <a:rPr lang="zh-CN" altLang="en-US" dirty="0"/>
              <a:t>工作组：重点关注</a:t>
            </a:r>
            <a:r>
              <a:rPr lang="en-US" altLang="zh-CN" dirty="0"/>
              <a:t>3GPP</a:t>
            </a:r>
            <a:r>
              <a:rPr lang="zh-CN" altLang="en-US" dirty="0"/>
              <a:t>网元的虚拟化管理（</a:t>
            </a:r>
            <a:r>
              <a:rPr lang="en-US" altLang="zh-CN" dirty="0"/>
              <a:t>MANO</a:t>
            </a:r>
            <a:r>
              <a:rPr lang="zh-CN" altLang="en-US" dirty="0"/>
              <a:t>相关）的技术标准和规范。</a:t>
            </a:r>
            <a:endParaRPr lang="en-US" altLang="zh-CN" dirty="0"/>
          </a:p>
          <a:p>
            <a:pPr lvl="1"/>
            <a:r>
              <a:rPr lang="en-US" altLang="zh-CN" dirty="0"/>
              <a:t>OPNFV</a:t>
            </a:r>
            <a:r>
              <a:rPr lang="zh-CN" altLang="en-US" dirty="0"/>
              <a:t>：加速</a:t>
            </a:r>
            <a:r>
              <a:rPr lang="en-US" altLang="zh-CN" dirty="0"/>
              <a:t>NFV</a:t>
            </a:r>
            <a:r>
              <a:rPr lang="zh-CN" altLang="en-US" dirty="0"/>
              <a:t>市场化节奏的开源平台项目。</a:t>
            </a:r>
            <a:endParaRPr lang="en-US" altLang="zh-CN" dirty="0"/>
          </a:p>
          <a:p>
            <a:endParaRPr lang="zh-CN" altLang="en-US" dirty="0"/>
          </a:p>
        </p:txBody>
      </p:sp>
      <p:sp>
        <p:nvSpPr>
          <p:cNvPr id="5" name="幻灯片图像占位符 4">
            <a:extLst>
              <a:ext uri="{FF2B5EF4-FFF2-40B4-BE49-F238E27FC236}">
                <a16:creationId xmlns:a16="http://schemas.microsoft.com/office/drawing/2014/main" xmlns="" id="{160246BD-440A-4978-8B0A-686E54117231}"/>
              </a:ext>
            </a:extLst>
          </p:cNvPr>
          <p:cNvSpPr>
            <a:spLocks noGrp="1" noRot="1" noChangeAspect="1"/>
          </p:cNvSpPr>
          <p:nvPr>
            <p:ph type="sldImg"/>
          </p:nvPr>
        </p:nvSpPr>
        <p:spPr>
          <a:xfrm>
            <a:off x="431800" y="779463"/>
            <a:ext cx="5934075" cy="3338512"/>
          </a:xfrm>
        </p:spPr>
      </p:sp>
    </p:spTree>
    <p:extLst>
      <p:ext uri="{BB962C8B-B14F-4D97-AF65-F5344CB8AC3E}">
        <p14:creationId xmlns:p14="http://schemas.microsoft.com/office/powerpoint/2010/main" val="16786561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599166853"/>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smtClean="0"/>
              <a:t>缩短业务上线时间：在</a:t>
            </a:r>
            <a:r>
              <a:rPr lang="en-US" altLang="zh-CN" smtClean="0"/>
              <a:t>NFV</a:t>
            </a:r>
            <a:r>
              <a:rPr lang="zh-CN" altLang="en-US" smtClean="0"/>
              <a:t>架构的网络中，增加新的业务节点变得异常简单。不再需要复杂的工勘、硬件安装过程。业务部署只需申请虚拟化资源（计算</a:t>
            </a:r>
            <a:r>
              <a:rPr lang="en-US" altLang="zh-CN" smtClean="0"/>
              <a:t>/</a:t>
            </a:r>
            <a:r>
              <a:rPr lang="zh-CN" altLang="en-US" smtClean="0"/>
              <a:t>存储</a:t>
            </a:r>
            <a:r>
              <a:rPr lang="en-US" altLang="zh-CN" smtClean="0"/>
              <a:t>/</a:t>
            </a:r>
            <a:r>
              <a:rPr lang="zh-CN" altLang="en-US" smtClean="0"/>
              <a:t>网络等），加载软件即可，网络部署变得更加简单。同时，如果需要更新业务逻辑，也只需要更新软件或加载新业务模块，完成业务编排即可，业务创新变得更加简单。</a:t>
            </a:r>
          </a:p>
          <a:p>
            <a:r>
              <a:rPr lang="zh-CN" altLang="en-US" smtClean="0"/>
              <a:t>降低建网成本：首先，虚拟化后的网元能够合并到通用设备（</a:t>
            </a:r>
            <a:r>
              <a:rPr lang="en-US" altLang="zh-CN" smtClean="0"/>
              <a:t>COTS</a:t>
            </a:r>
            <a:r>
              <a:rPr lang="zh-CN" altLang="en-US" smtClean="0"/>
              <a:t>）中，获取规模经济效应。其次，提升网络资源利用率和能效，降低整网成本。</a:t>
            </a:r>
            <a:r>
              <a:rPr lang="en-US" altLang="zh-CN" smtClean="0"/>
              <a:t>NFV</a:t>
            </a:r>
            <a:r>
              <a:rPr lang="zh-CN" altLang="en-US" smtClean="0"/>
              <a:t>采用云计算技术，利用通用化硬件构建统一的资源池，根据业务的实际需要动态按需分配资源，实现资源共享，提高资源使用效率。如通过自动扩缩容解决业务潮汐效应下资源利用问题。</a:t>
            </a:r>
          </a:p>
          <a:p>
            <a:r>
              <a:rPr lang="zh-CN" altLang="en-US" smtClean="0"/>
              <a:t>提升网络运维效率：自动化集中式管理提升运营效率，降低运维成本。例如数据中心的硬件单元的集中管理的自动化，基于</a:t>
            </a:r>
            <a:r>
              <a:rPr lang="en-US" altLang="zh-CN" smtClean="0"/>
              <a:t>MANO</a:t>
            </a:r>
            <a:r>
              <a:rPr lang="zh-CN" altLang="en-US" smtClean="0"/>
              <a:t>的应用生命周期管理的自动化，基于</a:t>
            </a:r>
            <a:r>
              <a:rPr lang="en-US" altLang="zh-CN" smtClean="0"/>
              <a:t>NFV/SDN</a:t>
            </a:r>
            <a:r>
              <a:rPr lang="zh-CN" altLang="en-US" smtClean="0"/>
              <a:t>协同的网络自动化。</a:t>
            </a:r>
          </a:p>
          <a:p>
            <a:r>
              <a:rPr lang="zh-CN" altLang="en-US" smtClean="0"/>
              <a:t>构建开放的生态系统 ：传统电信网络专有软硬件的模式，决定了它是一个封闭系统。</a:t>
            </a:r>
            <a:r>
              <a:rPr lang="en-US" altLang="zh-CN" smtClean="0"/>
              <a:t>NFV</a:t>
            </a:r>
            <a:r>
              <a:rPr lang="zh-CN" altLang="en-US" smtClean="0"/>
              <a:t>架构下的电信网络，基于标准的硬件平台和虚拟化的软件架构，更易于开放平台和开放接口，引入第三方开发者，使得运营商可以共同和第三方合作伙伴共建开放的生态系统。</a:t>
            </a:r>
          </a:p>
          <a:p>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186528037"/>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pPr marL="180000" marR="0" lvl="0" indent="-180000" algn="l" defTabSz="1219304" rtl="0" eaLnBrk="1" fontAlgn="auto" latinLnBrk="0" hangingPunct="1">
              <a:lnSpc>
                <a:spcPct val="125000"/>
              </a:lnSpc>
              <a:spcBef>
                <a:spcPts val="0"/>
              </a:spcBef>
              <a:spcAft>
                <a:spcPts val="600"/>
              </a:spcAft>
              <a:buClrTx/>
              <a:buSzTx/>
              <a:buFont typeface="Huawei Sans" panose="020C0503030203020204" pitchFamily="34" charset="0"/>
              <a:buChar char="•"/>
              <a:tabLst/>
              <a:defRPr/>
            </a:pPr>
            <a:r>
              <a:rPr lang="zh-CN" altLang="en-US" dirty="0"/>
              <a:t>传统电信网络中，各个网元都是由专用硬件实现的。这种方式的问题在于，一方面搭建网络需要进行大量不同硬件的互通测试及安装配置，费时费力。另一方面，业务创新需要依赖于硬件厂商的实现，通常耗时较长，难以满足运营商对业务创新的需求。在这种背景下，运营商希望引入虚拟化的的模式，将网元软件化，运行在通用基础设施上（包括通用的服务器、存储、交换机等）。</a:t>
            </a:r>
            <a:endParaRPr lang="en-US" altLang="zh-CN" dirty="0"/>
          </a:p>
          <a:p>
            <a:pPr marL="180000" marR="0" lvl="0" indent="-180000" algn="l" defTabSz="1219304" rtl="0" eaLnBrk="1" fontAlgn="auto" latinLnBrk="0" hangingPunct="1">
              <a:lnSpc>
                <a:spcPct val="125000"/>
              </a:lnSpc>
              <a:spcBef>
                <a:spcPts val="0"/>
              </a:spcBef>
              <a:spcAft>
                <a:spcPts val="600"/>
              </a:spcAft>
              <a:buClrTx/>
              <a:buSzTx/>
              <a:buFont typeface="Huawei Sans" panose="020C0503030203020204" pitchFamily="34" charset="0"/>
              <a:buChar char="•"/>
              <a:tabLst/>
              <a:defRPr/>
            </a:pPr>
            <a:r>
              <a:rPr lang="zh-CN" altLang="en-US" dirty="0"/>
              <a:t>使用通用硬件，首先运营商可以减少采购专用硬件的成本。其次，业务软件可以快速的进行迭代开发，也使得运营商可以快速进行业务创新、提升自身的竞争力。最后，这也赋予了运营商进入云计算市场的能力。</a:t>
            </a:r>
          </a:p>
          <a:p>
            <a:endParaRPr lang="zh-CN" altLang="en-US" dirty="0"/>
          </a:p>
        </p:txBody>
      </p:sp>
    </p:spTree>
    <p:extLst>
      <p:ext uri="{BB962C8B-B14F-4D97-AF65-F5344CB8AC3E}">
        <p14:creationId xmlns:p14="http://schemas.microsoft.com/office/powerpoint/2010/main" val="3893400646"/>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美国国家标准和技术研究院的定义，云计算服务应该具备以下几条特征：</a:t>
            </a:r>
          </a:p>
          <a:p>
            <a:pPr lvl="1"/>
            <a:r>
              <a:rPr lang="zh-CN" altLang="en-US" dirty="0" smtClean="0"/>
              <a:t>按需自助服务（</a:t>
            </a:r>
            <a:r>
              <a:rPr lang="en-US" altLang="zh-CN" dirty="0" smtClean="0"/>
              <a:t>On-demand Self-service</a:t>
            </a:r>
            <a:r>
              <a:rPr lang="zh-CN" altLang="en-US" dirty="0" smtClean="0"/>
              <a:t>）：云计算实现了</a:t>
            </a:r>
            <a:r>
              <a:rPr lang="en-US" altLang="zh-CN" dirty="0" smtClean="0"/>
              <a:t>IT</a:t>
            </a:r>
            <a:r>
              <a:rPr lang="zh-CN" altLang="en-US" dirty="0" smtClean="0"/>
              <a:t>资源的按需自助服务，不需要</a:t>
            </a:r>
            <a:r>
              <a:rPr lang="en-US" altLang="zh-CN" dirty="0" smtClean="0"/>
              <a:t>IT</a:t>
            </a:r>
            <a:r>
              <a:rPr lang="zh-CN" altLang="en-US" dirty="0" smtClean="0"/>
              <a:t>管理员的介入即可申请和释放资源。</a:t>
            </a:r>
          </a:p>
          <a:p>
            <a:pPr lvl="1"/>
            <a:r>
              <a:rPr lang="zh-CN" altLang="en-US" dirty="0" smtClean="0"/>
              <a:t>广泛网络接入（</a:t>
            </a:r>
            <a:r>
              <a:rPr lang="en-US" altLang="zh-CN" dirty="0" smtClean="0"/>
              <a:t>Broad Network Access</a:t>
            </a:r>
            <a:r>
              <a:rPr lang="zh-CN" altLang="en-US" dirty="0" smtClean="0"/>
              <a:t>）：有网络即可随时、随地的使用。</a:t>
            </a:r>
          </a:p>
          <a:p>
            <a:pPr lvl="1"/>
            <a:r>
              <a:rPr lang="zh-CN" altLang="en-US" dirty="0" smtClean="0"/>
              <a:t>资源池化（</a:t>
            </a:r>
            <a:r>
              <a:rPr lang="en-US" altLang="zh-CN" dirty="0" smtClean="0"/>
              <a:t>Resource Pooling</a:t>
            </a:r>
            <a:r>
              <a:rPr lang="zh-CN" altLang="en-US" dirty="0" smtClean="0"/>
              <a:t>）：资源池中的资源包括网络、服务器、存储等资源，提供给用户使用。</a:t>
            </a:r>
          </a:p>
          <a:p>
            <a:pPr lvl="1"/>
            <a:r>
              <a:rPr lang="zh-CN" altLang="en-US" dirty="0" smtClean="0"/>
              <a:t>快速弹性伸缩（</a:t>
            </a:r>
            <a:r>
              <a:rPr lang="en-US" altLang="zh-CN" dirty="0" smtClean="0"/>
              <a:t>Rapid Elasticity</a:t>
            </a:r>
            <a:r>
              <a:rPr lang="zh-CN" altLang="en-US" dirty="0" smtClean="0"/>
              <a:t>）：资源能够快速的供应和释放。申请即可使用，释放立即回收资源。</a:t>
            </a:r>
          </a:p>
          <a:p>
            <a:pPr lvl="1"/>
            <a:r>
              <a:rPr lang="zh-CN" altLang="en-US" dirty="0" smtClean="0"/>
              <a:t>可计量服务（</a:t>
            </a:r>
            <a:r>
              <a:rPr lang="en-US" altLang="zh-CN" dirty="0" smtClean="0"/>
              <a:t>Measured Service</a:t>
            </a:r>
            <a:r>
              <a:rPr lang="zh-CN" altLang="en-US" dirty="0" smtClean="0"/>
              <a:t>）：计费功能。计费依据就是所使用的资源可计量。例如按使用小时为时间单位，以服务器</a:t>
            </a:r>
            <a:r>
              <a:rPr lang="en-US" altLang="zh-CN" dirty="0" smtClean="0"/>
              <a:t>CPU</a:t>
            </a:r>
            <a:r>
              <a:rPr lang="zh-CN" altLang="en-US" dirty="0" smtClean="0"/>
              <a:t>个数、占用存储的空间、网络的带宽等综合计费。</a:t>
            </a:r>
            <a:endParaRPr lang="en-US" altLang="zh-CN" dirty="0" smtClean="0"/>
          </a:p>
          <a:p>
            <a:pPr lvl="1"/>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1014211656"/>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smtClean="0"/>
              <a:t>NFV</a:t>
            </a:r>
            <a:r>
              <a:rPr lang="zh-CN" altLang="en-US" smtClean="0"/>
              <a:t>架构每一层都可以由不同的厂商提供解决方案，在提高系统开发性的同时增加了系统集成的复杂度。</a:t>
            </a:r>
            <a:endParaRPr lang="en-US" altLang="zh-CN" smtClean="0"/>
          </a:p>
          <a:p>
            <a:r>
              <a:rPr lang="en-US" altLang="zh-CN" smtClean="0"/>
              <a:t>NFV</a:t>
            </a:r>
            <a:r>
              <a:rPr lang="zh-CN" altLang="en-US" smtClean="0"/>
              <a:t>价值是通过设备归一和软硬件解耦实现资源的高效利用，可以降低运营商</a:t>
            </a:r>
            <a:r>
              <a:rPr lang="en-US" altLang="zh-CN" smtClean="0"/>
              <a:t>TCO</a:t>
            </a:r>
            <a:r>
              <a:rPr lang="zh-CN" altLang="en-US" smtClean="0"/>
              <a:t>，缩短业务上线时间，打造开放的产业生态。</a:t>
            </a:r>
            <a:endParaRPr lang="en-US" altLang="zh-CN" smtClean="0"/>
          </a:p>
          <a:p>
            <a:r>
              <a:rPr lang="en-US" altLang="zh-CN" smtClean="0"/>
              <a:t>NFVI</a:t>
            </a:r>
            <a:r>
              <a:rPr lang="zh-CN" altLang="en-US" smtClean="0"/>
              <a:t>包含硬件层和虚拟化层，业界也有说法称作</a:t>
            </a:r>
            <a:r>
              <a:rPr lang="en-US" altLang="zh-CN" smtClean="0"/>
              <a:t>COTS</a:t>
            </a:r>
            <a:r>
              <a:rPr lang="zh-CN" altLang="en-US" smtClean="0"/>
              <a:t>和</a:t>
            </a:r>
            <a:r>
              <a:rPr lang="en-US" altLang="zh-CN" smtClean="0"/>
              <a:t>CloudOS</a:t>
            </a:r>
            <a:r>
              <a:rPr lang="zh-CN" altLang="en-US" smtClean="0"/>
              <a:t>：</a:t>
            </a:r>
          </a:p>
          <a:p>
            <a:pPr lvl="1"/>
            <a:r>
              <a:rPr lang="en-US" altLang="zh-CN" smtClean="0"/>
              <a:t>COTS</a:t>
            </a:r>
            <a:r>
              <a:rPr lang="zh-CN" altLang="en-US" smtClean="0"/>
              <a:t>（</a:t>
            </a:r>
            <a:r>
              <a:rPr lang="en-US" altLang="zh-CN" smtClean="0"/>
              <a:t>commercial off-the-shelf</a:t>
            </a:r>
            <a:r>
              <a:rPr lang="zh-CN" altLang="en-US" smtClean="0"/>
              <a:t>，商用现货），即通用硬件，强调了易获得性和通用性。例如</a:t>
            </a:r>
            <a:r>
              <a:rPr lang="en-US" altLang="zh-CN" smtClean="0"/>
              <a:t>Huawei FusionServer</a:t>
            </a:r>
            <a:r>
              <a:rPr lang="zh-CN" altLang="en-US" smtClean="0"/>
              <a:t>系列硬件服务器。</a:t>
            </a:r>
          </a:p>
          <a:p>
            <a:pPr lvl="1"/>
            <a:r>
              <a:rPr lang="en-US" altLang="zh-CN" smtClean="0"/>
              <a:t>CloudOS</a:t>
            </a:r>
            <a:r>
              <a:rPr lang="zh-CN" altLang="en-US" smtClean="0"/>
              <a:t>：设备云化的平台软件，可以理解为电信业的操作系统。</a:t>
            </a:r>
            <a:r>
              <a:rPr lang="en-US" altLang="zh-CN" smtClean="0"/>
              <a:t>CloudOS</a:t>
            </a:r>
            <a:r>
              <a:rPr lang="zh-CN" altLang="en-US" smtClean="0"/>
              <a:t>提供了硬件设备的虚拟化能力，将物理的计算</a:t>
            </a:r>
            <a:r>
              <a:rPr lang="en-US" altLang="zh-CN" smtClean="0"/>
              <a:t>/</a:t>
            </a:r>
            <a:r>
              <a:rPr lang="zh-CN" altLang="en-US" smtClean="0"/>
              <a:t>存储</a:t>
            </a:r>
            <a:r>
              <a:rPr lang="en-US" altLang="zh-CN" smtClean="0"/>
              <a:t>/</a:t>
            </a:r>
            <a:r>
              <a:rPr lang="zh-CN" altLang="en-US" smtClean="0"/>
              <a:t>网络资源变成虚拟资源供上层的软件使用。例如华为的云操作系统</a:t>
            </a:r>
            <a:r>
              <a:rPr lang="en-US" altLang="zh-CN" smtClean="0"/>
              <a:t>FusionSphere</a:t>
            </a:r>
            <a:r>
              <a:rPr lang="zh-CN" altLang="en-US" smtClean="0"/>
              <a:t>。</a:t>
            </a:r>
          </a:p>
          <a:p>
            <a:r>
              <a:rPr lang="en-US" altLang="zh-CN" smtClean="0"/>
              <a:t>VNF</a:t>
            </a:r>
            <a:r>
              <a:rPr lang="zh-CN" altLang="en-US" smtClean="0"/>
              <a:t>：</a:t>
            </a:r>
            <a:r>
              <a:rPr lang="en-US" altLang="zh-CN" smtClean="0"/>
              <a:t>VNF</a:t>
            </a:r>
            <a:r>
              <a:rPr lang="zh-CN" altLang="en-US" smtClean="0"/>
              <a:t>可以理解为各种不同网络功能的</a:t>
            </a:r>
            <a:r>
              <a:rPr lang="en-US" altLang="zh-CN" smtClean="0"/>
              <a:t>APP</a:t>
            </a:r>
            <a:r>
              <a:rPr lang="zh-CN" altLang="en-US" smtClean="0"/>
              <a:t>，是运营商传统网元（</a:t>
            </a:r>
            <a:r>
              <a:rPr lang="en-US" altLang="zh-CN" smtClean="0"/>
              <a:t>IMS</a:t>
            </a:r>
            <a:r>
              <a:rPr lang="zh-CN" altLang="en-US" smtClean="0"/>
              <a:t>，</a:t>
            </a:r>
            <a:r>
              <a:rPr lang="en-US" altLang="zh-CN" smtClean="0"/>
              <a:t>EPC</a:t>
            </a:r>
            <a:r>
              <a:rPr lang="zh-CN" altLang="en-US" smtClean="0"/>
              <a:t>，</a:t>
            </a:r>
            <a:r>
              <a:rPr lang="en-US" altLang="zh-CN" smtClean="0"/>
              <a:t>BRAS</a:t>
            </a:r>
            <a:r>
              <a:rPr lang="zh-CN" altLang="en-US" smtClean="0"/>
              <a:t>，</a:t>
            </a:r>
            <a:r>
              <a:rPr lang="en-US" altLang="zh-CN" smtClean="0"/>
              <a:t>CPE…</a:t>
            </a:r>
            <a:r>
              <a:rPr lang="zh-CN" altLang="en-US" smtClean="0"/>
              <a:t>）的软件实现。</a:t>
            </a:r>
          </a:p>
          <a:p>
            <a:r>
              <a:rPr lang="en-US" altLang="zh-CN" smtClean="0"/>
              <a:t>MANO</a:t>
            </a:r>
            <a:r>
              <a:rPr lang="zh-CN" altLang="en-US" smtClean="0"/>
              <a:t>：</a:t>
            </a:r>
            <a:r>
              <a:rPr lang="en-US" altLang="zh-CN" smtClean="0"/>
              <a:t>MANO</a:t>
            </a:r>
            <a:r>
              <a:rPr lang="zh-CN" altLang="en-US" smtClean="0"/>
              <a:t>的引入是要解决</a:t>
            </a:r>
            <a:r>
              <a:rPr lang="en-US" altLang="zh-CN" smtClean="0"/>
              <a:t>NFV</a:t>
            </a:r>
            <a:r>
              <a:rPr lang="zh-CN" altLang="en-US" smtClean="0"/>
              <a:t>多</a:t>
            </a:r>
            <a:r>
              <a:rPr lang="en-US" altLang="zh-CN" smtClean="0"/>
              <a:t>CT/IT</a:t>
            </a:r>
            <a:r>
              <a:rPr lang="zh-CN" altLang="en-US" smtClean="0"/>
              <a:t>厂家环境下的网络业务的发放问题，包括：分配物理</a:t>
            </a:r>
            <a:r>
              <a:rPr lang="en-US" altLang="zh-CN" smtClean="0"/>
              <a:t>/</a:t>
            </a:r>
            <a:r>
              <a:rPr lang="zh-CN" altLang="en-US" smtClean="0"/>
              <a:t>虚拟资源，垂直打通管理各层，快速适配对接新厂家新网元。</a:t>
            </a:r>
            <a:r>
              <a:rPr lang="en-US" altLang="zh-CN" smtClean="0"/>
              <a:t>MANO</a:t>
            </a:r>
            <a:r>
              <a:rPr lang="zh-CN" altLang="en-US" smtClean="0"/>
              <a:t>包括</a:t>
            </a:r>
            <a:r>
              <a:rPr lang="en-US" altLang="zh-CN" smtClean="0"/>
              <a:t>NFVO</a:t>
            </a:r>
            <a:r>
              <a:rPr lang="zh-CN" altLang="en-US" smtClean="0"/>
              <a:t>（</a:t>
            </a:r>
            <a:r>
              <a:rPr lang="en-US" altLang="zh-CN" smtClean="0"/>
              <a:t>Network Functions Virtualization Orchestrator</a:t>
            </a:r>
            <a:r>
              <a:rPr lang="zh-CN" altLang="en-US" smtClean="0"/>
              <a:t>，负责网络服务的生命周期的管理）、</a:t>
            </a:r>
            <a:r>
              <a:rPr lang="en-US" altLang="zh-CN" smtClean="0"/>
              <a:t>VNFM</a:t>
            </a:r>
            <a:r>
              <a:rPr lang="zh-CN" altLang="en-US" smtClean="0"/>
              <a:t>（</a:t>
            </a:r>
            <a:r>
              <a:rPr lang="en-US" altLang="zh-CN" smtClean="0"/>
              <a:t>Virtualized Network Function Manager, </a:t>
            </a:r>
            <a:r>
              <a:rPr lang="zh-CN" altLang="en-US" smtClean="0"/>
              <a:t>负责</a:t>
            </a:r>
            <a:r>
              <a:rPr lang="en-US" altLang="zh-CN" smtClean="0"/>
              <a:t>VNF</a:t>
            </a:r>
            <a:r>
              <a:rPr lang="zh-CN" altLang="en-US" smtClean="0"/>
              <a:t>的生命周期管理）、</a:t>
            </a:r>
            <a:r>
              <a:rPr lang="en-US" altLang="zh-CN" smtClean="0"/>
              <a:t>VIM</a:t>
            </a:r>
            <a:r>
              <a:rPr lang="zh-CN" altLang="en-US" smtClean="0"/>
              <a:t>（</a:t>
            </a:r>
            <a:r>
              <a:rPr lang="en-US" altLang="zh-CN" smtClean="0"/>
              <a:t>Virtualized Infrastructure Manager</a:t>
            </a:r>
            <a:r>
              <a:rPr lang="zh-CN" altLang="en-US" smtClean="0"/>
              <a:t>，负责</a:t>
            </a:r>
            <a:r>
              <a:rPr lang="en-US" altLang="zh-CN" smtClean="0"/>
              <a:t>NFVI</a:t>
            </a:r>
            <a:r>
              <a:rPr lang="zh-CN" altLang="en-US" smtClean="0"/>
              <a:t>的资源管理）三部分。</a:t>
            </a:r>
          </a:p>
          <a:p>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3762813527"/>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520764044"/>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smtClean="0"/>
              <a:t>BSS</a:t>
            </a:r>
            <a:r>
              <a:rPr lang="zh-CN" altLang="en-US" smtClean="0"/>
              <a:t>：</a:t>
            </a:r>
            <a:r>
              <a:rPr lang="en-US" altLang="zh-CN" smtClean="0"/>
              <a:t>Business support system </a:t>
            </a:r>
            <a:r>
              <a:rPr lang="zh-CN" altLang="en-US" smtClean="0"/>
              <a:t>业务支撑系统。</a:t>
            </a:r>
          </a:p>
          <a:p>
            <a:r>
              <a:rPr lang="en-US" altLang="zh-CN" smtClean="0"/>
              <a:t>OSS</a:t>
            </a:r>
            <a:r>
              <a:rPr lang="zh-CN" altLang="en-US" smtClean="0"/>
              <a:t>：</a:t>
            </a:r>
            <a:r>
              <a:rPr lang="en-US" altLang="zh-CN" smtClean="0"/>
              <a:t>Operation support system </a:t>
            </a:r>
            <a:r>
              <a:rPr lang="zh-CN" altLang="en-US" smtClean="0"/>
              <a:t>运营支撑系统。</a:t>
            </a:r>
            <a:endParaRPr lang="en-US" altLang="zh-CN" smtClean="0"/>
          </a:p>
          <a:p>
            <a:pPr lvl="0"/>
            <a:r>
              <a:rPr lang="en-US" altLang="zh-CN" smtClean="0"/>
              <a:t>Hypervisor</a:t>
            </a:r>
            <a:r>
              <a:rPr lang="zh-CN" altLang="en-US" smtClean="0"/>
              <a:t>：是一种运行在物理服务器和虚拟机操作系统之间的中间软件层，可允许多个操作系统和应用共享一套基础物理硬件。因此也可以看作是虚拟环境中的“元”操作系统，它可以协调访问服务器上的所有物理设备和虚拟机，也叫虚拟机监视器（</a:t>
            </a:r>
            <a:r>
              <a:rPr lang="en-US" altLang="zh-CN" smtClean="0"/>
              <a:t>Virtual Machine Monitor VMM</a:t>
            </a:r>
            <a:r>
              <a:rPr lang="zh-CN" altLang="en-US" smtClean="0"/>
              <a:t>）。</a:t>
            </a:r>
            <a:r>
              <a:rPr lang="en-US" altLang="zh-CN" smtClean="0"/>
              <a:t>Hypervisor</a:t>
            </a:r>
            <a:r>
              <a:rPr lang="zh-CN" altLang="en-US" smtClean="0"/>
              <a:t>是所有虚拟化技术的核心。目前主流的</a:t>
            </a:r>
            <a:r>
              <a:rPr lang="en-US" altLang="zh-CN" smtClean="0"/>
              <a:t>Hypervisor</a:t>
            </a:r>
            <a:r>
              <a:rPr lang="zh-CN" altLang="en-US" smtClean="0"/>
              <a:t>有</a:t>
            </a:r>
            <a:r>
              <a:rPr lang="en-US" altLang="zh-CN" smtClean="0"/>
              <a:t>KVM</a:t>
            </a:r>
            <a:r>
              <a:rPr lang="zh-CN" altLang="en-US" smtClean="0"/>
              <a:t>，</a:t>
            </a:r>
            <a:r>
              <a:rPr lang="en-US" altLang="zh-CN" smtClean="0"/>
              <a:t>VMWare ESXi</a:t>
            </a:r>
            <a:r>
              <a:rPr lang="zh-CN" altLang="en-US" smtClean="0"/>
              <a:t>，</a:t>
            </a:r>
            <a:r>
              <a:rPr lang="en-US" altLang="zh-CN" smtClean="0"/>
              <a:t>Xen</a:t>
            </a:r>
            <a:r>
              <a:rPr lang="zh-CN" altLang="en-US" smtClean="0"/>
              <a:t>，</a:t>
            </a:r>
            <a:r>
              <a:rPr lang="en-US" altLang="zh-CN" smtClean="0"/>
              <a:t>HyperV</a:t>
            </a:r>
            <a:r>
              <a:rPr lang="zh-CN" altLang="en-US" smtClean="0"/>
              <a:t>等。</a:t>
            </a:r>
          </a:p>
          <a:p>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1639066261"/>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pPr marL="0" indent="0">
              <a:buNone/>
            </a:pPr>
            <a:endParaRPr lang="zh-CN" altLang="en-US" dirty="0"/>
          </a:p>
        </p:txBody>
      </p:sp>
    </p:spTree>
    <p:extLst>
      <p:ext uri="{BB962C8B-B14F-4D97-AF65-F5344CB8AC3E}">
        <p14:creationId xmlns:p14="http://schemas.microsoft.com/office/powerpoint/2010/main" val="297234981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r>
              <a:rPr lang="en-US" altLang="zh-CN" dirty="0"/>
              <a:t>DSL</a:t>
            </a:r>
            <a:r>
              <a:rPr lang="zh-CN" altLang="en-US" dirty="0"/>
              <a:t>（</a:t>
            </a:r>
            <a:r>
              <a:rPr lang="en-US" altLang="zh-CN" dirty="0"/>
              <a:t>Digital Subscriber Line</a:t>
            </a:r>
            <a:r>
              <a:rPr lang="zh-CN" altLang="en-US" dirty="0"/>
              <a:t>）数字用户线路</a:t>
            </a:r>
            <a:endParaRPr lang="en-US" altLang="zh-CN" dirty="0"/>
          </a:p>
          <a:p>
            <a:r>
              <a:rPr lang="en-US" altLang="zh-CN" dirty="0"/>
              <a:t>OLT</a:t>
            </a:r>
            <a:r>
              <a:rPr lang="zh-CN" altLang="en-US" dirty="0"/>
              <a:t>（</a:t>
            </a:r>
            <a:r>
              <a:rPr lang="en-US" altLang="zh-CN" dirty="0"/>
              <a:t>Optical Line Terminal</a:t>
            </a:r>
            <a:r>
              <a:rPr lang="zh-CN" altLang="en-US" dirty="0"/>
              <a:t>）光线路终端</a:t>
            </a:r>
            <a:endParaRPr lang="en-US" altLang="zh-CN" dirty="0"/>
          </a:p>
          <a:p>
            <a:endParaRPr lang="zh-CN" altLang="en-US" dirty="0"/>
          </a:p>
          <a:p>
            <a:endParaRPr lang="zh-CN" altLang="en-US" dirty="0"/>
          </a:p>
        </p:txBody>
      </p:sp>
    </p:spTree>
    <p:extLst>
      <p:ext uri="{BB962C8B-B14F-4D97-AF65-F5344CB8AC3E}">
        <p14:creationId xmlns:p14="http://schemas.microsoft.com/office/powerpoint/2010/main" val="2111301496"/>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64434917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marL="228600" indent="-228600">
              <a:buFont typeface="+mj-lt"/>
              <a:buAutoNum type="arabicPeriod"/>
            </a:pPr>
            <a:r>
              <a:rPr lang="en-US" altLang="zh-CN" smtClean="0"/>
              <a:t>BCD</a:t>
            </a:r>
            <a:endParaRPr lang="en-US" altLang="zh-CN" dirty="0" smtClean="0"/>
          </a:p>
          <a:p>
            <a:pPr marL="228600" indent="-228600">
              <a:buFont typeface="+mj-lt"/>
              <a:buAutoNum type="arabicPeriod"/>
            </a:pPr>
            <a:r>
              <a:rPr lang="en-US" altLang="zh-CN" smtClean="0"/>
              <a:t>NFV</a:t>
            </a:r>
            <a:r>
              <a:rPr lang="zh-CN" altLang="en-US" dirty="0" smtClean="0"/>
              <a:t>（</a:t>
            </a:r>
            <a:r>
              <a:rPr lang="en-US" altLang="zh-CN" dirty="0" smtClean="0"/>
              <a:t>Network Functions Virtualization </a:t>
            </a:r>
            <a:r>
              <a:rPr lang="zh-CN" altLang="en-US" dirty="0" smtClean="0"/>
              <a:t>）是运营商为了解决电信网络硬件繁多、部署运维复杂、业务创新困难等问题而提出的。</a:t>
            </a:r>
            <a:r>
              <a:rPr lang="en-US" altLang="zh-CN" dirty="0" smtClean="0"/>
              <a:t>NFV</a:t>
            </a:r>
            <a:r>
              <a:rPr lang="zh-CN" altLang="en-US" dirty="0" smtClean="0"/>
              <a:t>在重构电信网络的同时，给运营商带来的价值包括但不限于：</a:t>
            </a:r>
          </a:p>
          <a:p>
            <a:pPr lvl="1"/>
            <a:r>
              <a:rPr lang="zh-CN" altLang="en-US" dirty="0" smtClean="0"/>
              <a:t>缩短业务上线时间</a:t>
            </a:r>
          </a:p>
          <a:p>
            <a:pPr lvl="1"/>
            <a:r>
              <a:rPr lang="zh-CN" altLang="en-US" dirty="0" smtClean="0"/>
              <a:t>降低建网成本</a:t>
            </a:r>
          </a:p>
          <a:p>
            <a:pPr lvl="1"/>
            <a:r>
              <a:rPr lang="zh-CN" altLang="en-US" dirty="0" smtClean="0"/>
              <a:t>提升网络运维效率</a:t>
            </a:r>
          </a:p>
          <a:p>
            <a:pPr lvl="1"/>
            <a:r>
              <a:rPr lang="zh-CN" altLang="en-US" dirty="0" smtClean="0"/>
              <a:t>构建开放的生态系统</a:t>
            </a:r>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343702688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054433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96496356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581990070"/>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3714259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21684222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smtClean="0"/>
              <a:t>1964</a:t>
            </a:r>
            <a:r>
              <a:rPr lang="zh-CN" altLang="en-US" dirty="0" smtClean="0"/>
              <a:t>年</a:t>
            </a:r>
            <a:r>
              <a:rPr lang="en-US" altLang="zh-CN" dirty="0" smtClean="0"/>
              <a:t>IBM</a:t>
            </a:r>
            <a:r>
              <a:rPr lang="zh-CN" altLang="en-US" dirty="0" smtClean="0"/>
              <a:t>公司花费</a:t>
            </a:r>
            <a:r>
              <a:rPr lang="en-US" altLang="zh-CN" dirty="0" smtClean="0"/>
              <a:t>50</a:t>
            </a:r>
            <a:r>
              <a:rPr lang="zh-CN" altLang="en-US" dirty="0" smtClean="0"/>
              <a:t>亿美金开发出了</a:t>
            </a:r>
            <a:r>
              <a:rPr lang="en-US" altLang="zh-CN" dirty="0" smtClean="0"/>
              <a:t>IBM SYSTEM/360</a:t>
            </a:r>
            <a:r>
              <a:rPr lang="zh-CN" altLang="en-US" dirty="0" smtClean="0"/>
              <a:t>大型机，开始了大型机的历史。大型机通常采用集中式体系架构，这种架构的优势之一是其出色的</a:t>
            </a:r>
            <a:r>
              <a:rPr lang="en-US" altLang="zh-CN" dirty="0" smtClean="0"/>
              <a:t>I/O</a:t>
            </a:r>
            <a:r>
              <a:rPr lang="zh-CN" altLang="en-US" dirty="0" smtClean="0"/>
              <a:t>处理能力，因而最适合处理大规模事务数据。与</a:t>
            </a:r>
            <a:r>
              <a:rPr lang="en-US" altLang="zh-CN" dirty="0" smtClean="0"/>
              <a:t>PC</a:t>
            </a:r>
            <a:r>
              <a:rPr lang="zh-CN" altLang="en-US" dirty="0" smtClean="0"/>
              <a:t>生态系统比较，大型机拥有专用的硬件、操作系统和应用。</a:t>
            </a:r>
            <a:endParaRPr lang="en-US" altLang="zh-CN" dirty="0" smtClean="0"/>
          </a:p>
          <a:p>
            <a:r>
              <a:rPr lang="en-US" altLang="zh-CN" dirty="0" smtClean="0"/>
              <a:t>PC</a:t>
            </a:r>
            <a:r>
              <a:rPr lang="zh-CN" altLang="en-US" dirty="0" smtClean="0"/>
              <a:t>生态从硬件、操作系统到应用，经历了多次革新。每一次革新都带来了巨大变化和发展。支撑整个</a:t>
            </a:r>
            <a:r>
              <a:rPr lang="en-US" altLang="zh-CN" dirty="0" smtClean="0"/>
              <a:t>PC</a:t>
            </a:r>
            <a:r>
              <a:rPr lang="zh-CN" altLang="en-US" dirty="0" smtClean="0"/>
              <a:t>生态系统快速革新的三个因素是：</a:t>
            </a:r>
          </a:p>
          <a:p>
            <a:pPr lvl="1"/>
            <a:r>
              <a:rPr lang="en-US" altLang="zh-CN" dirty="0" smtClean="0"/>
              <a:t>Hardware Substrate</a:t>
            </a:r>
            <a:r>
              <a:rPr lang="zh-CN" altLang="en-US" dirty="0" smtClean="0"/>
              <a:t>，硬件底层化。</a:t>
            </a:r>
            <a:r>
              <a:rPr lang="en-US" altLang="zh-CN" dirty="0" smtClean="0"/>
              <a:t>PC</a:t>
            </a:r>
            <a:r>
              <a:rPr lang="zh-CN" altLang="en-US" dirty="0" smtClean="0"/>
              <a:t>工业已经找到了一个简单、通用的硬件底层，</a:t>
            </a:r>
            <a:r>
              <a:rPr lang="en-US" altLang="zh-CN" dirty="0" smtClean="0"/>
              <a:t>x86</a:t>
            </a:r>
            <a:r>
              <a:rPr lang="zh-CN" altLang="en-US" dirty="0" smtClean="0"/>
              <a:t>指令集；</a:t>
            </a:r>
          </a:p>
          <a:p>
            <a:pPr lvl="1"/>
            <a:r>
              <a:rPr lang="en-US" altLang="zh-CN" dirty="0" smtClean="0"/>
              <a:t>Software-definition</a:t>
            </a:r>
            <a:r>
              <a:rPr lang="zh-CN" altLang="en-US" dirty="0" smtClean="0"/>
              <a:t>，软件定义。上层应用程序和下层基础软件（</a:t>
            </a:r>
            <a:r>
              <a:rPr lang="en-US" altLang="zh-CN" dirty="0" smtClean="0"/>
              <a:t>OS</a:t>
            </a:r>
            <a:r>
              <a:rPr lang="zh-CN" altLang="en-US" dirty="0" smtClean="0"/>
              <a:t>，虚拟化）都得到了极大的创新；</a:t>
            </a:r>
          </a:p>
          <a:p>
            <a:pPr lvl="1"/>
            <a:r>
              <a:rPr lang="en-US" altLang="zh-CN" dirty="0" smtClean="0"/>
              <a:t>Open-source</a:t>
            </a:r>
            <a:r>
              <a:rPr lang="zh-CN" altLang="en-US" dirty="0" smtClean="0"/>
              <a:t>，开源。</a:t>
            </a:r>
            <a:r>
              <a:rPr lang="en-US" altLang="zh-CN" dirty="0" smtClean="0"/>
              <a:t>Linux</a:t>
            </a:r>
            <a:r>
              <a:rPr lang="zh-CN" altLang="en-US" dirty="0" smtClean="0"/>
              <a:t>的蓬勃发展已经验证了开源文化和市集模式发展思路的正确性。成千上万的开发者可以快速制定标准，加速创新。</a:t>
            </a:r>
          </a:p>
          <a:p>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131103736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66791772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t>以交换机为例介绍转发平面、控制平面和管理平面：</a:t>
            </a:r>
            <a:endParaRPr lang="en-US" altLang="zh-CN" dirty="0" smtClean="0"/>
          </a:p>
          <a:p>
            <a:pPr lvl="1"/>
            <a:r>
              <a:rPr lang="zh-CN" altLang="en-US" dirty="0" smtClean="0"/>
              <a:t>交换机转发平面：转发平面提供高速无阻塞数据通道，实现各个业务模块之间的业务交换功能。交换机的基本任务是处理和转发交换机各不同端口上各种类型的数据。</a:t>
            </a:r>
            <a:r>
              <a:rPr lang="en-US" altLang="zh-CN" dirty="0" smtClean="0"/>
              <a:t>L2/L3/ACL/</a:t>
            </a:r>
            <a:r>
              <a:rPr lang="en-US" altLang="zh-CN" dirty="0" err="1" smtClean="0"/>
              <a:t>QoS</a:t>
            </a:r>
            <a:r>
              <a:rPr lang="en-US" altLang="zh-CN" dirty="0" smtClean="0"/>
              <a:t>/</a:t>
            </a:r>
            <a:r>
              <a:rPr lang="zh-CN" altLang="en-US" dirty="0" smtClean="0"/>
              <a:t>组播</a:t>
            </a:r>
            <a:r>
              <a:rPr lang="en-US" altLang="zh-CN" dirty="0" smtClean="0"/>
              <a:t>/</a:t>
            </a:r>
            <a:r>
              <a:rPr lang="zh-CN" altLang="en-US" dirty="0" smtClean="0"/>
              <a:t>安全防护等各种具体的数据处理转发过程，都属于交换机转发平面的任务范畴。</a:t>
            </a:r>
          </a:p>
          <a:p>
            <a:pPr lvl="1"/>
            <a:r>
              <a:rPr lang="zh-CN" altLang="en-US" dirty="0" smtClean="0"/>
              <a:t>交换机控制平面：控制平面完成系统的协议处理、业务处理、路由运算、转发控制、业务调度、流量统计、系统安全等功能。交换机的控制平面用于控制和管理所有网络协议的运行。控制平面提供了数据平面数据处理转发前所必须的各种网络信息和转发查询表项。</a:t>
            </a:r>
          </a:p>
          <a:p>
            <a:pPr lvl="1"/>
            <a:r>
              <a:rPr lang="zh-CN" altLang="en-US" dirty="0" smtClean="0"/>
              <a:t>交换机管理平面：管理平面完成系统的运行状态监控、环境监控、日志和告警信息处理、系统加载、系统升级等功能。交换机的管理平面是提供给网络管理人员使用</a:t>
            </a:r>
            <a:r>
              <a:rPr lang="en-US" altLang="zh-CN" dirty="0" smtClean="0"/>
              <a:t>TELNET</a:t>
            </a:r>
            <a:r>
              <a:rPr lang="zh-CN" altLang="en-US" dirty="0" smtClean="0"/>
              <a:t>、</a:t>
            </a:r>
            <a:r>
              <a:rPr lang="en-US" altLang="zh-CN" dirty="0" smtClean="0"/>
              <a:t>WEB</a:t>
            </a:r>
            <a:r>
              <a:rPr lang="zh-CN" altLang="en-US" dirty="0" smtClean="0"/>
              <a:t>、</a:t>
            </a:r>
            <a:r>
              <a:rPr lang="en-US" altLang="zh-CN" dirty="0" smtClean="0"/>
              <a:t>SSH</a:t>
            </a:r>
            <a:r>
              <a:rPr lang="zh-CN" altLang="en-US" dirty="0" smtClean="0"/>
              <a:t>、</a:t>
            </a:r>
            <a:r>
              <a:rPr lang="en-US" altLang="zh-CN" dirty="0" smtClean="0"/>
              <a:t>SNMP</a:t>
            </a:r>
            <a:r>
              <a:rPr lang="zh-CN" altLang="en-US" dirty="0" smtClean="0"/>
              <a:t>、</a:t>
            </a:r>
            <a:r>
              <a:rPr lang="en-US" altLang="zh-CN" dirty="0" smtClean="0"/>
              <a:t>RMON</a:t>
            </a:r>
            <a:r>
              <a:rPr lang="zh-CN" altLang="en-US" dirty="0" smtClean="0"/>
              <a:t>等方式来管理设备，并支持、理解和执行管理人员对于网络设备各种网络协议的设置命令。管理平面必须预先设置好控制平面中各种协议的相关参数，并支持在必要时刻对控制平面的运行进行干预。</a:t>
            </a:r>
            <a:endParaRPr lang="en-US" altLang="zh-CN" dirty="0" smtClean="0"/>
          </a:p>
          <a:p>
            <a:r>
              <a:rPr lang="zh-CN" altLang="en-US" dirty="0" smtClean="0"/>
              <a:t>在华为产品具体的实现上，部分系列产品将功能组合区分为数据平面、管理平面和监控平面。</a:t>
            </a:r>
            <a:endParaRPr lang="zh-CN" alt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136743115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31800" y="779463"/>
            <a:ext cx="5934075"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2414240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修订记录">
    <p:spTree>
      <p:nvGrpSpPr>
        <p:cNvPr id="1" name=""/>
        <p:cNvGrpSpPr/>
        <p:nvPr/>
      </p:nvGrpSpPr>
      <p:grpSpPr>
        <a:xfrm>
          <a:off x="0" y="0"/>
          <a:ext cx="0" cy="0"/>
          <a:chOff x="0" y="0"/>
          <a:chExt cx="0" cy="0"/>
        </a:xfrm>
      </p:grpSpPr>
      <p:graphicFrame>
        <p:nvGraphicFramePr>
          <p:cNvPr id="3" name="Group 3"/>
          <p:cNvGraphicFramePr>
            <a:graphicFrameLocks noGrp="1"/>
          </p:cNvGraphicFramePr>
          <p:nvPr userDrawn="1">
            <p:extLst>
              <p:ext uri="{D42A27DB-BD31-4B8C-83A1-F6EECF244321}">
                <p14:modId xmlns:p14="http://schemas.microsoft.com/office/powerpoint/2010/main" val="2163518714"/>
              </p:ext>
            </p:extLst>
          </p:nvPr>
        </p:nvGraphicFramePr>
        <p:xfrm>
          <a:off x="1007140" y="1254490"/>
          <a:ext cx="10460715" cy="1082675"/>
        </p:xfrm>
        <a:graphic>
          <a:graphicData uri="http://schemas.openxmlformats.org/drawingml/2006/table">
            <a:tbl>
              <a:tblPr/>
              <a:tblGrid>
                <a:gridCol w="3119031">
                  <a:extLst>
                    <a:ext uri="{9D8B030D-6E8A-4147-A177-3AD203B41FA5}">
                      <a16:colId xmlns:a16="http://schemas.microsoft.com/office/drawing/2014/main" xmlns="" val="20000"/>
                    </a:ext>
                  </a:extLst>
                </a:gridCol>
                <a:gridCol w="1967450">
                  <a:extLst>
                    <a:ext uri="{9D8B030D-6E8A-4147-A177-3AD203B41FA5}">
                      <a16:colId xmlns:a16="http://schemas.microsoft.com/office/drawing/2014/main" xmlns="" val="20001"/>
                    </a:ext>
                  </a:extLst>
                </a:gridCol>
                <a:gridCol w="3023155">
                  <a:extLst>
                    <a:ext uri="{9D8B030D-6E8A-4147-A177-3AD203B41FA5}">
                      <a16:colId xmlns:a16="http://schemas.microsoft.com/office/drawing/2014/main" xmlns="" val="20002"/>
                    </a:ext>
                  </a:extLst>
                </a:gridCol>
                <a:gridCol w="2351079">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lt"/>
                          <a:ea typeface="+mn-ea"/>
                        </a:rPr>
                        <a:t>课程编码</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lt"/>
                          <a:ea typeface="+mn-ea"/>
                        </a:rPr>
                        <a:t>适用产品</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lt"/>
                          <a:ea typeface="+mn-ea"/>
                        </a:rPr>
                        <a:t>产品版本</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lt"/>
                          <a:ea typeface="+mn-ea"/>
                        </a:rPr>
                        <a:t>课程版本</a:t>
                      </a:r>
                      <a:endParaRPr kumimoji="1" lang="en-US" altLang="zh-CN" sz="1800" b="1" i="0" u="none" strike="noStrike" cap="none" normalizeH="0" baseline="0" dirty="0">
                        <a:ln>
                          <a:noFill/>
                        </a:ln>
                        <a:solidFill>
                          <a:schemeClr val="tx1"/>
                        </a:solidFill>
                        <a:effectLst/>
                        <a:latin typeface="+mn-lt"/>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bl>
          </a:graphicData>
        </a:graphic>
      </p:graphicFrame>
      <p:graphicFrame>
        <p:nvGraphicFramePr>
          <p:cNvPr id="4" name="Group 21"/>
          <p:cNvGraphicFramePr>
            <a:graphicFrameLocks noGrp="1"/>
          </p:cNvGraphicFramePr>
          <p:nvPr userDrawn="1">
            <p:extLst>
              <p:ext uri="{D42A27DB-BD31-4B8C-83A1-F6EECF244321}">
                <p14:modId xmlns:p14="http://schemas.microsoft.com/office/powerpoint/2010/main" val="3380704855"/>
              </p:ext>
            </p:extLst>
          </p:nvPr>
        </p:nvGraphicFramePr>
        <p:xfrm>
          <a:off x="1007140" y="2776902"/>
          <a:ext cx="10460714" cy="3038475"/>
        </p:xfrm>
        <a:graphic>
          <a:graphicData uri="http://schemas.openxmlformats.org/drawingml/2006/table">
            <a:tbl>
              <a:tblPr/>
              <a:tblGrid>
                <a:gridCol w="3119030">
                  <a:extLst>
                    <a:ext uri="{9D8B030D-6E8A-4147-A177-3AD203B41FA5}">
                      <a16:colId xmlns:a16="http://schemas.microsoft.com/office/drawing/2014/main" xmlns="" val="20000"/>
                    </a:ext>
                  </a:extLst>
                </a:gridCol>
                <a:gridCol w="1967450">
                  <a:extLst>
                    <a:ext uri="{9D8B030D-6E8A-4147-A177-3AD203B41FA5}">
                      <a16:colId xmlns:a16="http://schemas.microsoft.com/office/drawing/2014/main" xmlns="" val="20001"/>
                    </a:ext>
                  </a:extLst>
                </a:gridCol>
                <a:gridCol w="3023155">
                  <a:extLst>
                    <a:ext uri="{9D8B030D-6E8A-4147-A177-3AD203B41FA5}">
                      <a16:colId xmlns:a16="http://schemas.microsoft.com/office/drawing/2014/main" xmlns="" val="20002"/>
                    </a:ext>
                  </a:extLst>
                </a:gridCol>
                <a:gridCol w="2351079">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lt"/>
                          <a:ea typeface="+mn-ea"/>
                        </a:rPr>
                        <a:t>作者</a:t>
                      </a:r>
                      <a:r>
                        <a:rPr kumimoji="1" lang="en-US" altLang="zh-CN" sz="1800" b="1" i="0" u="none" strike="noStrike" cap="none" normalizeH="0" baseline="0" dirty="0">
                          <a:ln>
                            <a:noFill/>
                          </a:ln>
                          <a:solidFill>
                            <a:schemeClr val="tx1"/>
                          </a:solidFill>
                          <a:effectLst/>
                          <a:latin typeface="+mn-lt"/>
                          <a:ea typeface="+mn-ea"/>
                        </a:rPr>
                        <a:t>/</a:t>
                      </a:r>
                      <a:r>
                        <a:rPr kumimoji="1" lang="zh-CN" altLang="en-US" sz="1800" b="1" i="0" u="none" strike="noStrike" cap="none" normalizeH="0" baseline="0" dirty="0">
                          <a:ln>
                            <a:noFill/>
                          </a:ln>
                          <a:solidFill>
                            <a:schemeClr val="tx1"/>
                          </a:solidFill>
                          <a:effectLst/>
                          <a:latin typeface="+mn-lt"/>
                          <a:ea typeface="+mn-ea"/>
                        </a:rPr>
                        <a:t>工号</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lt"/>
                          <a:ea typeface="+mn-ea"/>
                        </a:rPr>
                        <a:t>时间</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mn-lt"/>
                          <a:ea typeface="+mn-ea"/>
                        </a:rPr>
                        <a:t>审核人</a:t>
                      </a:r>
                      <a:r>
                        <a:rPr kumimoji="1" lang="en-US" altLang="zh-CN" sz="1800" b="1" i="0" u="none" strike="noStrike" cap="none" normalizeH="0" baseline="0" dirty="0">
                          <a:ln>
                            <a:noFill/>
                          </a:ln>
                          <a:solidFill>
                            <a:schemeClr val="tx1"/>
                          </a:solidFill>
                          <a:effectLst/>
                          <a:latin typeface="+mn-lt"/>
                          <a:ea typeface="+mn-ea"/>
                        </a:rPr>
                        <a:t>/</a:t>
                      </a:r>
                      <a:r>
                        <a:rPr kumimoji="1" lang="zh-CN" altLang="en-US" sz="1800" b="1" i="0" u="none" strike="noStrike" cap="none" normalizeH="0" baseline="0" dirty="0">
                          <a:ln>
                            <a:noFill/>
                          </a:ln>
                          <a:solidFill>
                            <a:schemeClr val="tx1"/>
                          </a:solidFill>
                          <a:effectLst/>
                          <a:latin typeface="+mn-lt"/>
                          <a:ea typeface="+mn-ea"/>
                        </a:rPr>
                        <a:t>工号</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zh-CN" sz="1800" b="1" i="0" u="none" strike="noStrike" cap="none" normalizeH="0" baseline="0" dirty="0">
                          <a:ln>
                            <a:noFill/>
                          </a:ln>
                          <a:solidFill>
                            <a:schemeClr val="tx1"/>
                          </a:solidFill>
                          <a:effectLst/>
                          <a:latin typeface="+mn-lt"/>
                          <a:ea typeface="+mn-ea"/>
                        </a:rPr>
                        <a:t>新开发/优化</a:t>
                      </a:r>
                      <a:endParaRPr kumimoji="1" lang="zh-CN" altLang="en-US" sz="1800" b="1" i="0" u="none" strike="noStrike" cap="none" normalizeH="0" baseline="0" dirty="0">
                        <a:ln>
                          <a:noFill/>
                        </a:ln>
                        <a:solidFill>
                          <a:schemeClr val="tx1"/>
                        </a:solidFill>
                        <a:effectLst/>
                        <a:latin typeface="+mn-lt"/>
                        <a:ea typeface="+mn-ea"/>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mn-lt"/>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mn-lt"/>
                        <a:ea typeface="+mn-ea"/>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5"/>
                  </a:ext>
                </a:extLst>
              </a:tr>
            </a:tbl>
          </a:graphicData>
        </a:graphic>
      </p:graphicFrame>
      <p:sp>
        <p:nvSpPr>
          <p:cNvPr id="5" name="文本占位符 7"/>
          <p:cNvSpPr>
            <a:spLocks noGrp="1"/>
          </p:cNvSpPr>
          <p:nvPr>
            <p:ph type="body" sz="quarter" idx="17" hasCustomPrompt="1"/>
          </p:nvPr>
        </p:nvSpPr>
        <p:spPr>
          <a:xfrm>
            <a:off x="1007139" y="1825692"/>
            <a:ext cx="3119030" cy="504887"/>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课程编码</a:t>
            </a:r>
          </a:p>
        </p:txBody>
      </p:sp>
      <p:sp>
        <p:nvSpPr>
          <p:cNvPr id="6" name="文本占位符 7"/>
          <p:cNvSpPr>
            <a:spLocks noGrp="1"/>
          </p:cNvSpPr>
          <p:nvPr>
            <p:ph type="body" sz="quarter" idx="18" hasCustomPrompt="1"/>
          </p:nvPr>
        </p:nvSpPr>
        <p:spPr>
          <a:xfrm>
            <a:off x="4126170" y="1825692"/>
            <a:ext cx="1967450" cy="504887"/>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适用的产品</a:t>
            </a:r>
          </a:p>
        </p:txBody>
      </p:sp>
      <p:sp>
        <p:nvSpPr>
          <p:cNvPr id="7" name="文本占位符 7"/>
          <p:cNvSpPr>
            <a:spLocks noGrp="1"/>
          </p:cNvSpPr>
          <p:nvPr>
            <p:ph type="body" sz="quarter" idx="19" hasCustomPrompt="1"/>
          </p:nvPr>
        </p:nvSpPr>
        <p:spPr>
          <a:xfrm>
            <a:off x="6093619" y="1825692"/>
            <a:ext cx="3023155" cy="504887"/>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en-US" altLang="zh-CN" dirty="0"/>
              <a:t>V5R2</a:t>
            </a:r>
            <a:endParaRPr lang="zh-CN" altLang="en-US" dirty="0"/>
          </a:p>
        </p:txBody>
      </p:sp>
      <p:sp>
        <p:nvSpPr>
          <p:cNvPr id="8" name="文本占位符 7"/>
          <p:cNvSpPr>
            <a:spLocks noGrp="1"/>
          </p:cNvSpPr>
          <p:nvPr>
            <p:ph type="body" sz="quarter" idx="20" hasCustomPrompt="1"/>
          </p:nvPr>
        </p:nvSpPr>
        <p:spPr>
          <a:xfrm>
            <a:off x="9116775" y="1825692"/>
            <a:ext cx="2351079" cy="504887"/>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en-US" altLang="zh-CN" dirty="0"/>
              <a:t>V1R1</a:t>
            </a:r>
            <a:endParaRPr lang="zh-CN" altLang="en-US" dirty="0"/>
          </a:p>
        </p:txBody>
      </p:sp>
      <p:sp>
        <p:nvSpPr>
          <p:cNvPr id="9" name="文本占位符 7"/>
          <p:cNvSpPr>
            <a:spLocks noGrp="1"/>
          </p:cNvSpPr>
          <p:nvPr>
            <p:ph type="body" sz="quarter" idx="13" hasCustomPrompt="1"/>
          </p:nvPr>
        </p:nvSpPr>
        <p:spPr>
          <a:xfrm>
            <a:off x="1007042" y="3373862"/>
            <a:ext cx="3119128"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10" name="文本占位符 7"/>
          <p:cNvSpPr>
            <a:spLocks noGrp="1"/>
          </p:cNvSpPr>
          <p:nvPr>
            <p:ph type="body" sz="quarter" idx="14" hasCustomPrompt="1"/>
          </p:nvPr>
        </p:nvSpPr>
        <p:spPr>
          <a:xfrm>
            <a:off x="4126170" y="3373862"/>
            <a:ext cx="1967450"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en-US" altLang="zh-CN" dirty="0"/>
              <a:t>2015.01.25</a:t>
            </a:r>
            <a:endParaRPr lang="zh-CN" altLang="en-US" dirty="0"/>
          </a:p>
        </p:txBody>
      </p:sp>
      <p:sp>
        <p:nvSpPr>
          <p:cNvPr id="11" name="文本占位符 7"/>
          <p:cNvSpPr>
            <a:spLocks noGrp="1"/>
          </p:cNvSpPr>
          <p:nvPr>
            <p:ph type="body" sz="quarter" idx="15" hasCustomPrompt="1"/>
          </p:nvPr>
        </p:nvSpPr>
        <p:spPr>
          <a:xfrm>
            <a:off x="6093619" y="3373862"/>
            <a:ext cx="3023155"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12" name="文本占位符 7"/>
          <p:cNvSpPr>
            <a:spLocks noGrp="1"/>
          </p:cNvSpPr>
          <p:nvPr>
            <p:ph type="body" sz="quarter" idx="16" hasCustomPrompt="1"/>
          </p:nvPr>
        </p:nvSpPr>
        <p:spPr>
          <a:xfrm>
            <a:off x="9116775" y="3337858"/>
            <a:ext cx="2351342" cy="504056"/>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新开发</a:t>
            </a:r>
          </a:p>
        </p:txBody>
      </p:sp>
      <p:sp>
        <p:nvSpPr>
          <p:cNvPr id="13" name="Rectangle 2"/>
          <p:cNvSpPr>
            <a:spLocks noChangeArrowheads="1"/>
          </p:cNvSpPr>
          <p:nvPr userDrawn="1"/>
        </p:nvSpPr>
        <p:spPr bwMode="auto">
          <a:xfrm>
            <a:off x="952130" y="368661"/>
            <a:ext cx="2802144" cy="479425"/>
          </a:xfrm>
          <a:prstGeom prst="rect">
            <a:avLst/>
          </a:prstGeom>
          <a:noFill/>
          <a:ln w="9525">
            <a:noFill/>
            <a:miter lim="800000"/>
            <a:headEnd/>
            <a:tailEnd/>
          </a:ln>
        </p:spPr>
        <p:txBody>
          <a:bodyPr lIns="78227" tIns="39112" rIns="78227" bIns="39112" anchor="ctr"/>
          <a:lstStyle/>
          <a:p>
            <a:pPr algn="l" defTabSz="1001223" rtl="0" eaLnBrk="0" fontAlgn="t" hangingPunct="0">
              <a:spcBef>
                <a:spcPct val="0"/>
              </a:spcBef>
              <a:spcAft>
                <a:spcPct val="0"/>
              </a:spcAft>
            </a:pPr>
            <a:r>
              <a:rPr lang="zh-CN" altLang="en-US" sz="3499" b="1" kern="1200">
                <a:solidFill>
                  <a:schemeClr val="tx1">
                    <a:lumMod val="75000"/>
                    <a:lumOff val="25000"/>
                  </a:schemeClr>
                </a:solidFill>
                <a:latin typeface="+mn-lt"/>
                <a:ea typeface="+mn-ea"/>
                <a:cs typeface="Arial" panose="020B0604020202020204" pitchFamily="34" charset="0"/>
              </a:rPr>
              <a:t>修订记录</a:t>
            </a:r>
            <a:endParaRPr lang="zh-CN" altLang="en-US" sz="3499" b="1" kern="1200" dirty="0">
              <a:solidFill>
                <a:schemeClr val="tx1">
                  <a:lumMod val="75000"/>
                  <a:lumOff val="25000"/>
                </a:schemeClr>
              </a:solidFill>
              <a:latin typeface="+mn-lt"/>
              <a:ea typeface="+mn-ea"/>
              <a:cs typeface="Arial" panose="020B0604020202020204" pitchFamily="34" charset="0"/>
            </a:endParaRPr>
          </a:p>
        </p:txBody>
      </p:sp>
      <p:sp>
        <p:nvSpPr>
          <p:cNvPr id="14" name="Text Box 58"/>
          <p:cNvSpPr txBox="1">
            <a:spLocks noChangeArrowheads="1"/>
          </p:cNvSpPr>
          <p:nvPr userDrawn="1"/>
        </p:nvSpPr>
        <p:spPr bwMode="auto">
          <a:xfrm>
            <a:off x="8900835" y="296652"/>
            <a:ext cx="2771225" cy="707886"/>
          </a:xfrm>
          <a:prstGeom prst="rect">
            <a:avLst/>
          </a:prstGeom>
          <a:noFill/>
          <a:ln w="9525" algn="ctr">
            <a:noFill/>
            <a:miter lim="800000"/>
            <a:headEnd/>
            <a:tailEnd/>
          </a:ln>
        </p:spPr>
        <p:txBody>
          <a:bodyPr wrap="square">
            <a:spAutoFit/>
          </a:bodyPr>
          <a:lstStyle/>
          <a:p>
            <a:pPr>
              <a:spcBef>
                <a:spcPct val="50000"/>
              </a:spcBef>
            </a:pPr>
            <a:r>
              <a:rPr lang="zh-CN" altLang="en-US" sz="3998" i="0">
                <a:solidFill>
                  <a:schemeClr val="bg2">
                    <a:lumMod val="50000"/>
                  </a:schemeClr>
                </a:solidFill>
                <a:latin typeface="+mn-lt"/>
                <a:ea typeface="+mn-ea"/>
                <a:cs typeface="Arial" panose="020B0604020202020204" pitchFamily="34" charset="0"/>
              </a:rPr>
              <a:t>本页</a:t>
            </a:r>
            <a:r>
              <a:rPr lang="zh-CN" altLang="en-US" sz="3998" i="0" dirty="0">
                <a:solidFill>
                  <a:schemeClr val="bg2">
                    <a:lumMod val="50000"/>
                  </a:schemeClr>
                </a:solidFill>
                <a:latin typeface="+mn-lt"/>
                <a:ea typeface="+mn-ea"/>
                <a:cs typeface="Arial" panose="020B0604020202020204" pitchFamily="34" charset="0"/>
              </a:rPr>
              <a:t>不打印</a:t>
            </a:r>
          </a:p>
        </p:txBody>
      </p:sp>
      <p:sp>
        <p:nvSpPr>
          <p:cNvPr id="15" name="文本占位符 7"/>
          <p:cNvSpPr>
            <a:spLocks noGrp="1"/>
          </p:cNvSpPr>
          <p:nvPr>
            <p:ph type="body" sz="quarter" idx="21" hasCustomPrompt="1"/>
          </p:nvPr>
        </p:nvSpPr>
        <p:spPr>
          <a:xfrm>
            <a:off x="1007042" y="3877918"/>
            <a:ext cx="3119128"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16" name="文本占位符 7"/>
          <p:cNvSpPr>
            <a:spLocks noGrp="1"/>
          </p:cNvSpPr>
          <p:nvPr>
            <p:ph type="body" sz="quarter" idx="22" hasCustomPrompt="1"/>
          </p:nvPr>
        </p:nvSpPr>
        <p:spPr>
          <a:xfrm>
            <a:off x="4126170" y="3877918"/>
            <a:ext cx="1967450"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en-US" altLang="zh-CN" dirty="0"/>
              <a:t>2015.01.25</a:t>
            </a:r>
            <a:endParaRPr lang="zh-CN" altLang="en-US" dirty="0"/>
          </a:p>
        </p:txBody>
      </p:sp>
      <p:sp>
        <p:nvSpPr>
          <p:cNvPr id="17" name="文本占位符 7"/>
          <p:cNvSpPr>
            <a:spLocks noGrp="1"/>
          </p:cNvSpPr>
          <p:nvPr>
            <p:ph type="body" sz="quarter" idx="23" hasCustomPrompt="1"/>
          </p:nvPr>
        </p:nvSpPr>
        <p:spPr>
          <a:xfrm>
            <a:off x="6093619" y="3877918"/>
            <a:ext cx="3023155"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18" name="文本占位符 7"/>
          <p:cNvSpPr>
            <a:spLocks noGrp="1"/>
          </p:cNvSpPr>
          <p:nvPr>
            <p:ph type="body" sz="quarter" idx="24" hasCustomPrompt="1"/>
          </p:nvPr>
        </p:nvSpPr>
        <p:spPr>
          <a:xfrm>
            <a:off x="9116775" y="3841914"/>
            <a:ext cx="2351342" cy="504056"/>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优化</a:t>
            </a:r>
          </a:p>
        </p:txBody>
      </p:sp>
      <p:sp>
        <p:nvSpPr>
          <p:cNvPr id="19" name="文本占位符 7"/>
          <p:cNvSpPr>
            <a:spLocks noGrp="1"/>
          </p:cNvSpPr>
          <p:nvPr>
            <p:ph type="body" sz="quarter" idx="25" hasCustomPrompt="1"/>
          </p:nvPr>
        </p:nvSpPr>
        <p:spPr>
          <a:xfrm>
            <a:off x="1007042" y="4345970"/>
            <a:ext cx="3119128"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20" name="文本占位符 7"/>
          <p:cNvSpPr>
            <a:spLocks noGrp="1"/>
          </p:cNvSpPr>
          <p:nvPr>
            <p:ph type="body" sz="quarter" idx="26" hasCustomPrompt="1"/>
          </p:nvPr>
        </p:nvSpPr>
        <p:spPr>
          <a:xfrm>
            <a:off x="4126170" y="4345970"/>
            <a:ext cx="1967450"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en-US" altLang="zh-CN" dirty="0"/>
              <a:t>2015.01.25</a:t>
            </a:r>
            <a:endParaRPr lang="zh-CN" altLang="en-US" dirty="0"/>
          </a:p>
        </p:txBody>
      </p:sp>
      <p:sp>
        <p:nvSpPr>
          <p:cNvPr id="21" name="文本占位符 7"/>
          <p:cNvSpPr>
            <a:spLocks noGrp="1"/>
          </p:cNvSpPr>
          <p:nvPr>
            <p:ph type="body" sz="quarter" idx="27" hasCustomPrompt="1"/>
          </p:nvPr>
        </p:nvSpPr>
        <p:spPr>
          <a:xfrm>
            <a:off x="6093619" y="4345970"/>
            <a:ext cx="3023155"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22" name="文本占位符 7"/>
          <p:cNvSpPr>
            <a:spLocks noGrp="1"/>
          </p:cNvSpPr>
          <p:nvPr>
            <p:ph type="body" sz="quarter" idx="28" hasCustomPrompt="1"/>
          </p:nvPr>
        </p:nvSpPr>
        <p:spPr>
          <a:xfrm>
            <a:off x="9116775" y="4345970"/>
            <a:ext cx="2351342"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优化</a:t>
            </a:r>
          </a:p>
        </p:txBody>
      </p:sp>
      <p:sp>
        <p:nvSpPr>
          <p:cNvPr id="23" name="文本占位符 7"/>
          <p:cNvSpPr>
            <a:spLocks noGrp="1"/>
          </p:cNvSpPr>
          <p:nvPr>
            <p:ph type="body" sz="quarter" idx="29" hasCustomPrompt="1"/>
          </p:nvPr>
        </p:nvSpPr>
        <p:spPr>
          <a:xfrm>
            <a:off x="1007042" y="4886030"/>
            <a:ext cx="3119128"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24" name="文本占位符 7"/>
          <p:cNvSpPr>
            <a:spLocks noGrp="1"/>
          </p:cNvSpPr>
          <p:nvPr>
            <p:ph type="body" sz="quarter" idx="30" hasCustomPrompt="1"/>
          </p:nvPr>
        </p:nvSpPr>
        <p:spPr>
          <a:xfrm>
            <a:off x="4126170" y="4886030"/>
            <a:ext cx="1967450"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en-US" altLang="zh-CN" dirty="0"/>
              <a:t>2015.01.25</a:t>
            </a:r>
            <a:endParaRPr lang="zh-CN" altLang="en-US" dirty="0"/>
          </a:p>
        </p:txBody>
      </p:sp>
      <p:sp>
        <p:nvSpPr>
          <p:cNvPr id="25" name="文本占位符 7"/>
          <p:cNvSpPr>
            <a:spLocks noGrp="1"/>
          </p:cNvSpPr>
          <p:nvPr>
            <p:ph type="body" sz="quarter" idx="31" hasCustomPrompt="1"/>
          </p:nvPr>
        </p:nvSpPr>
        <p:spPr>
          <a:xfrm>
            <a:off x="6093619" y="4886030"/>
            <a:ext cx="3023155"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26" name="文本占位符 7"/>
          <p:cNvSpPr>
            <a:spLocks noGrp="1"/>
          </p:cNvSpPr>
          <p:nvPr>
            <p:ph type="body" sz="quarter" idx="32" hasCustomPrompt="1"/>
          </p:nvPr>
        </p:nvSpPr>
        <p:spPr>
          <a:xfrm>
            <a:off x="9116775" y="4886030"/>
            <a:ext cx="2351342"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优化</a:t>
            </a:r>
          </a:p>
        </p:txBody>
      </p:sp>
      <p:sp>
        <p:nvSpPr>
          <p:cNvPr id="27" name="文本占位符 7"/>
          <p:cNvSpPr>
            <a:spLocks noGrp="1"/>
          </p:cNvSpPr>
          <p:nvPr>
            <p:ph type="body" sz="quarter" idx="33" hasCustomPrompt="1"/>
          </p:nvPr>
        </p:nvSpPr>
        <p:spPr>
          <a:xfrm>
            <a:off x="1007042" y="5354082"/>
            <a:ext cx="3119128"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28" name="文本占位符 7"/>
          <p:cNvSpPr>
            <a:spLocks noGrp="1"/>
          </p:cNvSpPr>
          <p:nvPr>
            <p:ph type="body" sz="quarter" idx="34" hasCustomPrompt="1"/>
          </p:nvPr>
        </p:nvSpPr>
        <p:spPr>
          <a:xfrm>
            <a:off x="4126170" y="5354082"/>
            <a:ext cx="1967450"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en-US" altLang="zh-CN" dirty="0"/>
              <a:t>2015.01.25</a:t>
            </a:r>
            <a:endParaRPr lang="zh-CN" altLang="en-US" dirty="0"/>
          </a:p>
        </p:txBody>
      </p:sp>
      <p:sp>
        <p:nvSpPr>
          <p:cNvPr id="29" name="文本占位符 7"/>
          <p:cNvSpPr>
            <a:spLocks noGrp="1"/>
          </p:cNvSpPr>
          <p:nvPr>
            <p:ph type="body" sz="quarter" idx="35" hasCustomPrompt="1"/>
          </p:nvPr>
        </p:nvSpPr>
        <p:spPr>
          <a:xfrm>
            <a:off x="6093619" y="5354082"/>
            <a:ext cx="3023155"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姓名</a:t>
            </a:r>
            <a:r>
              <a:rPr lang="en-US" altLang="zh-CN" dirty="0"/>
              <a:t>/</a:t>
            </a:r>
            <a:r>
              <a:rPr lang="zh-CN" altLang="en-US" dirty="0"/>
              <a:t>工号</a:t>
            </a:r>
          </a:p>
        </p:txBody>
      </p:sp>
      <p:sp>
        <p:nvSpPr>
          <p:cNvPr id="30" name="文本占位符 7"/>
          <p:cNvSpPr>
            <a:spLocks noGrp="1"/>
          </p:cNvSpPr>
          <p:nvPr>
            <p:ph type="body" sz="quarter" idx="36" hasCustomPrompt="1"/>
          </p:nvPr>
        </p:nvSpPr>
        <p:spPr>
          <a:xfrm>
            <a:off x="9116775" y="5354082"/>
            <a:ext cx="2351342" cy="468052"/>
          </a:xfrm>
          <a:prstGeom prst="rect">
            <a:avLst/>
          </a:prstGeom>
        </p:spPr>
        <p:txBody>
          <a:bodyPr anchor="ctr"/>
          <a:lstStyle>
            <a:lvl1pPr algn="ctr">
              <a:lnSpc>
                <a:spcPct val="100000"/>
              </a:lnSpc>
              <a:buNone/>
              <a:defRPr sz="1599">
                <a:latin typeface="+mn-lt"/>
                <a:ea typeface="+mn-ea"/>
                <a:cs typeface="Arial" panose="020B0604020202020204" pitchFamily="34" charset="0"/>
              </a:defRPr>
            </a:lvl1pPr>
          </a:lstStyle>
          <a:p>
            <a:pPr lvl="0"/>
            <a:r>
              <a:rPr lang="zh-CN" altLang="en-US" dirty="0"/>
              <a:t>优化</a:t>
            </a:r>
          </a:p>
        </p:txBody>
      </p:sp>
    </p:spTree>
    <p:extLst>
      <p:ext uri="{BB962C8B-B14F-4D97-AF65-F5344CB8AC3E}">
        <p14:creationId xmlns:p14="http://schemas.microsoft.com/office/powerpoint/2010/main" val="70872865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0#思考题">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468316" y="1233487"/>
            <a:ext cx="11276184" cy="4680000"/>
          </a:xfrm>
        </p:spPr>
        <p:txBody>
          <a:bodyPr/>
          <a:lstStyle>
            <a:lvl1pPr marL="457017" marR="0" indent="-457017" algn="just" defTabSz="801367" rtl="0" eaLnBrk="1" fontAlgn="auto" latinLnBrk="0" hangingPunct="1">
              <a:lnSpc>
                <a:spcPct val="140000"/>
              </a:lnSpc>
              <a:spcBef>
                <a:spcPct val="30000"/>
              </a:spcBef>
              <a:spcAft>
                <a:spcPct val="0"/>
              </a:spcAft>
              <a:buClrTx/>
              <a:buSzPct val="100000"/>
              <a:buFont typeface="+mj-lt"/>
              <a:buAutoNum type="arabicPeriod"/>
              <a:tabLst/>
              <a:defRPr sz="1999">
                <a:latin typeface="+mn-lt"/>
                <a:ea typeface="+mn-ea"/>
                <a:cs typeface="Arial" panose="020B0604020202020204" pitchFamily="34" charset="0"/>
              </a:defRPr>
            </a:lvl1pPr>
            <a:lvl2pPr marL="401476" indent="0" algn="just">
              <a:buSzPct val="100000"/>
              <a:buFont typeface="+mj-lt"/>
              <a:buNone/>
              <a:defRPr sz="1799"/>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endParaRPr lang="en-US" altLang="zh-CN" dirty="0"/>
          </a:p>
        </p:txBody>
      </p:sp>
      <p:sp>
        <p:nvSpPr>
          <p:cNvPr id="4" name="TextBox 10">
            <a:extLst>
              <a:ext uri="{FF2B5EF4-FFF2-40B4-BE49-F238E27FC236}">
                <a16:creationId xmlns:a16="http://schemas.microsoft.com/office/drawing/2014/main" xmlns="" id="{18ED692C-39CB-4AC0-81F6-D21CDD086EE4}"/>
              </a:ext>
            </a:extLst>
          </p:cNvPr>
          <p:cNvSpPr txBox="1"/>
          <p:nvPr userDrawn="1"/>
        </p:nvSpPr>
        <p:spPr bwMode="auto">
          <a:xfrm>
            <a:off x="1594877" y="408780"/>
            <a:ext cx="1664752" cy="639559"/>
          </a:xfrm>
          <a:prstGeom prst="rect">
            <a:avLst/>
          </a:prstGeom>
          <a:noFill/>
          <a:ln w="9525">
            <a:noFill/>
            <a:miter lim="800000"/>
            <a:headEnd/>
            <a:tailEnd/>
          </a:ln>
        </p:spPr>
        <p:txBody>
          <a:bodyPr wrap="square" lIns="99941" tIns="49967" rIns="99941" bIns="49967" rtlCol="0">
            <a:spAutoFit/>
          </a:bodyPr>
          <a:lstStyle/>
          <a:p>
            <a:pPr defTabSz="1001223" eaLnBrk="0" fontAlgn="auto" hangingPunct="0"/>
            <a:r>
              <a:rPr lang="zh-CN" altLang="en-US" sz="3499" b="1" dirty="0">
                <a:solidFill>
                  <a:schemeClr val="tx1"/>
                </a:solidFill>
                <a:latin typeface="+mn-lt"/>
                <a:ea typeface="+mn-ea"/>
                <a:cs typeface="Arial" pitchFamily="34" charset="0"/>
              </a:rPr>
              <a:t>思考题</a:t>
            </a:r>
          </a:p>
        </p:txBody>
      </p:sp>
      <p:sp>
        <p:nvSpPr>
          <p:cNvPr id="5"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6"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7" name="组合 6"/>
          <p:cNvGrpSpPr/>
          <p:nvPr userDrawn="1"/>
        </p:nvGrpSpPr>
        <p:grpSpPr>
          <a:xfrm>
            <a:off x="479190" y="424270"/>
            <a:ext cx="495425" cy="592462"/>
            <a:chOff x="5554662" y="2422526"/>
            <a:chExt cx="690564" cy="825500"/>
          </a:xfrm>
          <a:solidFill>
            <a:schemeClr val="bg1"/>
          </a:solidFill>
        </p:grpSpPr>
        <p:sp>
          <p:nvSpPr>
            <p:cNvPr id="8" name="Freeform 30"/>
            <p:cNvSpPr>
              <a:spLocks/>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9" name="Freeform 31"/>
            <p:cNvSpPr>
              <a:spLocks/>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0" name="Freeform 32"/>
            <p:cNvSpPr>
              <a:spLocks/>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1"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2"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3" name="Freeform 35"/>
            <p:cNvSpPr>
              <a:spLocks/>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4"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5"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6" name="Freeform 38"/>
            <p:cNvSpPr>
              <a:spLocks/>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7" name="Freeform 39"/>
            <p:cNvSpPr>
              <a:spLocks/>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8" name="Freeform 40"/>
            <p:cNvSpPr>
              <a:spLocks/>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9" name="Freeform 41"/>
            <p:cNvSpPr>
              <a:spLocks/>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20" name="Freeform 42"/>
            <p:cNvSpPr>
              <a:spLocks/>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
        <p:nvSpPr>
          <p:cNvPr id="21" name="Freeform 6"/>
          <p:cNvSpPr>
            <a:spLocks/>
          </p:cNvSpPr>
          <p:nvPr userDrawn="1"/>
        </p:nvSpPr>
        <p:spPr bwMode="auto">
          <a:xfrm>
            <a:off x="3211785" y="296368"/>
            <a:ext cx="8975455"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22" name="Freeform 11"/>
          <p:cNvSpPr>
            <a:spLocks/>
          </p:cNvSpPr>
          <p:nvPr userDrawn="1"/>
        </p:nvSpPr>
        <p:spPr bwMode="auto">
          <a:xfrm>
            <a:off x="3106455"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Tree>
    <p:extLst>
      <p:ext uri="{BB962C8B-B14F-4D97-AF65-F5344CB8AC3E}">
        <p14:creationId xmlns:p14="http://schemas.microsoft.com/office/powerpoint/2010/main" val="405894333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1#本节小结(可选)">
    <p:spTree>
      <p:nvGrpSpPr>
        <p:cNvPr id="1" name=""/>
        <p:cNvGrpSpPr/>
        <p:nvPr/>
      </p:nvGrpSpPr>
      <p:grpSpPr>
        <a:xfrm>
          <a:off x="0" y="0"/>
          <a:ext cx="0" cy="0"/>
          <a:chOff x="0" y="0"/>
          <a:chExt cx="0" cy="0"/>
        </a:xfrm>
      </p:grpSpPr>
      <p:sp>
        <p:nvSpPr>
          <p:cNvPr id="4" name="TextBox 10">
            <a:extLst>
              <a:ext uri="{FF2B5EF4-FFF2-40B4-BE49-F238E27FC236}">
                <a16:creationId xmlns:a16="http://schemas.microsoft.com/office/drawing/2014/main" xmlns="" id="{18ED692C-39CB-4AC0-81F6-D21CDD086EE4}"/>
              </a:ext>
            </a:extLst>
          </p:cNvPr>
          <p:cNvSpPr txBox="1"/>
          <p:nvPr userDrawn="1"/>
        </p:nvSpPr>
        <p:spPr bwMode="auto">
          <a:xfrm>
            <a:off x="1594877" y="408780"/>
            <a:ext cx="2015437" cy="639559"/>
          </a:xfrm>
          <a:prstGeom prst="rect">
            <a:avLst/>
          </a:prstGeom>
          <a:noFill/>
          <a:ln w="9525">
            <a:noFill/>
            <a:miter lim="800000"/>
            <a:headEnd/>
            <a:tailEnd/>
          </a:ln>
        </p:spPr>
        <p:txBody>
          <a:bodyPr wrap="square" lIns="99941" tIns="49967" rIns="99941" bIns="49967" rtlCol="0">
            <a:spAutoFit/>
          </a:bodyPr>
          <a:lstStyle/>
          <a:p>
            <a:pPr defTabSz="1001223" eaLnBrk="0" fontAlgn="auto" hangingPunct="0"/>
            <a:r>
              <a:rPr lang="zh-CN" altLang="en-US" sz="3499" b="1" dirty="0">
                <a:solidFill>
                  <a:schemeClr val="tx1"/>
                </a:solidFill>
                <a:latin typeface="+mn-lt"/>
                <a:ea typeface="+mn-ea"/>
                <a:cs typeface="Arial" pitchFamily="34" charset="0"/>
              </a:rPr>
              <a:t>本节小结</a:t>
            </a:r>
          </a:p>
        </p:txBody>
      </p:sp>
      <p:sp>
        <p:nvSpPr>
          <p:cNvPr id="5"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6"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7" name="组合 6"/>
          <p:cNvGrpSpPr/>
          <p:nvPr userDrawn="1"/>
        </p:nvGrpSpPr>
        <p:grpSpPr>
          <a:xfrm>
            <a:off x="515179" y="490849"/>
            <a:ext cx="470510" cy="475421"/>
            <a:chOff x="5540375" y="2868613"/>
            <a:chExt cx="1106488" cy="1117600"/>
          </a:xfrm>
          <a:solidFill>
            <a:schemeClr val="bg1"/>
          </a:solidFill>
        </p:grpSpPr>
        <p:sp>
          <p:nvSpPr>
            <p:cNvPr id="8"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9"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
        <p:nvSpPr>
          <p:cNvPr id="10" name="内容占位符 6"/>
          <p:cNvSpPr>
            <a:spLocks noGrp="1"/>
          </p:cNvSpPr>
          <p:nvPr>
            <p:ph sz="quarter" idx="10" hasCustomPrompt="1"/>
          </p:nvPr>
        </p:nvSpPr>
        <p:spPr>
          <a:xfrm>
            <a:off x="468316" y="1233487"/>
            <a:ext cx="11276184" cy="4680000"/>
          </a:xfrm>
        </p:spPr>
        <p:txBody>
          <a:bodyPr/>
          <a:lstStyle>
            <a:lvl1pPr algn="just" fontAlgn="auto">
              <a:buClrTx/>
              <a:defRPr>
                <a:latin typeface="+mn-lt"/>
                <a:ea typeface="+mn-ea"/>
                <a:cs typeface="Arial" panose="020B0604020202020204" pitchFamily="34" charset="0"/>
              </a:defRPr>
            </a:lvl1pPr>
            <a:lvl2pPr algn="just" fontAlgn="auto">
              <a:buClrTx/>
              <a:defRPr>
                <a:latin typeface="+mn-lt"/>
                <a:ea typeface="+mn-ea"/>
                <a:cs typeface="Arial" panose="020B0604020202020204" pitchFamily="34" charset="0"/>
              </a:defRPr>
            </a:lvl2pPr>
            <a:lvl3pPr algn="just" fontAlgn="auto">
              <a:buClrTx/>
              <a:defRPr>
                <a:latin typeface="+mn-lt"/>
                <a:ea typeface="+mn-ea"/>
                <a:cs typeface="Arial" panose="020B0604020202020204" pitchFamily="34" charset="0"/>
              </a:defRPr>
            </a:lvl3pPr>
            <a:lvl4pPr algn="just" fontAlgn="auto">
              <a:buClrTx/>
              <a:defRPr>
                <a:latin typeface="+mn-lt"/>
                <a:ea typeface="+mn-ea"/>
                <a:cs typeface="Arial" panose="020B0604020202020204" pitchFamily="34" charset="0"/>
              </a:defRPr>
            </a:lvl4pPr>
            <a:lvl5pPr algn="just" fontAlgn="auto">
              <a:buClrTx/>
              <a:defRPr>
                <a:latin typeface="+mn-lt"/>
                <a:ea typeface="+mn-ea"/>
                <a:cs typeface="Arial" panose="020B0604020202020204" pitchFamily="34" charset="0"/>
              </a:defRPr>
            </a:lvl5pPr>
          </a:lstStyle>
          <a:p>
            <a:pPr lvl="0"/>
            <a:r>
              <a:rPr lang="zh-CN" altLang="en-US" dirty="0"/>
              <a:t>此版式用于每一节的小结</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Tree>
    <p:extLst>
      <p:ext uri="{BB962C8B-B14F-4D97-AF65-F5344CB8AC3E}">
        <p14:creationId xmlns:p14="http://schemas.microsoft.com/office/powerpoint/2010/main" val="405242044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2#本章总结">
    <p:spTree>
      <p:nvGrpSpPr>
        <p:cNvPr id="1" name=""/>
        <p:cNvGrpSpPr/>
        <p:nvPr/>
      </p:nvGrpSpPr>
      <p:grpSpPr>
        <a:xfrm>
          <a:off x="0" y="0"/>
          <a:ext cx="0" cy="0"/>
          <a:chOff x="0" y="0"/>
          <a:chExt cx="0" cy="0"/>
        </a:xfrm>
      </p:grpSpPr>
      <p:sp>
        <p:nvSpPr>
          <p:cNvPr id="3" name="TextBox 10">
            <a:extLst>
              <a:ext uri="{FF2B5EF4-FFF2-40B4-BE49-F238E27FC236}">
                <a16:creationId xmlns:a16="http://schemas.microsoft.com/office/drawing/2014/main" xmlns="" id="{18ED692C-39CB-4AC0-81F6-D21CDD086EE4}"/>
              </a:ext>
            </a:extLst>
          </p:cNvPr>
          <p:cNvSpPr txBox="1"/>
          <p:nvPr userDrawn="1"/>
        </p:nvSpPr>
        <p:spPr bwMode="auto">
          <a:xfrm>
            <a:off x="1594877" y="408780"/>
            <a:ext cx="2015437" cy="639559"/>
          </a:xfrm>
          <a:prstGeom prst="rect">
            <a:avLst/>
          </a:prstGeom>
          <a:noFill/>
          <a:ln w="9525">
            <a:noFill/>
            <a:miter lim="800000"/>
            <a:headEnd/>
            <a:tailEnd/>
          </a:ln>
        </p:spPr>
        <p:txBody>
          <a:bodyPr wrap="square" lIns="99941" tIns="49967" rIns="99941" bIns="49967" rtlCol="0">
            <a:spAutoFit/>
          </a:bodyPr>
          <a:lstStyle/>
          <a:p>
            <a:pPr defTabSz="1001223" eaLnBrk="0" fontAlgn="auto" hangingPunct="0"/>
            <a:r>
              <a:rPr lang="zh-CN" altLang="en-US" sz="3499" b="1" dirty="0">
                <a:solidFill>
                  <a:schemeClr val="tx1"/>
                </a:solidFill>
                <a:latin typeface="+mn-lt"/>
                <a:ea typeface="+mn-ea"/>
                <a:cs typeface="Arial" pitchFamily="34" charset="0"/>
              </a:rPr>
              <a:t>本章总结</a:t>
            </a:r>
          </a:p>
        </p:txBody>
      </p:sp>
      <p:sp>
        <p:nvSpPr>
          <p:cNvPr id="4"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5"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6" name="组合 5"/>
          <p:cNvGrpSpPr/>
          <p:nvPr userDrawn="1"/>
        </p:nvGrpSpPr>
        <p:grpSpPr>
          <a:xfrm>
            <a:off x="515179" y="490849"/>
            <a:ext cx="470510" cy="475421"/>
            <a:chOff x="5540375" y="2868613"/>
            <a:chExt cx="1106488" cy="1117600"/>
          </a:xfrm>
          <a:solidFill>
            <a:schemeClr val="bg1"/>
          </a:solidFill>
        </p:grpSpPr>
        <p:sp>
          <p:nvSpPr>
            <p:cNvPr id="7"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8"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
        <p:nvSpPr>
          <p:cNvPr id="10" name="内容占位符 6"/>
          <p:cNvSpPr>
            <a:spLocks noGrp="1"/>
          </p:cNvSpPr>
          <p:nvPr>
            <p:ph sz="quarter" idx="10"/>
          </p:nvPr>
        </p:nvSpPr>
        <p:spPr>
          <a:xfrm>
            <a:off x="468316" y="1233487"/>
            <a:ext cx="11276184" cy="4680000"/>
          </a:xfrm>
        </p:spPr>
        <p:txBody>
          <a:bodyPr/>
          <a:lstStyle>
            <a:lvl1pPr algn="just" fontAlgn="auto">
              <a:buClrTx/>
              <a:defRPr>
                <a:latin typeface="+mn-lt"/>
                <a:ea typeface="+mn-ea"/>
                <a:cs typeface="Arial" panose="020B0604020202020204" pitchFamily="34" charset="0"/>
              </a:defRPr>
            </a:lvl1pPr>
            <a:lvl2pPr algn="just" fontAlgn="auto">
              <a:buClrTx/>
              <a:defRPr>
                <a:latin typeface="+mn-lt"/>
                <a:ea typeface="+mn-ea"/>
                <a:cs typeface="Arial" panose="020B0604020202020204" pitchFamily="34" charset="0"/>
              </a:defRPr>
            </a:lvl2pPr>
            <a:lvl3pPr algn="just" fontAlgn="auto">
              <a:buClrTx/>
              <a:defRPr>
                <a:latin typeface="+mn-lt"/>
                <a:ea typeface="+mn-ea"/>
                <a:cs typeface="Arial" panose="020B0604020202020204" pitchFamily="34" charset="0"/>
              </a:defRPr>
            </a:lvl3pPr>
            <a:lvl4pPr algn="just" fontAlgn="auto">
              <a:buClrTx/>
              <a:defRPr>
                <a:latin typeface="+mn-lt"/>
                <a:ea typeface="+mn-ea"/>
                <a:cs typeface="Arial" panose="020B0604020202020204" pitchFamily="34" charset="0"/>
              </a:defRPr>
            </a:lvl4pPr>
            <a:lvl5pPr algn="just" fontAlgn="auto">
              <a:buClrTx/>
              <a:defRPr>
                <a:latin typeface="+mn-lt"/>
                <a:ea typeface="+mn-ea"/>
                <a:cs typeface="Arial" panose="020B0604020202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Tree>
    <p:extLst>
      <p:ext uri="{BB962C8B-B14F-4D97-AF65-F5344CB8AC3E}">
        <p14:creationId xmlns:p14="http://schemas.microsoft.com/office/powerpoint/2010/main" val="410235690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3#更多信息(可选)">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468316" y="1233487"/>
            <a:ext cx="11276184" cy="4680000"/>
          </a:xfrm>
        </p:spPr>
        <p:txBody>
          <a:bodyPr/>
          <a:lstStyle>
            <a:lvl1pPr algn="just" fontAlgn="auto">
              <a:buClrTx/>
              <a:defRPr>
                <a:latin typeface="+mn-lt"/>
                <a:ea typeface="+mn-ea"/>
                <a:cs typeface="Arial" panose="020B0604020202020204" pitchFamily="34" charset="0"/>
              </a:defRPr>
            </a:lvl1pPr>
            <a:lvl5pPr>
              <a:buNone/>
              <a:defRPr/>
            </a:lvl5pPr>
          </a:lstStyle>
          <a:p>
            <a:r>
              <a:rPr lang="zh-CN" altLang="en-US" dirty="0"/>
              <a:t>此版式用于提供给学员更多学习信息。</a:t>
            </a:r>
          </a:p>
        </p:txBody>
      </p:sp>
      <p:sp>
        <p:nvSpPr>
          <p:cNvPr id="4" name="TextBox 10">
            <a:extLst>
              <a:ext uri="{FF2B5EF4-FFF2-40B4-BE49-F238E27FC236}">
                <a16:creationId xmlns:a16="http://schemas.microsoft.com/office/drawing/2014/main" xmlns="" id="{18ED692C-39CB-4AC0-81F6-D21CDD086EE4}"/>
              </a:ext>
            </a:extLst>
          </p:cNvPr>
          <p:cNvSpPr txBox="1"/>
          <p:nvPr userDrawn="1"/>
        </p:nvSpPr>
        <p:spPr bwMode="auto">
          <a:xfrm>
            <a:off x="1594877" y="408780"/>
            <a:ext cx="5038592" cy="639559"/>
          </a:xfrm>
          <a:prstGeom prst="rect">
            <a:avLst/>
          </a:prstGeom>
          <a:noFill/>
          <a:ln w="9525">
            <a:noFill/>
            <a:miter lim="800000"/>
            <a:headEnd/>
            <a:tailEnd/>
          </a:ln>
        </p:spPr>
        <p:txBody>
          <a:bodyPr wrap="square" lIns="99941" tIns="49967" rIns="99941" bIns="49967" rtlCol="0">
            <a:spAutoFit/>
          </a:bodyPr>
          <a:lstStyle/>
          <a:p>
            <a:pPr defTabSz="1001223" eaLnBrk="0" fontAlgn="auto" hangingPunct="0"/>
            <a:r>
              <a:rPr lang="zh-CN" altLang="en-US" sz="3499" b="1" dirty="0">
                <a:solidFill>
                  <a:schemeClr val="tx1"/>
                </a:solidFill>
                <a:latin typeface="+mn-lt"/>
                <a:ea typeface="+mn-ea"/>
                <a:cs typeface="Arial" pitchFamily="34" charset="0"/>
              </a:rPr>
              <a:t>更多信息</a:t>
            </a:r>
          </a:p>
        </p:txBody>
      </p:sp>
      <p:sp>
        <p:nvSpPr>
          <p:cNvPr id="5"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6"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7" name="组合 6"/>
          <p:cNvGrpSpPr/>
          <p:nvPr userDrawn="1"/>
        </p:nvGrpSpPr>
        <p:grpSpPr>
          <a:xfrm>
            <a:off x="479189" y="480269"/>
            <a:ext cx="496387" cy="496581"/>
            <a:chOff x="4485904" y="3429000"/>
            <a:chExt cx="2003425" cy="2003425"/>
          </a:xfrm>
          <a:solidFill>
            <a:schemeClr val="bg1"/>
          </a:solidFill>
        </p:grpSpPr>
        <p:sp>
          <p:nvSpPr>
            <p:cNvPr id="8" name="Freeform 6"/>
            <p:cNvSpPr>
              <a:spLocks noEditPoints="1"/>
            </p:cNvSpPr>
            <p:nvPr/>
          </p:nvSpPr>
          <p:spPr bwMode="auto">
            <a:xfrm>
              <a:off x="4485904" y="3429000"/>
              <a:ext cx="2003425" cy="2003425"/>
            </a:xfrm>
            <a:custGeom>
              <a:avLst/>
              <a:gdLst>
                <a:gd name="T0" fmla="*/ 669 w 1338"/>
                <a:gd name="T1" fmla="*/ 0 h 1338"/>
                <a:gd name="T2" fmla="*/ 1338 w 1338"/>
                <a:gd name="T3" fmla="*/ 669 h 1338"/>
                <a:gd name="T4" fmla="*/ 669 w 1338"/>
                <a:gd name="T5" fmla="*/ 1338 h 1338"/>
                <a:gd name="T6" fmla="*/ 0 w 1338"/>
                <a:gd name="T7" fmla="*/ 669 h 1338"/>
                <a:gd name="T8" fmla="*/ 669 w 1338"/>
                <a:gd name="T9" fmla="*/ 0 h 1338"/>
                <a:gd name="T10" fmla="*/ 669 w 1338"/>
                <a:gd name="T11" fmla="*/ 92 h 1338"/>
                <a:gd name="T12" fmla="*/ 1246 w 1338"/>
                <a:gd name="T13" fmla="*/ 669 h 1338"/>
                <a:gd name="T14" fmla="*/ 669 w 1338"/>
                <a:gd name="T15" fmla="*/ 1246 h 1338"/>
                <a:gd name="T16" fmla="*/ 92 w 1338"/>
                <a:gd name="T17" fmla="*/ 669 h 1338"/>
                <a:gd name="T18" fmla="*/ 669 w 1338"/>
                <a:gd name="T19" fmla="*/ 92 h 1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38" h="1338">
                  <a:moveTo>
                    <a:pt x="669" y="0"/>
                  </a:moveTo>
                  <a:cubicBezTo>
                    <a:pt x="1039" y="0"/>
                    <a:pt x="1338" y="299"/>
                    <a:pt x="1338" y="669"/>
                  </a:cubicBezTo>
                  <a:cubicBezTo>
                    <a:pt x="1338" y="1039"/>
                    <a:pt x="1039" y="1338"/>
                    <a:pt x="669" y="1338"/>
                  </a:cubicBezTo>
                  <a:cubicBezTo>
                    <a:pt x="299" y="1338"/>
                    <a:pt x="0" y="1039"/>
                    <a:pt x="0" y="669"/>
                  </a:cubicBezTo>
                  <a:cubicBezTo>
                    <a:pt x="0" y="299"/>
                    <a:pt x="299" y="0"/>
                    <a:pt x="669" y="0"/>
                  </a:cubicBezTo>
                  <a:close/>
                  <a:moveTo>
                    <a:pt x="669" y="92"/>
                  </a:moveTo>
                  <a:cubicBezTo>
                    <a:pt x="988" y="92"/>
                    <a:pt x="1246" y="350"/>
                    <a:pt x="1246" y="669"/>
                  </a:cubicBezTo>
                  <a:cubicBezTo>
                    <a:pt x="1246" y="988"/>
                    <a:pt x="988" y="1246"/>
                    <a:pt x="669" y="1246"/>
                  </a:cubicBezTo>
                  <a:cubicBezTo>
                    <a:pt x="350" y="1246"/>
                    <a:pt x="92" y="988"/>
                    <a:pt x="92" y="669"/>
                  </a:cubicBezTo>
                  <a:cubicBezTo>
                    <a:pt x="92" y="350"/>
                    <a:pt x="350" y="92"/>
                    <a:pt x="669" y="9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9" name="Freeform 7"/>
            <p:cNvSpPr>
              <a:spLocks/>
            </p:cNvSpPr>
            <p:nvPr/>
          </p:nvSpPr>
          <p:spPr bwMode="auto">
            <a:xfrm>
              <a:off x="4978029" y="4324350"/>
              <a:ext cx="212725" cy="212725"/>
            </a:xfrm>
            <a:custGeom>
              <a:avLst/>
              <a:gdLst>
                <a:gd name="T0" fmla="*/ 0 w 142"/>
                <a:gd name="T1" fmla="*/ 72 h 142"/>
                <a:gd name="T2" fmla="*/ 0 w 142"/>
                <a:gd name="T3" fmla="*/ 70 h 142"/>
                <a:gd name="T4" fmla="*/ 71 w 142"/>
                <a:gd name="T5" fmla="*/ 0 h 142"/>
                <a:gd name="T6" fmla="*/ 71 w 142"/>
                <a:gd name="T7" fmla="*/ 0 h 142"/>
                <a:gd name="T8" fmla="*/ 142 w 142"/>
                <a:gd name="T9" fmla="*/ 70 h 142"/>
                <a:gd name="T10" fmla="*/ 142 w 142"/>
                <a:gd name="T11" fmla="*/ 72 h 142"/>
                <a:gd name="T12" fmla="*/ 71 w 142"/>
                <a:gd name="T13" fmla="*/ 142 h 142"/>
                <a:gd name="T14" fmla="*/ 71 w 142"/>
                <a:gd name="T15" fmla="*/ 142 h 142"/>
                <a:gd name="T16" fmla="*/ 0 w 142"/>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2" h="142">
                  <a:moveTo>
                    <a:pt x="0" y="72"/>
                  </a:moveTo>
                  <a:cubicBezTo>
                    <a:pt x="0" y="70"/>
                    <a:pt x="0" y="70"/>
                    <a:pt x="0" y="70"/>
                  </a:cubicBezTo>
                  <a:cubicBezTo>
                    <a:pt x="0" y="32"/>
                    <a:pt x="32" y="0"/>
                    <a:pt x="71" y="0"/>
                  </a:cubicBezTo>
                  <a:cubicBezTo>
                    <a:pt x="71" y="0"/>
                    <a:pt x="71" y="0"/>
                    <a:pt x="71" y="0"/>
                  </a:cubicBezTo>
                  <a:cubicBezTo>
                    <a:pt x="110" y="0"/>
                    <a:pt x="142" y="32"/>
                    <a:pt x="142" y="70"/>
                  </a:cubicBezTo>
                  <a:cubicBezTo>
                    <a:pt x="142" y="72"/>
                    <a:pt x="142" y="72"/>
                    <a:pt x="142" y="72"/>
                  </a:cubicBezTo>
                  <a:cubicBezTo>
                    <a:pt x="142" y="110"/>
                    <a:pt x="110" y="142"/>
                    <a:pt x="71" y="142"/>
                  </a:cubicBezTo>
                  <a:cubicBezTo>
                    <a:pt x="71" y="142"/>
                    <a:pt x="71" y="142"/>
                    <a:pt x="71"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0" name="Freeform 8"/>
            <p:cNvSpPr>
              <a:spLocks/>
            </p:cNvSpPr>
            <p:nvPr/>
          </p:nvSpPr>
          <p:spPr bwMode="auto">
            <a:xfrm>
              <a:off x="5395542"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1"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1"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1" name="Freeform 9"/>
            <p:cNvSpPr>
              <a:spLocks/>
            </p:cNvSpPr>
            <p:nvPr/>
          </p:nvSpPr>
          <p:spPr bwMode="auto">
            <a:xfrm>
              <a:off x="5809879"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2"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Tree>
    <p:extLst>
      <p:ext uri="{BB962C8B-B14F-4D97-AF65-F5344CB8AC3E}">
        <p14:creationId xmlns:p14="http://schemas.microsoft.com/office/powerpoint/2010/main" val="2526385193"/>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4#学习推荐(可选)">
    <p:spTree>
      <p:nvGrpSpPr>
        <p:cNvPr id="1" name=""/>
        <p:cNvGrpSpPr/>
        <p:nvPr/>
      </p:nvGrpSpPr>
      <p:grpSpPr>
        <a:xfrm>
          <a:off x="0" y="0"/>
          <a:ext cx="0" cy="0"/>
          <a:chOff x="0" y="0"/>
          <a:chExt cx="0" cy="0"/>
        </a:xfrm>
      </p:grpSpPr>
      <p:sp>
        <p:nvSpPr>
          <p:cNvPr id="3" name="文本占位符 6"/>
          <p:cNvSpPr>
            <a:spLocks noGrp="1"/>
          </p:cNvSpPr>
          <p:nvPr>
            <p:ph type="body" sz="quarter" idx="10"/>
          </p:nvPr>
        </p:nvSpPr>
        <p:spPr>
          <a:xfrm>
            <a:off x="468316" y="1233487"/>
            <a:ext cx="11276184" cy="4680000"/>
          </a:xfrm>
        </p:spPr>
        <p:txBody>
          <a:bodyPr/>
          <a:lstStyle>
            <a:lvl1pPr algn="just" fontAlgn="auto">
              <a:buClrTx/>
              <a:defRPr>
                <a:latin typeface="+mn-lt"/>
                <a:ea typeface="+mn-ea"/>
                <a:cs typeface="Arial" panose="020B0604020202020204" pitchFamily="34" charset="0"/>
              </a:defRPr>
            </a:lvl1pPr>
          </a:lstStyle>
          <a:p>
            <a:endParaRPr lang="zh-CN" altLang="en-US" dirty="0"/>
          </a:p>
        </p:txBody>
      </p:sp>
      <p:sp>
        <p:nvSpPr>
          <p:cNvPr id="4" name="TextBox 10">
            <a:extLst>
              <a:ext uri="{FF2B5EF4-FFF2-40B4-BE49-F238E27FC236}">
                <a16:creationId xmlns:a16="http://schemas.microsoft.com/office/drawing/2014/main" xmlns="" id="{18ED692C-39CB-4AC0-81F6-D21CDD086EE4}"/>
              </a:ext>
            </a:extLst>
          </p:cNvPr>
          <p:cNvSpPr txBox="1"/>
          <p:nvPr userDrawn="1"/>
        </p:nvSpPr>
        <p:spPr bwMode="auto">
          <a:xfrm>
            <a:off x="1594877" y="408780"/>
            <a:ext cx="5038592" cy="639559"/>
          </a:xfrm>
          <a:prstGeom prst="rect">
            <a:avLst/>
          </a:prstGeom>
          <a:noFill/>
          <a:ln w="9525">
            <a:noFill/>
            <a:miter lim="800000"/>
            <a:headEnd/>
            <a:tailEnd/>
          </a:ln>
        </p:spPr>
        <p:txBody>
          <a:bodyPr wrap="square" lIns="99941" tIns="49967" rIns="99941" bIns="49967" rtlCol="0">
            <a:spAutoFit/>
          </a:bodyPr>
          <a:lstStyle/>
          <a:p>
            <a:pPr defTabSz="1001223" eaLnBrk="0" fontAlgn="auto" hangingPunct="0"/>
            <a:r>
              <a:rPr lang="zh-CN" altLang="en-US" sz="3499" b="1" dirty="0">
                <a:solidFill>
                  <a:schemeClr val="tx1"/>
                </a:solidFill>
                <a:latin typeface="+mn-lt"/>
                <a:ea typeface="+mn-ea"/>
                <a:cs typeface="Arial" pitchFamily="34" charset="0"/>
              </a:rPr>
              <a:t>学习推荐</a:t>
            </a:r>
          </a:p>
        </p:txBody>
      </p:sp>
      <p:sp>
        <p:nvSpPr>
          <p:cNvPr id="5"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6"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7" name="组合 6"/>
          <p:cNvGrpSpPr/>
          <p:nvPr userDrawn="1"/>
        </p:nvGrpSpPr>
        <p:grpSpPr>
          <a:xfrm>
            <a:off x="515179" y="456929"/>
            <a:ext cx="461783" cy="485190"/>
            <a:chOff x="-779463" y="1835151"/>
            <a:chExt cx="1136650" cy="1193799"/>
          </a:xfrm>
          <a:solidFill>
            <a:schemeClr val="bg1"/>
          </a:solidFill>
        </p:grpSpPr>
        <p:sp>
          <p:nvSpPr>
            <p:cNvPr id="8" name="Freeform 6"/>
            <p:cNvSpPr>
              <a:spLocks/>
            </p:cNvSpPr>
            <p:nvPr/>
          </p:nvSpPr>
          <p:spPr bwMode="auto">
            <a:xfrm>
              <a:off x="-727075" y="2262188"/>
              <a:ext cx="1031875" cy="625475"/>
            </a:xfrm>
            <a:custGeom>
              <a:avLst/>
              <a:gdLst>
                <a:gd name="T0" fmla="*/ 946 w 968"/>
                <a:gd name="T1" fmla="*/ 587 h 587"/>
                <a:gd name="T2" fmla="*/ 22 w 968"/>
                <a:gd name="T3" fmla="*/ 587 h 587"/>
                <a:gd name="T4" fmla="*/ 0 w 968"/>
                <a:gd name="T5" fmla="*/ 565 h 587"/>
                <a:gd name="T6" fmla="*/ 0 w 968"/>
                <a:gd name="T7" fmla="*/ 63 h 587"/>
                <a:gd name="T8" fmla="*/ 62 w 968"/>
                <a:gd name="T9" fmla="*/ 0 h 587"/>
                <a:gd name="T10" fmla="*/ 104 w 968"/>
                <a:gd name="T11" fmla="*/ 0 h 587"/>
                <a:gd name="T12" fmla="*/ 126 w 968"/>
                <a:gd name="T13" fmla="*/ 22 h 587"/>
                <a:gd name="T14" fmla="*/ 104 w 968"/>
                <a:gd name="T15" fmla="*/ 43 h 587"/>
                <a:gd name="T16" fmla="*/ 62 w 968"/>
                <a:gd name="T17" fmla="*/ 43 h 587"/>
                <a:gd name="T18" fmla="*/ 43 w 968"/>
                <a:gd name="T19" fmla="*/ 63 h 587"/>
                <a:gd name="T20" fmla="*/ 43 w 968"/>
                <a:gd name="T21" fmla="*/ 544 h 587"/>
                <a:gd name="T22" fmla="*/ 925 w 968"/>
                <a:gd name="T23" fmla="*/ 544 h 587"/>
                <a:gd name="T24" fmla="*/ 925 w 968"/>
                <a:gd name="T25" fmla="*/ 63 h 587"/>
                <a:gd name="T26" fmla="*/ 906 w 968"/>
                <a:gd name="T27" fmla="*/ 43 h 587"/>
                <a:gd name="T28" fmla="*/ 859 w 968"/>
                <a:gd name="T29" fmla="*/ 43 h 587"/>
                <a:gd name="T30" fmla="*/ 837 w 968"/>
                <a:gd name="T31" fmla="*/ 22 h 587"/>
                <a:gd name="T32" fmla="*/ 859 w 968"/>
                <a:gd name="T33" fmla="*/ 0 h 587"/>
                <a:gd name="T34" fmla="*/ 906 w 968"/>
                <a:gd name="T35" fmla="*/ 0 h 587"/>
                <a:gd name="T36" fmla="*/ 968 w 968"/>
                <a:gd name="T37" fmla="*/ 63 h 587"/>
                <a:gd name="T38" fmla="*/ 968 w 968"/>
                <a:gd name="T39" fmla="*/ 565 h 587"/>
                <a:gd name="T40" fmla="*/ 946 w 968"/>
                <a:gd name="T41" fmla="*/ 587 h 5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68" h="587">
                  <a:moveTo>
                    <a:pt x="946" y="587"/>
                  </a:moveTo>
                  <a:cubicBezTo>
                    <a:pt x="22" y="587"/>
                    <a:pt x="22" y="587"/>
                    <a:pt x="22" y="587"/>
                  </a:cubicBezTo>
                  <a:cubicBezTo>
                    <a:pt x="10" y="587"/>
                    <a:pt x="0" y="577"/>
                    <a:pt x="0" y="565"/>
                  </a:cubicBezTo>
                  <a:cubicBezTo>
                    <a:pt x="0" y="63"/>
                    <a:pt x="0" y="63"/>
                    <a:pt x="0" y="63"/>
                  </a:cubicBezTo>
                  <a:cubicBezTo>
                    <a:pt x="0" y="28"/>
                    <a:pt x="28" y="0"/>
                    <a:pt x="62" y="0"/>
                  </a:cubicBezTo>
                  <a:cubicBezTo>
                    <a:pt x="104" y="0"/>
                    <a:pt x="104" y="0"/>
                    <a:pt x="104" y="0"/>
                  </a:cubicBezTo>
                  <a:cubicBezTo>
                    <a:pt x="116" y="0"/>
                    <a:pt x="126" y="10"/>
                    <a:pt x="126" y="22"/>
                  </a:cubicBezTo>
                  <a:cubicBezTo>
                    <a:pt x="126" y="34"/>
                    <a:pt x="116" y="43"/>
                    <a:pt x="104" y="43"/>
                  </a:cubicBezTo>
                  <a:cubicBezTo>
                    <a:pt x="62" y="43"/>
                    <a:pt x="62" y="43"/>
                    <a:pt x="62" y="43"/>
                  </a:cubicBezTo>
                  <a:cubicBezTo>
                    <a:pt x="52" y="43"/>
                    <a:pt x="43" y="52"/>
                    <a:pt x="43" y="63"/>
                  </a:cubicBezTo>
                  <a:cubicBezTo>
                    <a:pt x="43" y="544"/>
                    <a:pt x="43" y="544"/>
                    <a:pt x="43" y="544"/>
                  </a:cubicBezTo>
                  <a:cubicBezTo>
                    <a:pt x="925" y="544"/>
                    <a:pt x="925" y="544"/>
                    <a:pt x="925" y="544"/>
                  </a:cubicBezTo>
                  <a:cubicBezTo>
                    <a:pt x="925" y="63"/>
                    <a:pt x="925" y="63"/>
                    <a:pt x="925" y="63"/>
                  </a:cubicBezTo>
                  <a:cubicBezTo>
                    <a:pt x="925" y="52"/>
                    <a:pt x="916" y="43"/>
                    <a:pt x="906" y="43"/>
                  </a:cubicBezTo>
                  <a:cubicBezTo>
                    <a:pt x="859" y="43"/>
                    <a:pt x="859" y="43"/>
                    <a:pt x="859" y="43"/>
                  </a:cubicBezTo>
                  <a:cubicBezTo>
                    <a:pt x="847" y="43"/>
                    <a:pt x="837" y="34"/>
                    <a:pt x="837" y="22"/>
                  </a:cubicBezTo>
                  <a:cubicBezTo>
                    <a:pt x="837" y="10"/>
                    <a:pt x="847" y="0"/>
                    <a:pt x="859" y="0"/>
                  </a:cubicBezTo>
                  <a:cubicBezTo>
                    <a:pt x="906" y="0"/>
                    <a:pt x="906" y="0"/>
                    <a:pt x="906" y="0"/>
                  </a:cubicBezTo>
                  <a:cubicBezTo>
                    <a:pt x="940" y="0"/>
                    <a:pt x="968" y="28"/>
                    <a:pt x="968" y="63"/>
                  </a:cubicBezTo>
                  <a:cubicBezTo>
                    <a:pt x="968" y="565"/>
                    <a:pt x="968" y="565"/>
                    <a:pt x="968" y="565"/>
                  </a:cubicBezTo>
                  <a:cubicBezTo>
                    <a:pt x="968" y="577"/>
                    <a:pt x="958" y="587"/>
                    <a:pt x="946" y="5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9" name="Freeform 7"/>
            <p:cNvSpPr>
              <a:spLocks noEditPoints="1"/>
            </p:cNvSpPr>
            <p:nvPr/>
          </p:nvSpPr>
          <p:spPr bwMode="auto">
            <a:xfrm>
              <a:off x="-779463" y="2841625"/>
              <a:ext cx="1136650" cy="187325"/>
            </a:xfrm>
            <a:custGeom>
              <a:avLst/>
              <a:gdLst>
                <a:gd name="T0" fmla="*/ 1024 w 1066"/>
                <a:gd name="T1" fmla="*/ 176 h 176"/>
                <a:gd name="T2" fmla="*/ 42 w 1066"/>
                <a:gd name="T3" fmla="*/ 176 h 176"/>
                <a:gd name="T4" fmla="*/ 0 w 1066"/>
                <a:gd name="T5" fmla="*/ 134 h 176"/>
                <a:gd name="T6" fmla="*/ 0 w 1066"/>
                <a:gd name="T7" fmla="*/ 42 h 176"/>
                <a:gd name="T8" fmla="*/ 42 w 1066"/>
                <a:gd name="T9" fmla="*/ 0 h 176"/>
                <a:gd name="T10" fmla="*/ 1024 w 1066"/>
                <a:gd name="T11" fmla="*/ 0 h 176"/>
                <a:gd name="T12" fmla="*/ 1066 w 1066"/>
                <a:gd name="T13" fmla="*/ 42 h 176"/>
                <a:gd name="T14" fmla="*/ 1066 w 1066"/>
                <a:gd name="T15" fmla="*/ 134 h 176"/>
                <a:gd name="T16" fmla="*/ 1024 w 1066"/>
                <a:gd name="T17" fmla="*/ 176 h 176"/>
                <a:gd name="T18" fmla="*/ 1023 w 1066"/>
                <a:gd name="T19" fmla="*/ 42 h 176"/>
                <a:gd name="T20" fmla="*/ 42 w 1066"/>
                <a:gd name="T21" fmla="*/ 43 h 176"/>
                <a:gd name="T22" fmla="*/ 43 w 1066"/>
                <a:gd name="T23" fmla="*/ 134 h 176"/>
                <a:gd name="T24" fmla="*/ 1023 w 1066"/>
                <a:gd name="T25" fmla="*/ 133 h 176"/>
                <a:gd name="T26" fmla="*/ 1023 w 1066"/>
                <a:gd name="T27" fmla="*/ 4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66" h="176">
                  <a:moveTo>
                    <a:pt x="1024" y="176"/>
                  </a:moveTo>
                  <a:cubicBezTo>
                    <a:pt x="42" y="176"/>
                    <a:pt x="42" y="176"/>
                    <a:pt x="42" y="176"/>
                  </a:cubicBezTo>
                  <a:cubicBezTo>
                    <a:pt x="19" y="176"/>
                    <a:pt x="0" y="157"/>
                    <a:pt x="0" y="134"/>
                  </a:cubicBezTo>
                  <a:cubicBezTo>
                    <a:pt x="0" y="42"/>
                    <a:pt x="0" y="42"/>
                    <a:pt x="0" y="42"/>
                  </a:cubicBezTo>
                  <a:cubicBezTo>
                    <a:pt x="0" y="18"/>
                    <a:pt x="19" y="0"/>
                    <a:pt x="42" y="0"/>
                  </a:cubicBezTo>
                  <a:cubicBezTo>
                    <a:pt x="1024" y="0"/>
                    <a:pt x="1024" y="0"/>
                    <a:pt x="1024" y="0"/>
                  </a:cubicBezTo>
                  <a:cubicBezTo>
                    <a:pt x="1047" y="0"/>
                    <a:pt x="1066" y="18"/>
                    <a:pt x="1066" y="42"/>
                  </a:cubicBezTo>
                  <a:cubicBezTo>
                    <a:pt x="1066" y="134"/>
                    <a:pt x="1066" y="134"/>
                    <a:pt x="1066" y="134"/>
                  </a:cubicBezTo>
                  <a:cubicBezTo>
                    <a:pt x="1066" y="157"/>
                    <a:pt x="1047" y="176"/>
                    <a:pt x="1024" y="176"/>
                  </a:cubicBezTo>
                  <a:close/>
                  <a:moveTo>
                    <a:pt x="1023" y="42"/>
                  </a:moveTo>
                  <a:cubicBezTo>
                    <a:pt x="42" y="43"/>
                    <a:pt x="42" y="43"/>
                    <a:pt x="42" y="43"/>
                  </a:cubicBezTo>
                  <a:cubicBezTo>
                    <a:pt x="43" y="134"/>
                    <a:pt x="43" y="134"/>
                    <a:pt x="43" y="134"/>
                  </a:cubicBezTo>
                  <a:cubicBezTo>
                    <a:pt x="1023" y="133"/>
                    <a:pt x="1023" y="133"/>
                    <a:pt x="1023" y="133"/>
                  </a:cubicBezTo>
                  <a:lnTo>
                    <a:pt x="1023"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0" name="Freeform 8"/>
            <p:cNvSpPr>
              <a:spLocks/>
            </p:cNvSpPr>
            <p:nvPr/>
          </p:nvSpPr>
          <p:spPr bwMode="auto">
            <a:xfrm>
              <a:off x="-303213" y="2911475"/>
              <a:ext cx="184150" cy="46037"/>
            </a:xfrm>
            <a:custGeom>
              <a:avLst/>
              <a:gdLst>
                <a:gd name="T0" fmla="*/ 151 w 172"/>
                <a:gd name="T1" fmla="*/ 43 h 43"/>
                <a:gd name="T2" fmla="*/ 21 w 172"/>
                <a:gd name="T3" fmla="*/ 43 h 43"/>
                <a:gd name="T4" fmla="*/ 0 w 172"/>
                <a:gd name="T5" fmla="*/ 22 h 43"/>
                <a:gd name="T6" fmla="*/ 21 w 172"/>
                <a:gd name="T7" fmla="*/ 0 h 43"/>
                <a:gd name="T8" fmla="*/ 151 w 172"/>
                <a:gd name="T9" fmla="*/ 0 h 43"/>
                <a:gd name="T10" fmla="*/ 172 w 172"/>
                <a:gd name="T11" fmla="*/ 22 h 43"/>
                <a:gd name="T12" fmla="*/ 151 w 172"/>
                <a:gd name="T13" fmla="*/ 43 h 43"/>
              </a:gdLst>
              <a:ahLst/>
              <a:cxnLst>
                <a:cxn ang="0">
                  <a:pos x="T0" y="T1"/>
                </a:cxn>
                <a:cxn ang="0">
                  <a:pos x="T2" y="T3"/>
                </a:cxn>
                <a:cxn ang="0">
                  <a:pos x="T4" y="T5"/>
                </a:cxn>
                <a:cxn ang="0">
                  <a:pos x="T6" y="T7"/>
                </a:cxn>
                <a:cxn ang="0">
                  <a:pos x="T8" y="T9"/>
                </a:cxn>
                <a:cxn ang="0">
                  <a:pos x="T10" y="T11"/>
                </a:cxn>
                <a:cxn ang="0">
                  <a:pos x="T12" y="T13"/>
                </a:cxn>
              </a:cxnLst>
              <a:rect l="0" t="0" r="r" b="b"/>
              <a:pathLst>
                <a:path w="172" h="43">
                  <a:moveTo>
                    <a:pt x="151" y="43"/>
                  </a:moveTo>
                  <a:cubicBezTo>
                    <a:pt x="21" y="43"/>
                    <a:pt x="21" y="43"/>
                    <a:pt x="21" y="43"/>
                  </a:cubicBezTo>
                  <a:cubicBezTo>
                    <a:pt x="10" y="43"/>
                    <a:pt x="0" y="34"/>
                    <a:pt x="0" y="22"/>
                  </a:cubicBezTo>
                  <a:cubicBezTo>
                    <a:pt x="0" y="10"/>
                    <a:pt x="10" y="0"/>
                    <a:pt x="21" y="0"/>
                  </a:cubicBezTo>
                  <a:cubicBezTo>
                    <a:pt x="151" y="0"/>
                    <a:pt x="151" y="0"/>
                    <a:pt x="151" y="0"/>
                  </a:cubicBezTo>
                  <a:cubicBezTo>
                    <a:pt x="162" y="0"/>
                    <a:pt x="172" y="10"/>
                    <a:pt x="172" y="22"/>
                  </a:cubicBezTo>
                  <a:cubicBezTo>
                    <a:pt x="172" y="34"/>
                    <a:pt x="162" y="43"/>
                    <a:pt x="151" y="4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1" name="Freeform 9"/>
            <p:cNvSpPr>
              <a:spLocks noEditPoints="1"/>
            </p:cNvSpPr>
            <p:nvPr/>
          </p:nvSpPr>
          <p:spPr bwMode="auto">
            <a:xfrm>
              <a:off x="-568325" y="1835151"/>
              <a:ext cx="712788" cy="852487"/>
            </a:xfrm>
            <a:custGeom>
              <a:avLst/>
              <a:gdLst>
                <a:gd name="T0" fmla="*/ 335 w 668"/>
                <a:gd name="T1" fmla="*/ 800 h 800"/>
                <a:gd name="T2" fmla="*/ 316 w 668"/>
                <a:gd name="T3" fmla="*/ 789 h 800"/>
                <a:gd name="T4" fmla="*/ 246 w 668"/>
                <a:gd name="T5" fmla="*/ 662 h 800"/>
                <a:gd name="T6" fmla="*/ 57 w 668"/>
                <a:gd name="T7" fmla="*/ 508 h 800"/>
                <a:gd name="T8" fmla="*/ 49 w 668"/>
                <a:gd name="T9" fmla="*/ 492 h 800"/>
                <a:gd name="T10" fmla="*/ 84 w 668"/>
                <a:gd name="T11" fmla="*/ 168 h 800"/>
                <a:gd name="T12" fmla="*/ 202 w 668"/>
                <a:gd name="T13" fmla="*/ 73 h 800"/>
                <a:gd name="T14" fmla="*/ 621 w 668"/>
                <a:gd name="T15" fmla="*/ 226 h 800"/>
                <a:gd name="T16" fmla="*/ 621 w 668"/>
                <a:gd name="T17" fmla="*/ 226 h 800"/>
                <a:gd name="T18" fmla="*/ 594 w 668"/>
                <a:gd name="T19" fmla="*/ 538 h 800"/>
                <a:gd name="T20" fmla="*/ 468 w 668"/>
                <a:gd name="T21" fmla="*/ 645 h 800"/>
                <a:gd name="T22" fmla="*/ 412 w 668"/>
                <a:gd name="T23" fmla="*/ 665 h 800"/>
                <a:gd name="T24" fmla="*/ 355 w 668"/>
                <a:gd name="T25" fmla="*/ 787 h 800"/>
                <a:gd name="T26" fmla="*/ 336 w 668"/>
                <a:gd name="T27" fmla="*/ 800 h 800"/>
                <a:gd name="T28" fmla="*/ 335 w 668"/>
                <a:gd name="T29" fmla="*/ 800 h 800"/>
                <a:gd name="T30" fmla="*/ 334 w 668"/>
                <a:gd name="T31" fmla="*/ 87 h 800"/>
                <a:gd name="T32" fmla="*/ 220 w 668"/>
                <a:gd name="T33" fmla="*/ 112 h 800"/>
                <a:gd name="T34" fmla="*/ 119 w 668"/>
                <a:gd name="T35" fmla="*/ 194 h 800"/>
                <a:gd name="T36" fmla="*/ 88 w 668"/>
                <a:gd name="T37" fmla="*/ 474 h 800"/>
                <a:gd name="T38" fmla="*/ 95 w 668"/>
                <a:gd name="T39" fmla="*/ 487 h 800"/>
                <a:gd name="T40" fmla="*/ 266 w 668"/>
                <a:gd name="T41" fmla="*/ 622 h 800"/>
                <a:gd name="T42" fmla="*/ 280 w 668"/>
                <a:gd name="T43" fmla="*/ 633 h 800"/>
                <a:gd name="T44" fmla="*/ 333 w 668"/>
                <a:gd name="T45" fmla="*/ 731 h 800"/>
                <a:gd name="T46" fmla="*/ 377 w 668"/>
                <a:gd name="T47" fmla="*/ 637 h 800"/>
                <a:gd name="T48" fmla="*/ 392 w 668"/>
                <a:gd name="T49" fmla="*/ 625 h 800"/>
                <a:gd name="T50" fmla="*/ 450 w 668"/>
                <a:gd name="T51" fmla="*/ 606 h 800"/>
                <a:gd name="T52" fmla="*/ 559 w 668"/>
                <a:gd name="T53" fmla="*/ 514 h 800"/>
                <a:gd name="T54" fmla="*/ 582 w 668"/>
                <a:gd name="T55" fmla="*/ 244 h 800"/>
                <a:gd name="T56" fmla="*/ 582 w 668"/>
                <a:gd name="T57" fmla="*/ 244 h 800"/>
                <a:gd name="T58" fmla="*/ 334 w 668"/>
                <a:gd name="T59" fmla="*/ 87 h 8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668" h="800">
                  <a:moveTo>
                    <a:pt x="335" y="800"/>
                  </a:moveTo>
                  <a:cubicBezTo>
                    <a:pt x="327" y="800"/>
                    <a:pt x="320" y="796"/>
                    <a:pt x="316" y="789"/>
                  </a:cubicBezTo>
                  <a:cubicBezTo>
                    <a:pt x="246" y="662"/>
                    <a:pt x="246" y="662"/>
                    <a:pt x="246" y="662"/>
                  </a:cubicBezTo>
                  <a:cubicBezTo>
                    <a:pt x="165" y="638"/>
                    <a:pt x="97" y="582"/>
                    <a:pt x="57" y="508"/>
                  </a:cubicBezTo>
                  <a:cubicBezTo>
                    <a:pt x="54" y="502"/>
                    <a:pt x="52" y="497"/>
                    <a:pt x="49" y="492"/>
                  </a:cubicBezTo>
                  <a:cubicBezTo>
                    <a:pt x="0" y="385"/>
                    <a:pt x="13" y="261"/>
                    <a:pt x="84" y="168"/>
                  </a:cubicBezTo>
                  <a:cubicBezTo>
                    <a:pt x="115" y="127"/>
                    <a:pt x="155" y="95"/>
                    <a:pt x="202" y="73"/>
                  </a:cubicBezTo>
                  <a:cubicBezTo>
                    <a:pt x="360" y="0"/>
                    <a:pt x="548" y="69"/>
                    <a:pt x="621" y="226"/>
                  </a:cubicBezTo>
                  <a:cubicBezTo>
                    <a:pt x="621" y="226"/>
                    <a:pt x="621" y="226"/>
                    <a:pt x="621" y="226"/>
                  </a:cubicBezTo>
                  <a:cubicBezTo>
                    <a:pt x="668" y="327"/>
                    <a:pt x="658" y="447"/>
                    <a:pt x="594" y="538"/>
                  </a:cubicBezTo>
                  <a:cubicBezTo>
                    <a:pt x="563" y="584"/>
                    <a:pt x="519" y="621"/>
                    <a:pt x="468" y="645"/>
                  </a:cubicBezTo>
                  <a:cubicBezTo>
                    <a:pt x="450" y="653"/>
                    <a:pt x="431" y="660"/>
                    <a:pt x="412" y="665"/>
                  </a:cubicBezTo>
                  <a:cubicBezTo>
                    <a:pt x="355" y="787"/>
                    <a:pt x="355" y="787"/>
                    <a:pt x="355" y="787"/>
                  </a:cubicBezTo>
                  <a:cubicBezTo>
                    <a:pt x="351" y="795"/>
                    <a:pt x="344" y="800"/>
                    <a:pt x="336" y="800"/>
                  </a:cubicBezTo>
                  <a:cubicBezTo>
                    <a:pt x="335" y="800"/>
                    <a:pt x="335" y="800"/>
                    <a:pt x="335" y="800"/>
                  </a:cubicBezTo>
                  <a:close/>
                  <a:moveTo>
                    <a:pt x="334" y="87"/>
                  </a:moveTo>
                  <a:cubicBezTo>
                    <a:pt x="296" y="87"/>
                    <a:pt x="257" y="95"/>
                    <a:pt x="220" y="112"/>
                  </a:cubicBezTo>
                  <a:cubicBezTo>
                    <a:pt x="180" y="131"/>
                    <a:pt x="145" y="159"/>
                    <a:pt x="119" y="194"/>
                  </a:cubicBezTo>
                  <a:cubicBezTo>
                    <a:pt x="57" y="275"/>
                    <a:pt x="45" y="382"/>
                    <a:pt x="88" y="474"/>
                  </a:cubicBezTo>
                  <a:cubicBezTo>
                    <a:pt x="90" y="478"/>
                    <a:pt x="92" y="483"/>
                    <a:pt x="95" y="487"/>
                  </a:cubicBezTo>
                  <a:cubicBezTo>
                    <a:pt x="130" y="554"/>
                    <a:pt x="193" y="603"/>
                    <a:pt x="266" y="622"/>
                  </a:cubicBezTo>
                  <a:cubicBezTo>
                    <a:pt x="272" y="624"/>
                    <a:pt x="277" y="628"/>
                    <a:pt x="280" y="633"/>
                  </a:cubicBezTo>
                  <a:cubicBezTo>
                    <a:pt x="333" y="731"/>
                    <a:pt x="333" y="731"/>
                    <a:pt x="333" y="731"/>
                  </a:cubicBezTo>
                  <a:cubicBezTo>
                    <a:pt x="377" y="637"/>
                    <a:pt x="377" y="637"/>
                    <a:pt x="377" y="637"/>
                  </a:cubicBezTo>
                  <a:cubicBezTo>
                    <a:pt x="380" y="631"/>
                    <a:pt x="386" y="626"/>
                    <a:pt x="392" y="625"/>
                  </a:cubicBezTo>
                  <a:cubicBezTo>
                    <a:pt x="413" y="621"/>
                    <a:pt x="432" y="614"/>
                    <a:pt x="450" y="606"/>
                  </a:cubicBezTo>
                  <a:cubicBezTo>
                    <a:pt x="494" y="585"/>
                    <a:pt x="532" y="554"/>
                    <a:pt x="559" y="514"/>
                  </a:cubicBezTo>
                  <a:cubicBezTo>
                    <a:pt x="613" y="435"/>
                    <a:pt x="622" y="331"/>
                    <a:pt x="582" y="244"/>
                  </a:cubicBezTo>
                  <a:cubicBezTo>
                    <a:pt x="582" y="244"/>
                    <a:pt x="582" y="244"/>
                    <a:pt x="582" y="244"/>
                  </a:cubicBezTo>
                  <a:cubicBezTo>
                    <a:pt x="536" y="145"/>
                    <a:pt x="437" y="87"/>
                    <a:pt x="334" y="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2" name="Freeform 10"/>
            <p:cNvSpPr>
              <a:spLocks noEditPoints="1"/>
            </p:cNvSpPr>
            <p:nvPr/>
          </p:nvSpPr>
          <p:spPr bwMode="auto">
            <a:xfrm>
              <a:off x="-354013" y="2181225"/>
              <a:ext cx="280988" cy="187325"/>
            </a:xfrm>
            <a:custGeom>
              <a:avLst/>
              <a:gdLst>
                <a:gd name="T0" fmla="*/ 140 w 263"/>
                <a:gd name="T1" fmla="*/ 177 h 177"/>
                <a:gd name="T2" fmla="*/ 130 w 263"/>
                <a:gd name="T3" fmla="*/ 177 h 177"/>
                <a:gd name="T4" fmla="*/ 2 w 263"/>
                <a:gd name="T5" fmla="*/ 115 h 177"/>
                <a:gd name="T6" fmla="*/ 3 w 263"/>
                <a:gd name="T7" fmla="*/ 21 h 177"/>
                <a:gd name="T8" fmla="*/ 25 w 263"/>
                <a:gd name="T9" fmla="*/ 0 h 177"/>
                <a:gd name="T10" fmla="*/ 46 w 263"/>
                <a:gd name="T11" fmla="*/ 21 h 177"/>
                <a:gd name="T12" fmla="*/ 45 w 263"/>
                <a:gd name="T13" fmla="*/ 113 h 177"/>
                <a:gd name="T14" fmla="*/ 131 w 263"/>
                <a:gd name="T15" fmla="*/ 134 h 177"/>
                <a:gd name="T16" fmla="*/ 218 w 263"/>
                <a:gd name="T17" fmla="*/ 119 h 177"/>
                <a:gd name="T18" fmla="*/ 220 w 263"/>
                <a:gd name="T19" fmla="*/ 27 h 177"/>
                <a:gd name="T20" fmla="*/ 242 w 263"/>
                <a:gd name="T21" fmla="*/ 6 h 177"/>
                <a:gd name="T22" fmla="*/ 263 w 263"/>
                <a:gd name="T23" fmla="*/ 28 h 177"/>
                <a:gd name="T24" fmla="*/ 261 w 263"/>
                <a:gd name="T25" fmla="*/ 122 h 177"/>
                <a:gd name="T26" fmla="*/ 214 w 263"/>
                <a:gd name="T27" fmla="*/ 168 h 177"/>
                <a:gd name="T28" fmla="*/ 140 w 263"/>
                <a:gd name="T29" fmla="*/ 177 h 177"/>
                <a:gd name="T30" fmla="*/ 45 w 263"/>
                <a:gd name="T31" fmla="*/ 116 h 177"/>
                <a:gd name="T32" fmla="*/ 45 w 263"/>
                <a:gd name="T33" fmla="*/ 116 h 177"/>
                <a:gd name="T34" fmla="*/ 45 w 263"/>
                <a:gd name="T35" fmla="*/ 116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3" h="177">
                  <a:moveTo>
                    <a:pt x="140" y="177"/>
                  </a:moveTo>
                  <a:cubicBezTo>
                    <a:pt x="137" y="177"/>
                    <a:pt x="133" y="177"/>
                    <a:pt x="130" y="177"/>
                  </a:cubicBezTo>
                  <a:cubicBezTo>
                    <a:pt x="65" y="175"/>
                    <a:pt x="0" y="155"/>
                    <a:pt x="2" y="115"/>
                  </a:cubicBezTo>
                  <a:cubicBezTo>
                    <a:pt x="3" y="21"/>
                    <a:pt x="3" y="21"/>
                    <a:pt x="3" y="21"/>
                  </a:cubicBezTo>
                  <a:cubicBezTo>
                    <a:pt x="3" y="9"/>
                    <a:pt x="14" y="0"/>
                    <a:pt x="25" y="0"/>
                  </a:cubicBezTo>
                  <a:cubicBezTo>
                    <a:pt x="37" y="0"/>
                    <a:pt x="47" y="10"/>
                    <a:pt x="46" y="21"/>
                  </a:cubicBezTo>
                  <a:cubicBezTo>
                    <a:pt x="45" y="113"/>
                    <a:pt x="45" y="113"/>
                    <a:pt x="45" y="113"/>
                  </a:cubicBezTo>
                  <a:cubicBezTo>
                    <a:pt x="51" y="120"/>
                    <a:pt x="82" y="133"/>
                    <a:pt x="131" y="134"/>
                  </a:cubicBezTo>
                  <a:cubicBezTo>
                    <a:pt x="180" y="136"/>
                    <a:pt x="211" y="125"/>
                    <a:pt x="218" y="119"/>
                  </a:cubicBezTo>
                  <a:cubicBezTo>
                    <a:pt x="220" y="27"/>
                    <a:pt x="220" y="27"/>
                    <a:pt x="220" y="27"/>
                  </a:cubicBezTo>
                  <a:cubicBezTo>
                    <a:pt x="220" y="15"/>
                    <a:pt x="231" y="5"/>
                    <a:pt x="242" y="6"/>
                  </a:cubicBezTo>
                  <a:cubicBezTo>
                    <a:pt x="254" y="6"/>
                    <a:pt x="263" y="16"/>
                    <a:pt x="263" y="28"/>
                  </a:cubicBezTo>
                  <a:cubicBezTo>
                    <a:pt x="261" y="122"/>
                    <a:pt x="261" y="122"/>
                    <a:pt x="261" y="122"/>
                  </a:cubicBezTo>
                  <a:cubicBezTo>
                    <a:pt x="261" y="136"/>
                    <a:pt x="252" y="156"/>
                    <a:pt x="214" y="168"/>
                  </a:cubicBezTo>
                  <a:cubicBezTo>
                    <a:pt x="193" y="174"/>
                    <a:pt x="167" y="177"/>
                    <a:pt x="140" y="177"/>
                  </a:cubicBezTo>
                  <a:close/>
                  <a:moveTo>
                    <a:pt x="45" y="116"/>
                  </a:moveTo>
                  <a:cubicBezTo>
                    <a:pt x="45" y="116"/>
                    <a:pt x="45" y="116"/>
                    <a:pt x="45" y="116"/>
                  </a:cubicBezTo>
                  <a:cubicBezTo>
                    <a:pt x="45" y="116"/>
                    <a:pt x="45" y="116"/>
                    <a:pt x="45" y="1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3" name="Freeform 11"/>
            <p:cNvSpPr>
              <a:spLocks noEditPoints="1"/>
            </p:cNvSpPr>
            <p:nvPr/>
          </p:nvSpPr>
          <p:spPr bwMode="auto">
            <a:xfrm>
              <a:off x="-420688" y="2066925"/>
              <a:ext cx="419100" cy="209550"/>
            </a:xfrm>
            <a:custGeom>
              <a:avLst/>
              <a:gdLst>
                <a:gd name="T0" fmla="*/ 195 w 394"/>
                <a:gd name="T1" fmla="*/ 197 h 197"/>
                <a:gd name="T2" fmla="*/ 186 w 394"/>
                <a:gd name="T3" fmla="*/ 195 h 197"/>
                <a:gd name="T4" fmla="*/ 13 w 394"/>
                <a:gd name="T5" fmla="*/ 117 h 197"/>
                <a:gd name="T6" fmla="*/ 0 w 394"/>
                <a:gd name="T7" fmla="*/ 97 h 197"/>
                <a:gd name="T8" fmla="*/ 14 w 394"/>
                <a:gd name="T9" fmla="*/ 77 h 197"/>
                <a:gd name="T10" fmla="*/ 191 w 394"/>
                <a:gd name="T11" fmla="*/ 2 h 197"/>
                <a:gd name="T12" fmla="*/ 209 w 394"/>
                <a:gd name="T13" fmla="*/ 3 h 197"/>
                <a:gd name="T14" fmla="*/ 382 w 394"/>
                <a:gd name="T15" fmla="*/ 88 h 197"/>
                <a:gd name="T16" fmla="*/ 394 w 394"/>
                <a:gd name="T17" fmla="*/ 108 h 197"/>
                <a:gd name="T18" fmla="*/ 380 w 394"/>
                <a:gd name="T19" fmla="*/ 128 h 197"/>
                <a:gd name="T20" fmla="*/ 203 w 394"/>
                <a:gd name="T21" fmla="*/ 195 h 197"/>
                <a:gd name="T22" fmla="*/ 195 w 394"/>
                <a:gd name="T23" fmla="*/ 197 h 197"/>
                <a:gd name="T24" fmla="*/ 76 w 394"/>
                <a:gd name="T25" fmla="*/ 98 h 197"/>
                <a:gd name="T26" fmla="*/ 196 w 394"/>
                <a:gd name="T27" fmla="*/ 152 h 197"/>
                <a:gd name="T28" fmla="*/ 318 w 394"/>
                <a:gd name="T29" fmla="*/ 105 h 197"/>
                <a:gd name="T30" fmla="*/ 199 w 394"/>
                <a:gd name="T31" fmla="*/ 46 h 197"/>
                <a:gd name="T32" fmla="*/ 76 w 394"/>
                <a:gd name="T33" fmla="*/ 98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4" h="197">
                  <a:moveTo>
                    <a:pt x="195" y="197"/>
                  </a:moveTo>
                  <a:cubicBezTo>
                    <a:pt x="192" y="197"/>
                    <a:pt x="189" y="196"/>
                    <a:pt x="186" y="195"/>
                  </a:cubicBezTo>
                  <a:cubicBezTo>
                    <a:pt x="13" y="117"/>
                    <a:pt x="13" y="117"/>
                    <a:pt x="13" y="117"/>
                  </a:cubicBezTo>
                  <a:cubicBezTo>
                    <a:pt x="5" y="113"/>
                    <a:pt x="0" y="105"/>
                    <a:pt x="0" y="97"/>
                  </a:cubicBezTo>
                  <a:cubicBezTo>
                    <a:pt x="1" y="88"/>
                    <a:pt x="6" y="80"/>
                    <a:pt x="14" y="77"/>
                  </a:cubicBezTo>
                  <a:cubicBezTo>
                    <a:pt x="191" y="2"/>
                    <a:pt x="191" y="2"/>
                    <a:pt x="191" y="2"/>
                  </a:cubicBezTo>
                  <a:cubicBezTo>
                    <a:pt x="197" y="0"/>
                    <a:pt x="203" y="0"/>
                    <a:pt x="209" y="3"/>
                  </a:cubicBezTo>
                  <a:cubicBezTo>
                    <a:pt x="382" y="88"/>
                    <a:pt x="382" y="88"/>
                    <a:pt x="382" y="88"/>
                  </a:cubicBezTo>
                  <a:cubicBezTo>
                    <a:pt x="389" y="92"/>
                    <a:pt x="394" y="100"/>
                    <a:pt x="394" y="108"/>
                  </a:cubicBezTo>
                  <a:cubicBezTo>
                    <a:pt x="393" y="117"/>
                    <a:pt x="388" y="124"/>
                    <a:pt x="380" y="128"/>
                  </a:cubicBezTo>
                  <a:cubicBezTo>
                    <a:pt x="203" y="195"/>
                    <a:pt x="203" y="195"/>
                    <a:pt x="203" y="195"/>
                  </a:cubicBezTo>
                  <a:cubicBezTo>
                    <a:pt x="200" y="196"/>
                    <a:pt x="197" y="197"/>
                    <a:pt x="195" y="197"/>
                  </a:cubicBezTo>
                  <a:close/>
                  <a:moveTo>
                    <a:pt x="76" y="98"/>
                  </a:moveTo>
                  <a:cubicBezTo>
                    <a:pt x="196" y="152"/>
                    <a:pt x="196" y="152"/>
                    <a:pt x="196" y="152"/>
                  </a:cubicBezTo>
                  <a:cubicBezTo>
                    <a:pt x="318" y="105"/>
                    <a:pt x="318" y="105"/>
                    <a:pt x="318" y="105"/>
                  </a:cubicBezTo>
                  <a:cubicBezTo>
                    <a:pt x="199" y="46"/>
                    <a:pt x="199" y="46"/>
                    <a:pt x="199" y="46"/>
                  </a:cubicBezTo>
                  <a:lnTo>
                    <a:pt x="76" y="9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Tree>
    <p:extLst>
      <p:ext uri="{BB962C8B-B14F-4D97-AF65-F5344CB8AC3E}">
        <p14:creationId xmlns:p14="http://schemas.microsoft.com/office/powerpoint/2010/main" val="201019123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5#谢谢">
    <p:spTree>
      <p:nvGrpSpPr>
        <p:cNvPr id="1" name=""/>
        <p:cNvGrpSpPr/>
        <p:nvPr/>
      </p:nvGrpSpPr>
      <p:grpSpPr>
        <a:xfrm>
          <a:off x="0" y="0"/>
          <a:ext cx="0" cy="0"/>
          <a:chOff x="0" y="0"/>
          <a:chExt cx="0" cy="0"/>
        </a:xfrm>
      </p:grpSpPr>
      <p:pic>
        <p:nvPicPr>
          <p:cNvPr id="9" name="Picture 2" descr="D:\201207257配图\培训\shutterstock_242224906.jpg"/>
          <p:cNvPicPr>
            <a:picLocks noChangeAspect="1" noChangeArrowheads="1"/>
          </p:cNvPicPr>
          <p:nvPr userDrawn="1"/>
        </p:nvPicPr>
        <p:blipFill rotWithShape="1">
          <a:blip r:embed="rId2" cstate="email">
            <a:extLst>
              <a:ext uri="{28A0092B-C50C-407E-A947-70E740481C1C}">
                <a14:useLocalDpi xmlns:a14="http://schemas.microsoft.com/office/drawing/2010/main"/>
              </a:ext>
            </a:extLst>
          </a:blip>
          <a:srcRect t="17896" b="10658"/>
          <a:stretch/>
        </p:blipFill>
        <p:spPr bwMode="auto">
          <a:xfrm>
            <a:off x="1549" y="0"/>
            <a:ext cx="12188902" cy="6858000"/>
          </a:xfrm>
          <a:prstGeom prst="rect">
            <a:avLst/>
          </a:prstGeom>
          <a:noFill/>
          <a:extLst>
            <a:ext uri="{909E8E84-426E-40DD-AFC4-6F175D3DCCD1}">
              <a14:hiddenFill xmlns:a14="http://schemas.microsoft.com/office/drawing/2010/main">
                <a:solidFill>
                  <a:srgbClr val="FFFFFF"/>
                </a:solidFill>
              </a14:hiddenFill>
            </a:ext>
          </a:extLst>
        </p:spPr>
      </p:pic>
      <p:sp>
        <p:nvSpPr>
          <p:cNvPr id="10" name="矩形 9"/>
          <p:cNvSpPr/>
          <p:nvPr userDrawn="1"/>
        </p:nvSpPr>
        <p:spPr bwMode="auto">
          <a:xfrm>
            <a:off x="2380" y="0"/>
            <a:ext cx="12187239" cy="6858000"/>
          </a:xfrm>
          <a:prstGeom prst="rect">
            <a:avLst/>
          </a:prstGeom>
          <a:solidFill>
            <a:srgbClr val="003C78">
              <a:alpha val="40000"/>
            </a:srgbClr>
          </a:solidFill>
          <a:ln w="9525" cap="flat" cmpd="sng" algn="ctr">
            <a:noFill/>
            <a:prstDash val="solid"/>
            <a:round/>
            <a:headEnd type="none" w="med" len="med"/>
            <a:tailEnd type="none" w="med" len="med"/>
          </a:ln>
          <a:effectLst/>
        </p:spPr>
        <p:txBody>
          <a:bodyPr vert="horz" wrap="square" lIns="91404" tIns="45702" rIns="91404" bIns="45702" numCol="1" rtlCol="0" anchor="t" anchorCtr="0" compatLnSpc="1">
            <a:prstTxWarp prst="textNoShape">
              <a:avLst/>
            </a:prstTxWarp>
          </a:bodyPr>
          <a:lstStyle/>
          <a:p>
            <a:pPr marL="0" marR="0" indent="0" algn="l" defTabSz="914034" rtl="0" eaLnBrk="1" fontAlgn="t" latinLnBrk="0" hangingPunct="1">
              <a:lnSpc>
                <a:spcPct val="100000"/>
              </a:lnSpc>
              <a:spcBef>
                <a:spcPct val="0"/>
              </a:spcBef>
              <a:spcAft>
                <a:spcPct val="0"/>
              </a:spcAft>
              <a:buClrTx/>
              <a:buSzTx/>
              <a:buFontTx/>
              <a:buNone/>
              <a:tabLst/>
            </a:pPr>
            <a:endParaRPr kumimoji="0" lang="zh-CN" altLang="en-US" sz="1000" b="0" i="0" u="none" strike="noStrike" cap="none" normalizeH="0" baseline="0">
              <a:ln>
                <a:noFill/>
              </a:ln>
              <a:solidFill>
                <a:schemeClr val="tx1"/>
              </a:solidFill>
              <a:effectLst/>
              <a:latin typeface="+mn-lt"/>
              <a:ea typeface="+mn-ea"/>
            </a:endParaRPr>
          </a:p>
        </p:txBody>
      </p:sp>
      <p:grpSp>
        <p:nvGrpSpPr>
          <p:cNvPr id="16" name="组合 15"/>
          <p:cNvGrpSpPr/>
          <p:nvPr userDrawn="1"/>
        </p:nvGrpSpPr>
        <p:grpSpPr>
          <a:xfrm>
            <a:off x="4148952" y="2637135"/>
            <a:ext cx="3894096" cy="1598831"/>
            <a:chOff x="4302972" y="2345035"/>
            <a:chExt cx="3895617" cy="1598831"/>
          </a:xfrm>
        </p:grpSpPr>
        <p:sp>
          <p:nvSpPr>
            <p:cNvPr id="14" name="矩形 13"/>
            <p:cNvSpPr/>
            <p:nvPr userDrawn="1"/>
          </p:nvSpPr>
          <p:spPr>
            <a:xfrm>
              <a:off x="5357748" y="2345035"/>
              <a:ext cx="1786065" cy="923330"/>
            </a:xfrm>
            <a:prstGeom prst="rect">
              <a:avLst/>
            </a:prstGeom>
            <a:noFill/>
          </p:spPr>
          <p:txBody>
            <a:bodyPr wrap="none" lIns="91440" tIns="45720" rIns="91440" bIns="45720">
              <a:spAutoFit/>
            </a:bodyPr>
            <a:lstStyle/>
            <a:p>
              <a:pPr algn="ctr"/>
              <a:r>
                <a:rPr lang="zh-CN" altLang="en-US" sz="5398" b="0" cap="none" spc="0" dirty="0">
                  <a:ln w="0"/>
                  <a:solidFill>
                    <a:schemeClr val="bg1"/>
                  </a:solidFill>
                  <a:effectLst>
                    <a:outerShdw blurRad="38100" dist="19050" dir="2700000" algn="tl" rotWithShape="0">
                      <a:schemeClr val="dk1">
                        <a:alpha val="40000"/>
                      </a:schemeClr>
                    </a:outerShdw>
                  </a:effectLst>
                </a:rPr>
                <a:t>谢 谢</a:t>
              </a:r>
              <a:endParaRPr lang="en-US" altLang="zh-CN" sz="5398" b="0" cap="none" spc="0" dirty="0">
                <a:ln w="0"/>
                <a:solidFill>
                  <a:schemeClr val="bg1"/>
                </a:solidFill>
                <a:effectLst>
                  <a:outerShdw blurRad="38100" dist="19050" dir="2700000" algn="tl" rotWithShape="0">
                    <a:schemeClr val="dk1">
                      <a:alpha val="40000"/>
                    </a:schemeClr>
                  </a:outerShdw>
                </a:effectLst>
              </a:endParaRPr>
            </a:p>
          </p:txBody>
        </p:sp>
        <p:sp>
          <p:nvSpPr>
            <p:cNvPr id="15" name="矩形 14"/>
            <p:cNvSpPr/>
            <p:nvPr userDrawn="1"/>
          </p:nvSpPr>
          <p:spPr>
            <a:xfrm>
              <a:off x="4302972" y="3297535"/>
              <a:ext cx="3895617" cy="646331"/>
            </a:xfrm>
            <a:prstGeom prst="rect">
              <a:avLst/>
            </a:prstGeom>
            <a:noFill/>
          </p:spPr>
          <p:txBody>
            <a:bodyPr wrap="none" lIns="91440" tIns="45720" rIns="91440" bIns="45720">
              <a:spAutoFit/>
            </a:bodyPr>
            <a:lstStyle/>
            <a:p>
              <a:pPr algn="ctr"/>
              <a:r>
                <a:rPr lang="en-US" altLang="zh-CN" sz="3599" b="0" cap="none" spc="0" dirty="0">
                  <a:ln w="0"/>
                  <a:solidFill>
                    <a:schemeClr val="bg1"/>
                  </a:solidFill>
                  <a:effectLst>
                    <a:outerShdw blurRad="38100" dist="19050" dir="2700000" algn="tl" rotWithShape="0">
                      <a:schemeClr val="dk1">
                        <a:alpha val="40000"/>
                      </a:schemeClr>
                    </a:outerShdw>
                  </a:effectLst>
                </a:rPr>
                <a:t>www.huawei.com</a:t>
              </a:r>
              <a:endParaRPr lang="zh-CN" altLang="en-US" sz="3599" b="0" cap="none" spc="0" dirty="0">
                <a:ln w="0"/>
                <a:solidFill>
                  <a:schemeClr val="bg1"/>
                </a:solidFill>
                <a:effectLst>
                  <a:outerShdw blurRad="38100" dist="19050" dir="2700000" algn="tl" rotWithShape="0">
                    <a:schemeClr val="dk1">
                      <a:alpha val="40000"/>
                    </a:schemeClr>
                  </a:outerShdw>
                </a:effectLst>
              </a:endParaRPr>
            </a:p>
          </p:txBody>
        </p:sp>
      </p:grpSp>
    </p:spTree>
    <p:extLst>
      <p:ext uri="{BB962C8B-B14F-4D97-AF65-F5344CB8AC3E}">
        <p14:creationId xmlns:p14="http://schemas.microsoft.com/office/powerpoint/2010/main" val="4103688268"/>
      </p:ext>
    </p:extLst>
  </p:cSld>
  <p:clrMapOvr>
    <a:masterClrMapping/>
  </p:clrMapOvr>
  <p:extLst>
    <p:ext uri="{DCECCB84-F9BA-43D5-87BE-67443E8EF086}">
      <p15:sldGuideLst xmlns:p15="http://schemas.microsoft.com/office/powerpoint/2012/main"/>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总标题">
    <p:spTree>
      <p:nvGrpSpPr>
        <p:cNvPr id="1" name=""/>
        <p:cNvGrpSpPr/>
        <p:nvPr/>
      </p:nvGrpSpPr>
      <p:grpSpPr>
        <a:xfrm>
          <a:off x="0" y="0"/>
          <a:ext cx="0" cy="0"/>
          <a:chOff x="0" y="0"/>
          <a:chExt cx="0" cy="0"/>
        </a:xfrm>
      </p:grpSpPr>
      <p:pic>
        <p:nvPicPr>
          <p:cNvPr id="8" name="Picture 4"/>
          <p:cNvPicPr>
            <a:picLocks noChangeAspect="1" noChangeArrowheads="1"/>
          </p:cNvPicPr>
          <p:nvPr userDrawn="1"/>
        </p:nvPicPr>
        <p:blipFill rotWithShape="1">
          <a:blip r:embed="rId2" cstate="print">
            <a:extLst>
              <a:ext uri="{28A0092B-C50C-407E-A947-70E740481C1C}">
                <a14:useLocalDpi xmlns:a14="http://schemas.microsoft.com/office/drawing/2010/main" val="0"/>
              </a:ext>
            </a:extLst>
          </a:blip>
          <a:srcRect b="3542"/>
          <a:stretch/>
        </p:blipFill>
        <p:spPr bwMode="auto">
          <a:xfrm>
            <a:off x="0" y="42"/>
            <a:ext cx="12187239" cy="6857916"/>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41"/>
          <p:cNvSpPr>
            <a:spLocks noGrp="1" noChangeArrowheads="1"/>
          </p:cNvSpPr>
          <p:nvPr>
            <p:ph type="ctrTitle" sz="quarter"/>
          </p:nvPr>
        </p:nvSpPr>
        <p:spPr>
          <a:xfrm>
            <a:off x="1030893" y="4957156"/>
            <a:ext cx="10437489" cy="831600"/>
          </a:xfrm>
          <a:ln algn="ctr"/>
        </p:spPr>
        <p:txBody>
          <a:bodyPr lIns="87802" tIns="43901" rIns="87802" bIns="43901"/>
          <a:lstStyle>
            <a:lvl1pPr algn="l" defTabSz="801367" rtl="0" eaLnBrk="0" fontAlgn="auto" hangingPunct="0">
              <a:spcBef>
                <a:spcPct val="0"/>
              </a:spcBef>
              <a:spcAft>
                <a:spcPct val="0"/>
              </a:spcAft>
              <a:defRPr lang="zh-CN" altLang="en-US" sz="4298" b="1" kern="1200" dirty="0">
                <a:solidFill>
                  <a:srgbClr val="0070C0"/>
                </a:solidFill>
                <a:latin typeface="+mn-lt"/>
                <a:ea typeface="+mn-ea"/>
                <a:cs typeface="Arial" panose="020B0604020202020204" pitchFamily="34" charset="0"/>
              </a:defRPr>
            </a:lvl1pPr>
          </a:lstStyle>
          <a:p>
            <a:r>
              <a:rPr lang="zh-CN" altLang="en-US" dirty="0"/>
              <a:t>单击此处编辑母版标题样式</a:t>
            </a:r>
          </a:p>
        </p:txBody>
      </p:sp>
      <p:sp>
        <p:nvSpPr>
          <p:cNvPr id="10" name="文本占位符 29"/>
          <p:cNvSpPr>
            <a:spLocks noGrp="1"/>
          </p:cNvSpPr>
          <p:nvPr>
            <p:ph type="body" sz="quarter" idx="10"/>
          </p:nvPr>
        </p:nvSpPr>
        <p:spPr>
          <a:xfrm>
            <a:off x="1030892" y="5816120"/>
            <a:ext cx="6909301" cy="493200"/>
          </a:xfrm>
        </p:spPr>
        <p:txBody>
          <a:bodyPr/>
          <a:lstStyle>
            <a:lvl1pPr marL="0" indent="0" algn="l" defTabSz="801367" rtl="0" eaLnBrk="0" fontAlgn="base" hangingPunct="0">
              <a:spcBef>
                <a:spcPct val="0"/>
              </a:spcBef>
              <a:spcAft>
                <a:spcPct val="0"/>
              </a:spcAft>
              <a:buNone/>
              <a:defRPr lang="zh-CN" altLang="en-US" sz="1999" kern="1200" dirty="0" smtClean="0">
                <a:solidFill>
                  <a:srgbClr val="0070C0"/>
                </a:solidFill>
                <a:latin typeface="+mn-lt"/>
                <a:ea typeface="+mn-ea"/>
                <a:cs typeface="Arial" panose="020B0604020202020204" pitchFamily="34" charset="0"/>
              </a:defRPr>
            </a:lvl1pPr>
          </a:lstStyle>
          <a:p>
            <a:pPr lvl="0"/>
            <a:r>
              <a:rPr lang="zh-CN" altLang="en-US" dirty="0"/>
              <a:t>单击此处编辑母版文本样式</a:t>
            </a:r>
          </a:p>
        </p:txBody>
      </p:sp>
      <p:sp>
        <p:nvSpPr>
          <p:cNvPr id="11" name="Rectangle 54">
            <a:extLst>
              <a:ext uri="{FF2B5EF4-FFF2-40B4-BE49-F238E27FC236}">
                <a16:creationId xmlns:a16="http://schemas.microsoft.com/office/drawing/2014/main" xmlns="" id="{2078FA11-5569-4994-AEB7-1AF5CAC763B0}"/>
              </a:ext>
            </a:extLst>
          </p:cNvPr>
          <p:cNvSpPr>
            <a:spLocks noChangeArrowheads="1"/>
          </p:cNvSpPr>
          <p:nvPr userDrawn="1"/>
        </p:nvSpPr>
        <p:spPr bwMode="auto">
          <a:xfrm>
            <a:off x="947058" y="6500581"/>
            <a:ext cx="2572620" cy="265520"/>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zh-CN" altLang="en-US" sz="1200" baseline="0" dirty="0">
                <a:latin typeface="+mn-lt"/>
                <a:ea typeface="+mn-ea"/>
                <a:cs typeface="Arial" pitchFamily="34" charset="0"/>
              </a:rPr>
              <a:t>版权所有</a:t>
            </a:r>
            <a:r>
              <a:rPr lang="en-US" altLang="zh-CN" sz="1200" baseline="0">
                <a:latin typeface="+mn-lt"/>
                <a:ea typeface="+mn-ea"/>
                <a:cs typeface="Arial" pitchFamily="34" charset="0"/>
              </a:rPr>
              <a:t>© </a:t>
            </a:r>
            <a:r>
              <a:rPr lang="en-US" altLang="zh-CN" sz="1200" baseline="0" smtClean="0">
                <a:latin typeface="+mn-lt"/>
                <a:ea typeface="+mn-ea"/>
                <a:cs typeface="Arial" pitchFamily="34" charset="0"/>
              </a:rPr>
              <a:t>2020 </a:t>
            </a:r>
            <a:r>
              <a:rPr lang="zh-CN" altLang="en-US" sz="1200" baseline="0" dirty="0">
                <a:latin typeface="+mn-lt"/>
                <a:ea typeface="+mn-ea"/>
                <a:cs typeface="Arial" pitchFamily="34" charset="0"/>
              </a:rPr>
              <a:t>华为技术有限公司</a:t>
            </a:r>
          </a:p>
        </p:txBody>
      </p:sp>
      <p:pic>
        <p:nvPicPr>
          <p:cNvPr id="12" name="图片 1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88026" y="251069"/>
            <a:ext cx="1964832" cy="430102"/>
          </a:xfrm>
          <a:prstGeom prst="rect">
            <a:avLst/>
          </a:prstGeom>
        </p:spPr>
      </p:pic>
    </p:spTree>
    <p:extLst>
      <p:ext uri="{BB962C8B-B14F-4D97-AF65-F5344CB8AC3E}">
        <p14:creationId xmlns:p14="http://schemas.microsoft.com/office/powerpoint/2010/main" val="42662814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前言">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469565" y="1233488"/>
            <a:ext cx="11274935" cy="4679788"/>
          </a:xfrm>
        </p:spPr>
        <p:txBody>
          <a:bodyPr/>
          <a:lstStyle>
            <a:lvl1pPr algn="just" fontAlgn="auto">
              <a:buClrTx/>
              <a:defRPr>
                <a:latin typeface="+mn-lt"/>
                <a:ea typeface="+mn-ea"/>
                <a:cs typeface="Arial" panose="020B0604020202020204" pitchFamily="34" charset="0"/>
              </a:defRPr>
            </a:lvl1pPr>
            <a:lvl2pPr marL="654938" indent="-251899" fontAlgn="auto">
              <a:buClrTx/>
              <a:buSzPct val="100000"/>
              <a:buFont typeface="Huawei Sans" panose="020C0503030203020204" pitchFamily="34" charset="0"/>
              <a:buChar char="▫"/>
              <a:defRPr>
                <a:solidFill>
                  <a:schemeClr val="tx1"/>
                </a:solidFill>
                <a:latin typeface="+mn-lt"/>
              </a:defRPr>
            </a:lvl2pPr>
            <a:lvl3pPr fontAlgn="auto">
              <a:defRPr lang="zh-CN" altLang="en-US" dirty="0" smtClean="0">
                <a:solidFill>
                  <a:schemeClr val="tx1"/>
                </a:solidFill>
                <a:latin typeface="+mn-lt"/>
                <a:ea typeface="+mn-ea"/>
              </a:defRPr>
            </a:lvl3pPr>
            <a:lvl4pPr fontAlgn="auto">
              <a:defRPr>
                <a:latin typeface="+mn-lt"/>
              </a:defRPr>
            </a:lvl4pPr>
            <a:lvl5pPr marL="1802879" indent="-201519" fontAlgn="auto">
              <a:buClrTx/>
              <a:buFont typeface="Huawei Sans" panose="020C0503030203020204" pitchFamily="34" charset="0"/>
              <a:buChar char="~"/>
              <a:defRPr>
                <a:latin typeface="+mn-lt"/>
              </a:defRPr>
            </a:lvl5pPr>
          </a:lstStyle>
          <a:p>
            <a:pPr eaLnBrk="1" hangingPunct="1"/>
            <a:r>
              <a:rPr lang="zh-CN" altLang="en-US" dirty="0"/>
              <a:t>本章主要讲述</a:t>
            </a:r>
            <a:r>
              <a:rPr lang="en-US" altLang="zh-CN" dirty="0"/>
              <a:t>...</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sp>
        <p:nvSpPr>
          <p:cNvPr id="16" name="TextBox 10">
            <a:extLst>
              <a:ext uri="{FF2B5EF4-FFF2-40B4-BE49-F238E27FC236}">
                <a16:creationId xmlns:a16="http://schemas.microsoft.com/office/drawing/2014/main" xmlns="" id="{18ED692C-39CB-4AC0-81F6-D21CDD086EE4}"/>
              </a:ext>
            </a:extLst>
          </p:cNvPr>
          <p:cNvSpPr txBox="1"/>
          <p:nvPr userDrawn="1"/>
        </p:nvSpPr>
        <p:spPr bwMode="auto">
          <a:xfrm>
            <a:off x="1594877" y="408780"/>
            <a:ext cx="1664752" cy="639559"/>
          </a:xfrm>
          <a:prstGeom prst="rect">
            <a:avLst/>
          </a:prstGeom>
          <a:noFill/>
          <a:ln w="9525">
            <a:noFill/>
            <a:miter lim="800000"/>
            <a:headEnd/>
            <a:tailEnd/>
          </a:ln>
        </p:spPr>
        <p:txBody>
          <a:bodyPr wrap="square" lIns="99941" tIns="49967" rIns="99941" bIns="49967" rtlCol="0">
            <a:spAutoFit/>
          </a:bodyPr>
          <a:lstStyle/>
          <a:p>
            <a:pPr algn="l" defTabSz="1001223" eaLnBrk="0" fontAlgn="auto" hangingPunct="0"/>
            <a:r>
              <a:rPr lang="zh-CN" altLang="en-US" sz="3499" b="1" dirty="0">
                <a:solidFill>
                  <a:schemeClr val="tx1"/>
                </a:solidFill>
                <a:latin typeface="+mn-lt"/>
                <a:ea typeface="+mn-ea"/>
                <a:cs typeface="Arial" pitchFamily="34" charset="0"/>
              </a:rPr>
              <a:t>前言</a:t>
            </a:r>
          </a:p>
        </p:txBody>
      </p:sp>
      <p:sp>
        <p:nvSpPr>
          <p:cNvPr id="17"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18"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19" name="组合 18"/>
          <p:cNvGrpSpPr/>
          <p:nvPr userDrawn="1"/>
        </p:nvGrpSpPr>
        <p:grpSpPr>
          <a:xfrm>
            <a:off x="335229" y="498828"/>
            <a:ext cx="627913" cy="459460"/>
            <a:chOff x="3275013" y="1363663"/>
            <a:chExt cx="5645150" cy="4129087"/>
          </a:xfrm>
          <a:solidFill>
            <a:schemeClr val="bg1"/>
          </a:solidFill>
        </p:grpSpPr>
        <p:sp>
          <p:nvSpPr>
            <p:cNvPr id="20" name="Freeform 6"/>
            <p:cNvSpPr>
              <a:spLocks noEditPoints="1"/>
            </p:cNvSpPr>
            <p:nvPr/>
          </p:nvSpPr>
          <p:spPr bwMode="auto">
            <a:xfrm>
              <a:off x="3275013" y="1363663"/>
              <a:ext cx="5645150" cy="4129087"/>
            </a:xfrm>
            <a:custGeom>
              <a:avLst/>
              <a:gdLst>
                <a:gd name="T0" fmla="*/ 1410 w 1505"/>
                <a:gd name="T1" fmla="*/ 250 h 1101"/>
                <a:gd name="T2" fmla="*/ 780 w 1505"/>
                <a:gd name="T3" fmla="*/ 250 h 1101"/>
                <a:gd name="T4" fmla="*/ 780 w 1505"/>
                <a:gd name="T5" fmla="*/ 81 h 1101"/>
                <a:gd name="T6" fmla="*/ 699 w 1505"/>
                <a:gd name="T7" fmla="*/ 0 h 1101"/>
                <a:gd name="T8" fmla="*/ 81 w 1505"/>
                <a:gd name="T9" fmla="*/ 0 h 1101"/>
                <a:gd name="T10" fmla="*/ 0 w 1505"/>
                <a:gd name="T11" fmla="*/ 81 h 1101"/>
                <a:gd name="T12" fmla="*/ 0 w 1505"/>
                <a:gd name="T13" fmla="*/ 464 h 1101"/>
                <a:gd name="T14" fmla="*/ 81 w 1505"/>
                <a:gd name="T15" fmla="*/ 545 h 1101"/>
                <a:gd name="T16" fmla="*/ 124 w 1505"/>
                <a:gd name="T17" fmla="*/ 545 h 1101"/>
                <a:gd name="T18" fmla="*/ 124 w 1505"/>
                <a:gd name="T19" fmla="*/ 668 h 1101"/>
                <a:gd name="T20" fmla="*/ 137 w 1505"/>
                <a:gd name="T21" fmla="*/ 688 h 1101"/>
                <a:gd name="T22" fmla="*/ 147 w 1505"/>
                <a:gd name="T23" fmla="*/ 690 h 1101"/>
                <a:gd name="T24" fmla="*/ 161 w 1505"/>
                <a:gd name="T25" fmla="*/ 685 h 1101"/>
                <a:gd name="T26" fmla="*/ 316 w 1505"/>
                <a:gd name="T27" fmla="*/ 554 h 1101"/>
                <a:gd name="T28" fmla="*/ 341 w 1505"/>
                <a:gd name="T29" fmla="*/ 545 h 1101"/>
                <a:gd name="T30" fmla="*/ 542 w 1505"/>
                <a:gd name="T31" fmla="*/ 545 h 1101"/>
                <a:gd name="T32" fmla="*/ 542 w 1505"/>
                <a:gd name="T33" fmla="*/ 824 h 1101"/>
                <a:gd name="T34" fmla="*/ 637 w 1505"/>
                <a:gd name="T35" fmla="*/ 919 h 1101"/>
                <a:gd name="T36" fmla="*/ 1084 w 1505"/>
                <a:gd name="T37" fmla="*/ 919 h 1101"/>
                <a:gd name="T38" fmla="*/ 1120 w 1505"/>
                <a:gd name="T39" fmla="*/ 932 h 1101"/>
                <a:gd name="T40" fmla="*/ 1313 w 1505"/>
                <a:gd name="T41" fmla="*/ 1096 h 1101"/>
                <a:gd name="T42" fmla="*/ 1328 w 1505"/>
                <a:gd name="T43" fmla="*/ 1101 h 1101"/>
                <a:gd name="T44" fmla="*/ 1337 w 1505"/>
                <a:gd name="T45" fmla="*/ 1099 h 1101"/>
                <a:gd name="T46" fmla="*/ 1350 w 1505"/>
                <a:gd name="T47" fmla="*/ 1078 h 1101"/>
                <a:gd name="T48" fmla="*/ 1350 w 1505"/>
                <a:gd name="T49" fmla="*/ 919 h 1101"/>
                <a:gd name="T50" fmla="*/ 1410 w 1505"/>
                <a:gd name="T51" fmla="*/ 919 h 1101"/>
                <a:gd name="T52" fmla="*/ 1505 w 1505"/>
                <a:gd name="T53" fmla="*/ 824 h 1101"/>
                <a:gd name="T54" fmla="*/ 1505 w 1505"/>
                <a:gd name="T55" fmla="*/ 345 h 1101"/>
                <a:gd name="T56" fmla="*/ 1410 w 1505"/>
                <a:gd name="T57" fmla="*/ 250 h 1101"/>
                <a:gd name="T58" fmla="*/ 341 w 1505"/>
                <a:gd name="T59" fmla="*/ 500 h 1101"/>
                <a:gd name="T60" fmla="*/ 287 w 1505"/>
                <a:gd name="T61" fmla="*/ 520 h 1101"/>
                <a:gd name="T62" fmla="*/ 169 w 1505"/>
                <a:gd name="T63" fmla="*/ 619 h 1101"/>
                <a:gd name="T64" fmla="*/ 169 w 1505"/>
                <a:gd name="T65" fmla="*/ 535 h 1101"/>
                <a:gd name="T66" fmla="*/ 133 w 1505"/>
                <a:gd name="T67" fmla="*/ 500 h 1101"/>
                <a:gd name="T68" fmla="*/ 81 w 1505"/>
                <a:gd name="T69" fmla="*/ 500 h 1101"/>
                <a:gd name="T70" fmla="*/ 45 w 1505"/>
                <a:gd name="T71" fmla="*/ 464 h 1101"/>
                <a:gd name="T72" fmla="*/ 45 w 1505"/>
                <a:gd name="T73" fmla="*/ 81 h 1101"/>
                <a:gd name="T74" fmla="*/ 81 w 1505"/>
                <a:gd name="T75" fmla="*/ 45 h 1101"/>
                <a:gd name="T76" fmla="*/ 699 w 1505"/>
                <a:gd name="T77" fmla="*/ 45 h 1101"/>
                <a:gd name="T78" fmla="*/ 735 w 1505"/>
                <a:gd name="T79" fmla="*/ 81 h 1101"/>
                <a:gd name="T80" fmla="*/ 735 w 1505"/>
                <a:gd name="T81" fmla="*/ 250 h 1101"/>
                <a:gd name="T82" fmla="*/ 637 w 1505"/>
                <a:gd name="T83" fmla="*/ 250 h 1101"/>
                <a:gd name="T84" fmla="*/ 542 w 1505"/>
                <a:gd name="T85" fmla="*/ 345 h 1101"/>
                <a:gd name="T86" fmla="*/ 542 w 1505"/>
                <a:gd name="T87" fmla="*/ 500 h 1101"/>
                <a:gd name="T88" fmla="*/ 341 w 1505"/>
                <a:gd name="T89" fmla="*/ 500 h 1101"/>
                <a:gd name="T90" fmla="*/ 1460 w 1505"/>
                <a:gd name="T91" fmla="*/ 824 h 1101"/>
                <a:gd name="T92" fmla="*/ 1410 w 1505"/>
                <a:gd name="T93" fmla="*/ 874 h 1101"/>
                <a:gd name="T94" fmla="*/ 1344 w 1505"/>
                <a:gd name="T95" fmla="*/ 874 h 1101"/>
                <a:gd name="T96" fmla="*/ 1305 w 1505"/>
                <a:gd name="T97" fmla="*/ 913 h 1101"/>
                <a:gd name="T98" fmla="*/ 1305 w 1505"/>
                <a:gd name="T99" fmla="*/ 1030 h 1101"/>
                <a:gd name="T100" fmla="*/ 1149 w 1505"/>
                <a:gd name="T101" fmla="*/ 898 h 1101"/>
                <a:gd name="T102" fmla="*/ 1084 w 1505"/>
                <a:gd name="T103" fmla="*/ 874 h 1101"/>
                <a:gd name="T104" fmla="*/ 637 w 1505"/>
                <a:gd name="T105" fmla="*/ 874 h 1101"/>
                <a:gd name="T106" fmla="*/ 587 w 1505"/>
                <a:gd name="T107" fmla="*/ 824 h 1101"/>
                <a:gd name="T108" fmla="*/ 587 w 1505"/>
                <a:gd name="T109" fmla="*/ 345 h 1101"/>
                <a:gd name="T110" fmla="*/ 637 w 1505"/>
                <a:gd name="T111" fmla="*/ 295 h 1101"/>
                <a:gd name="T112" fmla="*/ 1410 w 1505"/>
                <a:gd name="T113" fmla="*/ 295 h 1101"/>
                <a:gd name="T114" fmla="*/ 1460 w 1505"/>
                <a:gd name="T115" fmla="*/ 345 h 1101"/>
                <a:gd name="T116" fmla="*/ 1460 w 1505"/>
                <a:gd name="T117" fmla="*/ 824 h 11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505" h="1101">
                  <a:moveTo>
                    <a:pt x="1410" y="250"/>
                  </a:moveTo>
                  <a:cubicBezTo>
                    <a:pt x="780" y="250"/>
                    <a:pt x="780" y="250"/>
                    <a:pt x="780" y="250"/>
                  </a:cubicBezTo>
                  <a:cubicBezTo>
                    <a:pt x="780" y="81"/>
                    <a:pt x="780" y="81"/>
                    <a:pt x="780" y="81"/>
                  </a:cubicBezTo>
                  <a:cubicBezTo>
                    <a:pt x="780" y="37"/>
                    <a:pt x="743" y="0"/>
                    <a:pt x="699" y="0"/>
                  </a:cubicBezTo>
                  <a:cubicBezTo>
                    <a:pt x="81" y="0"/>
                    <a:pt x="81" y="0"/>
                    <a:pt x="81" y="0"/>
                  </a:cubicBezTo>
                  <a:cubicBezTo>
                    <a:pt x="36" y="0"/>
                    <a:pt x="0" y="37"/>
                    <a:pt x="0" y="81"/>
                  </a:cubicBezTo>
                  <a:cubicBezTo>
                    <a:pt x="0" y="464"/>
                    <a:pt x="0" y="464"/>
                    <a:pt x="0" y="464"/>
                  </a:cubicBezTo>
                  <a:cubicBezTo>
                    <a:pt x="0" y="509"/>
                    <a:pt x="36" y="545"/>
                    <a:pt x="81" y="545"/>
                  </a:cubicBezTo>
                  <a:cubicBezTo>
                    <a:pt x="124" y="545"/>
                    <a:pt x="124" y="545"/>
                    <a:pt x="124" y="545"/>
                  </a:cubicBezTo>
                  <a:cubicBezTo>
                    <a:pt x="124" y="668"/>
                    <a:pt x="124" y="668"/>
                    <a:pt x="124" y="668"/>
                  </a:cubicBezTo>
                  <a:cubicBezTo>
                    <a:pt x="124" y="676"/>
                    <a:pt x="129" y="684"/>
                    <a:pt x="137" y="688"/>
                  </a:cubicBezTo>
                  <a:cubicBezTo>
                    <a:pt x="140" y="689"/>
                    <a:pt x="143" y="690"/>
                    <a:pt x="147" y="690"/>
                  </a:cubicBezTo>
                  <a:cubicBezTo>
                    <a:pt x="152" y="690"/>
                    <a:pt x="157" y="688"/>
                    <a:pt x="161" y="685"/>
                  </a:cubicBezTo>
                  <a:cubicBezTo>
                    <a:pt x="316" y="554"/>
                    <a:pt x="316" y="554"/>
                    <a:pt x="316" y="554"/>
                  </a:cubicBezTo>
                  <a:cubicBezTo>
                    <a:pt x="323" y="548"/>
                    <a:pt x="332" y="545"/>
                    <a:pt x="341" y="545"/>
                  </a:cubicBezTo>
                  <a:cubicBezTo>
                    <a:pt x="542" y="545"/>
                    <a:pt x="542" y="545"/>
                    <a:pt x="542" y="545"/>
                  </a:cubicBezTo>
                  <a:cubicBezTo>
                    <a:pt x="542" y="824"/>
                    <a:pt x="542" y="824"/>
                    <a:pt x="542" y="824"/>
                  </a:cubicBezTo>
                  <a:cubicBezTo>
                    <a:pt x="542" y="877"/>
                    <a:pt x="585" y="919"/>
                    <a:pt x="637" y="919"/>
                  </a:cubicBezTo>
                  <a:cubicBezTo>
                    <a:pt x="1084" y="919"/>
                    <a:pt x="1084" y="919"/>
                    <a:pt x="1084" y="919"/>
                  </a:cubicBezTo>
                  <a:cubicBezTo>
                    <a:pt x="1097" y="919"/>
                    <a:pt x="1110" y="924"/>
                    <a:pt x="1120" y="932"/>
                  </a:cubicBezTo>
                  <a:cubicBezTo>
                    <a:pt x="1313" y="1096"/>
                    <a:pt x="1313" y="1096"/>
                    <a:pt x="1313" y="1096"/>
                  </a:cubicBezTo>
                  <a:cubicBezTo>
                    <a:pt x="1317" y="1099"/>
                    <a:pt x="1322" y="1101"/>
                    <a:pt x="1328" y="1101"/>
                  </a:cubicBezTo>
                  <a:cubicBezTo>
                    <a:pt x="1331" y="1101"/>
                    <a:pt x="1334" y="1100"/>
                    <a:pt x="1337" y="1099"/>
                  </a:cubicBezTo>
                  <a:cubicBezTo>
                    <a:pt x="1345" y="1095"/>
                    <a:pt x="1350" y="1087"/>
                    <a:pt x="1350" y="1078"/>
                  </a:cubicBezTo>
                  <a:cubicBezTo>
                    <a:pt x="1350" y="919"/>
                    <a:pt x="1350" y="919"/>
                    <a:pt x="1350" y="919"/>
                  </a:cubicBezTo>
                  <a:cubicBezTo>
                    <a:pt x="1410" y="919"/>
                    <a:pt x="1410" y="919"/>
                    <a:pt x="1410" y="919"/>
                  </a:cubicBezTo>
                  <a:cubicBezTo>
                    <a:pt x="1463" y="919"/>
                    <a:pt x="1505" y="877"/>
                    <a:pt x="1505" y="824"/>
                  </a:cubicBezTo>
                  <a:cubicBezTo>
                    <a:pt x="1505" y="345"/>
                    <a:pt x="1505" y="345"/>
                    <a:pt x="1505" y="345"/>
                  </a:cubicBezTo>
                  <a:cubicBezTo>
                    <a:pt x="1505" y="293"/>
                    <a:pt x="1463" y="250"/>
                    <a:pt x="1410" y="250"/>
                  </a:cubicBezTo>
                  <a:close/>
                  <a:moveTo>
                    <a:pt x="341" y="500"/>
                  </a:moveTo>
                  <a:cubicBezTo>
                    <a:pt x="322" y="500"/>
                    <a:pt x="302" y="507"/>
                    <a:pt x="287" y="520"/>
                  </a:cubicBezTo>
                  <a:cubicBezTo>
                    <a:pt x="169" y="619"/>
                    <a:pt x="169" y="619"/>
                    <a:pt x="169" y="619"/>
                  </a:cubicBezTo>
                  <a:cubicBezTo>
                    <a:pt x="169" y="535"/>
                    <a:pt x="169" y="535"/>
                    <a:pt x="169" y="535"/>
                  </a:cubicBezTo>
                  <a:cubicBezTo>
                    <a:pt x="169" y="516"/>
                    <a:pt x="153" y="500"/>
                    <a:pt x="133" y="500"/>
                  </a:cubicBezTo>
                  <a:cubicBezTo>
                    <a:pt x="81" y="500"/>
                    <a:pt x="81" y="500"/>
                    <a:pt x="81" y="500"/>
                  </a:cubicBezTo>
                  <a:cubicBezTo>
                    <a:pt x="61" y="500"/>
                    <a:pt x="45" y="484"/>
                    <a:pt x="45" y="464"/>
                  </a:cubicBezTo>
                  <a:cubicBezTo>
                    <a:pt x="45" y="81"/>
                    <a:pt x="45" y="81"/>
                    <a:pt x="45" y="81"/>
                  </a:cubicBezTo>
                  <a:cubicBezTo>
                    <a:pt x="45" y="61"/>
                    <a:pt x="61" y="45"/>
                    <a:pt x="81" y="45"/>
                  </a:cubicBezTo>
                  <a:cubicBezTo>
                    <a:pt x="699" y="45"/>
                    <a:pt x="699" y="45"/>
                    <a:pt x="699" y="45"/>
                  </a:cubicBezTo>
                  <a:cubicBezTo>
                    <a:pt x="719" y="45"/>
                    <a:pt x="735" y="61"/>
                    <a:pt x="735" y="81"/>
                  </a:cubicBezTo>
                  <a:cubicBezTo>
                    <a:pt x="735" y="250"/>
                    <a:pt x="735" y="250"/>
                    <a:pt x="735" y="250"/>
                  </a:cubicBezTo>
                  <a:cubicBezTo>
                    <a:pt x="637" y="250"/>
                    <a:pt x="637" y="250"/>
                    <a:pt x="637" y="250"/>
                  </a:cubicBezTo>
                  <a:cubicBezTo>
                    <a:pt x="585" y="250"/>
                    <a:pt x="542" y="293"/>
                    <a:pt x="542" y="345"/>
                  </a:cubicBezTo>
                  <a:cubicBezTo>
                    <a:pt x="542" y="500"/>
                    <a:pt x="542" y="500"/>
                    <a:pt x="542" y="500"/>
                  </a:cubicBezTo>
                  <a:lnTo>
                    <a:pt x="341" y="500"/>
                  </a:lnTo>
                  <a:close/>
                  <a:moveTo>
                    <a:pt x="1460" y="824"/>
                  </a:moveTo>
                  <a:cubicBezTo>
                    <a:pt x="1460" y="852"/>
                    <a:pt x="1438" y="874"/>
                    <a:pt x="1410" y="874"/>
                  </a:cubicBezTo>
                  <a:cubicBezTo>
                    <a:pt x="1344" y="874"/>
                    <a:pt x="1344" y="874"/>
                    <a:pt x="1344" y="874"/>
                  </a:cubicBezTo>
                  <a:cubicBezTo>
                    <a:pt x="1323" y="874"/>
                    <a:pt x="1305" y="892"/>
                    <a:pt x="1305" y="913"/>
                  </a:cubicBezTo>
                  <a:cubicBezTo>
                    <a:pt x="1305" y="1030"/>
                    <a:pt x="1305" y="1030"/>
                    <a:pt x="1305" y="1030"/>
                  </a:cubicBezTo>
                  <a:cubicBezTo>
                    <a:pt x="1149" y="898"/>
                    <a:pt x="1149" y="898"/>
                    <a:pt x="1149" y="898"/>
                  </a:cubicBezTo>
                  <a:cubicBezTo>
                    <a:pt x="1131" y="883"/>
                    <a:pt x="1108" y="874"/>
                    <a:pt x="1084" y="874"/>
                  </a:cubicBezTo>
                  <a:cubicBezTo>
                    <a:pt x="637" y="874"/>
                    <a:pt x="637" y="874"/>
                    <a:pt x="637" y="874"/>
                  </a:cubicBezTo>
                  <a:cubicBezTo>
                    <a:pt x="610" y="874"/>
                    <a:pt x="587" y="852"/>
                    <a:pt x="587" y="824"/>
                  </a:cubicBezTo>
                  <a:cubicBezTo>
                    <a:pt x="587" y="345"/>
                    <a:pt x="587" y="345"/>
                    <a:pt x="587" y="345"/>
                  </a:cubicBezTo>
                  <a:cubicBezTo>
                    <a:pt x="587" y="318"/>
                    <a:pt x="610" y="295"/>
                    <a:pt x="637" y="295"/>
                  </a:cubicBezTo>
                  <a:cubicBezTo>
                    <a:pt x="1410" y="295"/>
                    <a:pt x="1410" y="295"/>
                    <a:pt x="1410" y="295"/>
                  </a:cubicBezTo>
                  <a:cubicBezTo>
                    <a:pt x="1438" y="295"/>
                    <a:pt x="1460" y="318"/>
                    <a:pt x="1460" y="345"/>
                  </a:cubicBezTo>
                  <a:lnTo>
                    <a:pt x="1460" y="82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21" name="Freeform 7"/>
            <p:cNvSpPr>
              <a:spLocks/>
            </p:cNvSpPr>
            <p:nvPr/>
          </p:nvSpPr>
          <p:spPr bwMode="auto">
            <a:xfrm>
              <a:off x="6208713" y="3227388"/>
              <a:ext cx="1833563" cy="173037"/>
            </a:xfrm>
            <a:custGeom>
              <a:avLst/>
              <a:gdLst>
                <a:gd name="T0" fmla="*/ 489 w 489"/>
                <a:gd name="T1" fmla="*/ 23 h 46"/>
                <a:gd name="T2" fmla="*/ 467 w 489"/>
                <a:gd name="T3" fmla="*/ 46 h 46"/>
                <a:gd name="T4" fmla="*/ 23 w 489"/>
                <a:gd name="T5" fmla="*/ 46 h 46"/>
                <a:gd name="T6" fmla="*/ 0 w 489"/>
                <a:gd name="T7" fmla="*/ 23 h 46"/>
                <a:gd name="T8" fmla="*/ 23 w 489"/>
                <a:gd name="T9" fmla="*/ 0 h 46"/>
                <a:gd name="T10" fmla="*/ 467 w 489"/>
                <a:gd name="T11" fmla="*/ 0 h 46"/>
                <a:gd name="T12" fmla="*/ 489 w 489"/>
                <a:gd name="T13" fmla="*/ 23 h 46"/>
              </a:gdLst>
              <a:ahLst/>
              <a:cxnLst>
                <a:cxn ang="0">
                  <a:pos x="T0" y="T1"/>
                </a:cxn>
                <a:cxn ang="0">
                  <a:pos x="T2" y="T3"/>
                </a:cxn>
                <a:cxn ang="0">
                  <a:pos x="T4" y="T5"/>
                </a:cxn>
                <a:cxn ang="0">
                  <a:pos x="T6" y="T7"/>
                </a:cxn>
                <a:cxn ang="0">
                  <a:pos x="T8" y="T9"/>
                </a:cxn>
                <a:cxn ang="0">
                  <a:pos x="T10" y="T11"/>
                </a:cxn>
                <a:cxn ang="0">
                  <a:pos x="T12" y="T13"/>
                </a:cxn>
              </a:cxnLst>
              <a:rect l="0" t="0" r="r" b="b"/>
              <a:pathLst>
                <a:path w="489" h="46">
                  <a:moveTo>
                    <a:pt x="489" y="23"/>
                  </a:moveTo>
                  <a:cubicBezTo>
                    <a:pt x="489" y="35"/>
                    <a:pt x="479" y="46"/>
                    <a:pt x="467" y="46"/>
                  </a:cubicBezTo>
                  <a:cubicBezTo>
                    <a:pt x="23" y="46"/>
                    <a:pt x="23" y="46"/>
                    <a:pt x="23" y="46"/>
                  </a:cubicBezTo>
                  <a:cubicBezTo>
                    <a:pt x="10" y="46"/>
                    <a:pt x="0" y="35"/>
                    <a:pt x="0" y="23"/>
                  </a:cubicBezTo>
                  <a:cubicBezTo>
                    <a:pt x="0" y="10"/>
                    <a:pt x="10" y="0"/>
                    <a:pt x="23" y="0"/>
                  </a:cubicBezTo>
                  <a:cubicBezTo>
                    <a:pt x="467" y="0"/>
                    <a:pt x="467" y="0"/>
                    <a:pt x="467" y="0"/>
                  </a:cubicBezTo>
                  <a:cubicBezTo>
                    <a:pt x="479" y="0"/>
                    <a:pt x="489" y="10"/>
                    <a:pt x="489"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22" name="Freeform 8"/>
            <p:cNvSpPr>
              <a:spLocks/>
            </p:cNvSpPr>
            <p:nvPr/>
          </p:nvSpPr>
          <p:spPr bwMode="auto">
            <a:xfrm>
              <a:off x="6208713" y="3786188"/>
              <a:ext cx="1833563" cy="168275"/>
            </a:xfrm>
            <a:custGeom>
              <a:avLst/>
              <a:gdLst>
                <a:gd name="T0" fmla="*/ 489 w 489"/>
                <a:gd name="T1" fmla="*/ 22 h 45"/>
                <a:gd name="T2" fmla="*/ 467 w 489"/>
                <a:gd name="T3" fmla="*/ 45 h 45"/>
                <a:gd name="T4" fmla="*/ 23 w 489"/>
                <a:gd name="T5" fmla="*/ 45 h 45"/>
                <a:gd name="T6" fmla="*/ 0 w 489"/>
                <a:gd name="T7" fmla="*/ 22 h 45"/>
                <a:gd name="T8" fmla="*/ 23 w 489"/>
                <a:gd name="T9" fmla="*/ 0 h 45"/>
                <a:gd name="T10" fmla="*/ 467 w 489"/>
                <a:gd name="T11" fmla="*/ 0 h 45"/>
                <a:gd name="T12" fmla="*/ 489 w 489"/>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89" h="45">
                  <a:moveTo>
                    <a:pt x="489" y="22"/>
                  </a:moveTo>
                  <a:cubicBezTo>
                    <a:pt x="489" y="35"/>
                    <a:pt x="479" y="45"/>
                    <a:pt x="467" y="45"/>
                  </a:cubicBezTo>
                  <a:cubicBezTo>
                    <a:pt x="23" y="45"/>
                    <a:pt x="23" y="45"/>
                    <a:pt x="23" y="45"/>
                  </a:cubicBezTo>
                  <a:cubicBezTo>
                    <a:pt x="10" y="45"/>
                    <a:pt x="0" y="35"/>
                    <a:pt x="0" y="22"/>
                  </a:cubicBezTo>
                  <a:cubicBezTo>
                    <a:pt x="0" y="10"/>
                    <a:pt x="10" y="0"/>
                    <a:pt x="23" y="0"/>
                  </a:cubicBezTo>
                  <a:cubicBezTo>
                    <a:pt x="467" y="0"/>
                    <a:pt x="467" y="0"/>
                    <a:pt x="467" y="0"/>
                  </a:cubicBezTo>
                  <a:cubicBezTo>
                    <a:pt x="479" y="0"/>
                    <a:pt x="489" y="10"/>
                    <a:pt x="489"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23" name="Freeform 9"/>
            <p:cNvSpPr>
              <a:spLocks/>
            </p:cNvSpPr>
            <p:nvPr/>
          </p:nvSpPr>
          <p:spPr bwMode="auto">
            <a:xfrm>
              <a:off x="3924301" y="1936750"/>
              <a:ext cx="1593850" cy="169862"/>
            </a:xfrm>
            <a:custGeom>
              <a:avLst/>
              <a:gdLst>
                <a:gd name="T0" fmla="*/ 425 w 425"/>
                <a:gd name="T1" fmla="*/ 22 h 45"/>
                <a:gd name="T2" fmla="*/ 403 w 425"/>
                <a:gd name="T3" fmla="*/ 45 h 45"/>
                <a:gd name="T4" fmla="*/ 23 w 425"/>
                <a:gd name="T5" fmla="*/ 45 h 45"/>
                <a:gd name="T6" fmla="*/ 0 w 425"/>
                <a:gd name="T7" fmla="*/ 22 h 45"/>
                <a:gd name="T8" fmla="*/ 23 w 425"/>
                <a:gd name="T9" fmla="*/ 0 h 45"/>
                <a:gd name="T10" fmla="*/ 403 w 425"/>
                <a:gd name="T11" fmla="*/ 0 h 45"/>
                <a:gd name="T12" fmla="*/ 425 w 425"/>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25" h="45">
                  <a:moveTo>
                    <a:pt x="425" y="22"/>
                  </a:moveTo>
                  <a:cubicBezTo>
                    <a:pt x="425" y="35"/>
                    <a:pt x="415" y="45"/>
                    <a:pt x="403" y="45"/>
                  </a:cubicBezTo>
                  <a:cubicBezTo>
                    <a:pt x="23" y="45"/>
                    <a:pt x="23" y="45"/>
                    <a:pt x="23" y="45"/>
                  </a:cubicBezTo>
                  <a:cubicBezTo>
                    <a:pt x="11" y="45"/>
                    <a:pt x="0" y="35"/>
                    <a:pt x="0" y="22"/>
                  </a:cubicBezTo>
                  <a:cubicBezTo>
                    <a:pt x="0" y="10"/>
                    <a:pt x="11" y="0"/>
                    <a:pt x="23" y="0"/>
                  </a:cubicBezTo>
                  <a:cubicBezTo>
                    <a:pt x="403" y="0"/>
                    <a:pt x="403" y="0"/>
                    <a:pt x="403" y="0"/>
                  </a:cubicBezTo>
                  <a:cubicBezTo>
                    <a:pt x="415" y="0"/>
                    <a:pt x="425" y="10"/>
                    <a:pt x="425"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24" name="Freeform 10"/>
            <p:cNvSpPr>
              <a:spLocks/>
            </p:cNvSpPr>
            <p:nvPr/>
          </p:nvSpPr>
          <p:spPr bwMode="auto">
            <a:xfrm>
              <a:off x="3924301" y="2371725"/>
              <a:ext cx="1136650" cy="169862"/>
            </a:xfrm>
            <a:custGeom>
              <a:avLst/>
              <a:gdLst>
                <a:gd name="T0" fmla="*/ 303 w 303"/>
                <a:gd name="T1" fmla="*/ 23 h 45"/>
                <a:gd name="T2" fmla="*/ 281 w 303"/>
                <a:gd name="T3" fmla="*/ 45 h 45"/>
                <a:gd name="T4" fmla="*/ 23 w 303"/>
                <a:gd name="T5" fmla="*/ 45 h 45"/>
                <a:gd name="T6" fmla="*/ 0 w 303"/>
                <a:gd name="T7" fmla="*/ 23 h 45"/>
                <a:gd name="T8" fmla="*/ 23 w 303"/>
                <a:gd name="T9" fmla="*/ 0 h 45"/>
                <a:gd name="T10" fmla="*/ 281 w 303"/>
                <a:gd name="T11" fmla="*/ 0 h 45"/>
                <a:gd name="T12" fmla="*/ 303 w 303"/>
                <a:gd name="T13" fmla="*/ 23 h 45"/>
              </a:gdLst>
              <a:ahLst/>
              <a:cxnLst>
                <a:cxn ang="0">
                  <a:pos x="T0" y="T1"/>
                </a:cxn>
                <a:cxn ang="0">
                  <a:pos x="T2" y="T3"/>
                </a:cxn>
                <a:cxn ang="0">
                  <a:pos x="T4" y="T5"/>
                </a:cxn>
                <a:cxn ang="0">
                  <a:pos x="T6" y="T7"/>
                </a:cxn>
                <a:cxn ang="0">
                  <a:pos x="T8" y="T9"/>
                </a:cxn>
                <a:cxn ang="0">
                  <a:pos x="T10" y="T11"/>
                </a:cxn>
                <a:cxn ang="0">
                  <a:pos x="T12" y="T13"/>
                </a:cxn>
              </a:cxnLst>
              <a:rect l="0" t="0" r="r" b="b"/>
              <a:pathLst>
                <a:path w="303" h="45">
                  <a:moveTo>
                    <a:pt x="303" y="23"/>
                  </a:moveTo>
                  <a:cubicBezTo>
                    <a:pt x="303" y="35"/>
                    <a:pt x="293" y="45"/>
                    <a:pt x="281" y="45"/>
                  </a:cubicBezTo>
                  <a:cubicBezTo>
                    <a:pt x="23" y="45"/>
                    <a:pt x="23" y="45"/>
                    <a:pt x="23" y="45"/>
                  </a:cubicBezTo>
                  <a:cubicBezTo>
                    <a:pt x="11" y="45"/>
                    <a:pt x="0" y="35"/>
                    <a:pt x="0" y="23"/>
                  </a:cubicBezTo>
                  <a:cubicBezTo>
                    <a:pt x="0" y="10"/>
                    <a:pt x="11" y="0"/>
                    <a:pt x="23" y="0"/>
                  </a:cubicBezTo>
                  <a:cubicBezTo>
                    <a:pt x="281" y="0"/>
                    <a:pt x="281" y="0"/>
                    <a:pt x="281" y="0"/>
                  </a:cubicBezTo>
                  <a:cubicBezTo>
                    <a:pt x="293" y="0"/>
                    <a:pt x="303" y="10"/>
                    <a:pt x="303"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
        <p:nvSpPr>
          <p:cNvPr id="25" name="Freeform 6"/>
          <p:cNvSpPr>
            <a:spLocks/>
          </p:cNvSpPr>
          <p:nvPr userDrawn="1"/>
        </p:nvSpPr>
        <p:spPr bwMode="auto">
          <a:xfrm>
            <a:off x="3211785" y="296368"/>
            <a:ext cx="8975455"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26" name="Freeform 11"/>
          <p:cNvSpPr>
            <a:spLocks/>
          </p:cNvSpPr>
          <p:nvPr userDrawn="1"/>
        </p:nvSpPr>
        <p:spPr bwMode="auto">
          <a:xfrm>
            <a:off x="3106455"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Tree>
    <p:extLst>
      <p:ext uri="{BB962C8B-B14F-4D97-AF65-F5344CB8AC3E}">
        <p14:creationId xmlns:p14="http://schemas.microsoft.com/office/powerpoint/2010/main" val="49905366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目标">
    <p:spTree>
      <p:nvGrpSpPr>
        <p:cNvPr id="1" name=""/>
        <p:cNvGrpSpPr/>
        <p:nvPr/>
      </p:nvGrpSpPr>
      <p:grpSpPr>
        <a:xfrm>
          <a:off x="0" y="0"/>
          <a:ext cx="0" cy="0"/>
          <a:chOff x="0" y="0"/>
          <a:chExt cx="0" cy="0"/>
        </a:xfrm>
      </p:grpSpPr>
      <p:sp>
        <p:nvSpPr>
          <p:cNvPr id="4" name="TextBox 10">
            <a:extLst>
              <a:ext uri="{FF2B5EF4-FFF2-40B4-BE49-F238E27FC236}">
                <a16:creationId xmlns:a16="http://schemas.microsoft.com/office/drawing/2014/main" xmlns="" id="{18ED692C-39CB-4AC0-81F6-D21CDD086EE4}"/>
              </a:ext>
            </a:extLst>
          </p:cNvPr>
          <p:cNvSpPr txBox="1"/>
          <p:nvPr userDrawn="1"/>
        </p:nvSpPr>
        <p:spPr bwMode="auto">
          <a:xfrm>
            <a:off x="1594877" y="408780"/>
            <a:ext cx="1664752" cy="639559"/>
          </a:xfrm>
          <a:prstGeom prst="rect">
            <a:avLst/>
          </a:prstGeom>
          <a:noFill/>
          <a:ln w="9525">
            <a:noFill/>
            <a:miter lim="800000"/>
            <a:headEnd/>
            <a:tailEnd/>
          </a:ln>
        </p:spPr>
        <p:txBody>
          <a:bodyPr wrap="square" lIns="99941" tIns="49967" rIns="99941" bIns="49967" rtlCol="0">
            <a:spAutoFit/>
          </a:bodyPr>
          <a:lstStyle/>
          <a:p>
            <a:pPr defTabSz="1001223" eaLnBrk="0" fontAlgn="auto" hangingPunct="0"/>
            <a:r>
              <a:rPr lang="zh-CN" altLang="en-US" sz="3499" b="1" dirty="0">
                <a:solidFill>
                  <a:schemeClr val="tx1"/>
                </a:solidFill>
                <a:latin typeface="+mn-lt"/>
                <a:ea typeface="+mn-ea"/>
                <a:cs typeface="Arial" pitchFamily="34" charset="0"/>
              </a:rPr>
              <a:t>目标</a:t>
            </a:r>
            <a:endParaRPr lang="en-US" altLang="zh-CN" sz="3499" b="1" dirty="0">
              <a:solidFill>
                <a:schemeClr val="tx1"/>
              </a:solidFill>
              <a:latin typeface="+mn-lt"/>
              <a:ea typeface="+mn-ea"/>
              <a:cs typeface="Arial" pitchFamily="34" charset="0"/>
            </a:endParaRPr>
          </a:p>
        </p:txBody>
      </p:sp>
      <p:sp>
        <p:nvSpPr>
          <p:cNvPr id="5"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6"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7" name="组合 6"/>
          <p:cNvGrpSpPr/>
          <p:nvPr userDrawn="1"/>
        </p:nvGrpSpPr>
        <p:grpSpPr>
          <a:xfrm>
            <a:off x="443199" y="440668"/>
            <a:ext cx="533761" cy="533470"/>
            <a:chOff x="2960687" y="4865687"/>
            <a:chExt cx="1698626" cy="1697038"/>
          </a:xfrm>
          <a:solidFill>
            <a:schemeClr val="bg1"/>
          </a:solidFill>
        </p:grpSpPr>
        <p:sp>
          <p:nvSpPr>
            <p:cNvPr id="8" name="Freeform 6"/>
            <p:cNvSpPr>
              <a:spLocks/>
            </p:cNvSpPr>
            <p:nvPr/>
          </p:nvSpPr>
          <p:spPr bwMode="auto">
            <a:xfrm>
              <a:off x="2960687" y="5251450"/>
              <a:ext cx="1311275" cy="1311275"/>
            </a:xfrm>
            <a:custGeom>
              <a:avLst/>
              <a:gdLst>
                <a:gd name="T0" fmla="*/ 1114 w 1293"/>
                <a:gd name="T1" fmla="*/ 294 h 1293"/>
                <a:gd name="T2" fmla="*/ 1233 w 1293"/>
                <a:gd name="T3" fmla="*/ 647 h 1293"/>
                <a:gd name="T4" fmla="*/ 647 w 1293"/>
                <a:gd name="T5" fmla="*/ 1233 h 1293"/>
                <a:gd name="T6" fmla="*/ 60 w 1293"/>
                <a:gd name="T7" fmla="*/ 647 h 1293"/>
                <a:gd name="T8" fmla="*/ 647 w 1293"/>
                <a:gd name="T9" fmla="*/ 60 h 1293"/>
                <a:gd name="T10" fmla="*/ 1001 w 1293"/>
                <a:gd name="T11" fmla="*/ 180 h 1293"/>
                <a:gd name="T12" fmla="*/ 1044 w 1293"/>
                <a:gd name="T13" fmla="*/ 137 h 1293"/>
                <a:gd name="T14" fmla="*/ 647 w 1293"/>
                <a:gd name="T15" fmla="*/ 0 h 1293"/>
                <a:gd name="T16" fmla="*/ 0 w 1293"/>
                <a:gd name="T17" fmla="*/ 647 h 1293"/>
                <a:gd name="T18" fmla="*/ 647 w 1293"/>
                <a:gd name="T19" fmla="*/ 1293 h 1293"/>
                <a:gd name="T20" fmla="*/ 1293 w 1293"/>
                <a:gd name="T21" fmla="*/ 647 h 1293"/>
                <a:gd name="T22" fmla="*/ 1157 w 1293"/>
                <a:gd name="T23" fmla="*/ 251 h 1293"/>
                <a:gd name="T24" fmla="*/ 1114 w 1293"/>
                <a:gd name="T25" fmla="*/ 294 h 1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93" h="1293">
                  <a:moveTo>
                    <a:pt x="1114" y="294"/>
                  </a:moveTo>
                  <a:cubicBezTo>
                    <a:pt x="1189" y="392"/>
                    <a:pt x="1233" y="514"/>
                    <a:pt x="1233" y="647"/>
                  </a:cubicBezTo>
                  <a:cubicBezTo>
                    <a:pt x="1233" y="970"/>
                    <a:pt x="970" y="1233"/>
                    <a:pt x="647" y="1233"/>
                  </a:cubicBezTo>
                  <a:cubicBezTo>
                    <a:pt x="323" y="1233"/>
                    <a:pt x="60" y="970"/>
                    <a:pt x="60" y="647"/>
                  </a:cubicBezTo>
                  <a:cubicBezTo>
                    <a:pt x="60" y="323"/>
                    <a:pt x="323" y="60"/>
                    <a:pt x="647" y="60"/>
                  </a:cubicBezTo>
                  <a:cubicBezTo>
                    <a:pt x="780" y="60"/>
                    <a:pt x="903" y="105"/>
                    <a:pt x="1001" y="180"/>
                  </a:cubicBezTo>
                  <a:cubicBezTo>
                    <a:pt x="1044" y="137"/>
                    <a:pt x="1044" y="137"/>
                    <a:pt x="1044" y="137"/>
                  </a:cubicBezTo>
                  <a:cubicBezTo>
                    <a:pt x="934" y="52"/>
                    <a:pt x="796" y="0"/>
                    <a:pt x="647" y="0"/>
                  </a:cubicBezTo>
                  <a:cubicBezTo>
                    <a:pt x="290" y="0"/>
                    <a:pt x="0" y="290"/>
                    <a:pt x="0" y="647"/>
                  </a:cubicBezTo>
                  <a:cubicBezTo>
                    <a:pt x="0" y="1003"/>
                    <a:pt x="290" y="1293"/>
                    <a:pt x="647" y="1293"/>
                  </a:cubicBezTo>
                  <a:cubicBezTo>
                    <a:pt x="1003" y="1293"/>
                    <a:pt x="1293" y="1003"/>
                    <a:pt x="1293" y="647"/>
                  </a:cubicBezTo>
                  <a:cubicBezTo>
                    <a:pt x="1293" y="498"/>
                    <a:pt x="1242" y="360"/>
                    <a:pt x="1157" y="251"/>
                  </a:cubicBezTo>
                  <a:lnTo>
                    <a:pt x="1114" y="29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9" name="Freeform 7"/>
            <p:cNvSpPr>
              <a:spLocks/>
            </p:cNvSpPr>
            <p:nvPr/>
          </p:nvSpPr>
          <p:spPr bwMode="auto">
            <a:xfrm>
              <a:off x="3168650" y="5459413"/>
              <a:ext cx="895350" cy="895350"/>
            </a:xfrm>
            <a:custGeom>
              <a:avLst/>
              <a:gdLst>
                <a:gd name="T0" fmla="*/ 762 w 883"/>
                <a:gd name="T1" fmla="*/ 235 h 883"/>
                <a:gd name="T2" fmla="*/ 823 w 883"/>
                <a:gd name="T3" fmla="*/ 442 h 883"/>
                <a:gd name="T4" fmla="*/ 442 w 883"/>
                <a:gd name="T5" fmla="*/ 823 h 883"/>
                <a:gd name="T6" fmla="*/ 60 w 883"/>
                <a:gd name="T7" fmla="*/ 442 h 883"/>
                <a:gd name="T8" fmla="*/ 442 w 883"/>
                <a:gd name="T9" fmla="*/ 60 h 883"/>
                <a:gd name="T10" fmla="*/ 649 w 883"/>
                <a:gd name="T11" fmla="*/ 122 h 883"/>
                <a:gd name="T12" fmla="*/ 692 w 883"/>
                <a:gd name="T13" fmla="*/ 78 h 883"/>
                <a:gd name="T14" fmla="*/ 442 w 883"/>
                <a:gd name="T15" fmla="*/ 0 h 883"/>
                <a:gd name="T16" fmla="*/ 0 w 883"/>
                <a:gd name="T17" fmla="*/ 442 h 883"/>
                <a:gd name="T18" fmla="*/ 442 w 883"/>
                <a:gd name="T19" fmla="*/ 883 h 883"/>
                <a:gd name="T20" fmla="*/ 883 w 883"/>
                <a:gd name="T21" fmla="*/ 442 h 883"/>
                <a:gd name="T22" fmla="*/ 806 w 883"/>
                <a:gd name="T23" fmla="*/ 192 h 883"/>
                <a:gd name="T24" fmla="*/ 762 w 883"/>
                <a:gd name="T25" fmla="*/ 235 h 8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83" h="883">
                  <a:moveTo>
                    <a:pt x="762" y="235"/>
                  </a:moveTo>
                  <a:cubicBezTo>
                    <a:pt x="801" y="295"/>
                    <a:pt x="823" y="366"/>
                    <a:pt x="823" y="442"/>
                  </a:cubicBezTo>
                  <a:cubicBezTo>
                    <a:pt x="823" y="652"/>
                    <a:pt x="652" y="823"/>
                    <a:pt x="442" y="823"/>
                  </a:cubicBezTo>
                  <a:cubicBezTo>
                    <a:pt x="231" y="823"/>
                    <a:pt x="60" y="652"/>
                    <a:pt x="60" y="442"/>
                  </a:cubicBezTo>
                  <a:cubicBezTo>
                    <a:pt x="60" y="231"/>
                    <a:pt x="231" y="60"/>
                    <a:pt x="442" y="60"/>
                  </a:cubicBezTo>
                  <a:cubicBezTo>
                    <a:pt x="518" y="60"/>
                    <a:pt x="589" y="83"/>
                    <a:pt x="649" y="122"/>
                  </a:cubicBezTo>
                  <a:cubicBezTo>
                    <a:pt x="692" y="78"/>
                    <a:pt x="692" y="78"/>
                    <a:pt x="692" y="78"/>
                  </a:cubicBezTo>
                  <a:cubicBezTo>
                    <a:pt x="621" y="29"/>
                    <a:pt x="535" y="0"/>
                    <a:pt x="442" y="0"/>
                  </a:cubicBezTo>
                  <a:cubicBezTo>
                    <a:pt x="198" y="0"/>
                    <a:pt x="0" y="198"/>
                    <a:pt x="0" y="442"/>
                  </a:cubicBezTo>
                  <a:cubicBezTo>
                    <a:pt x="0" y="685"/>
                    <a:pt x="198" y="883"/>
                    <a:pt x="442" y="883"/>
                  </a:cubicBezTo>
                  <a:cubicBezTo>
                    <a:pt x="685" y="883"/>
                    <a:pt x="883" y="685"/>
                    <a:pt x="883" y="442"/>
                  </a:cubicBezTo>
                  <a:cubicBezTo>
                    <a:pt x="883" y="349"/>
                    <a:pt x="855" y="263"/>
                    <a:pt x="806" y="192"/>
                  </a:cubicBezTo>
                  <a:lnTo>
                    <a:pt x="762" y="2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0" name="Freeform 8"/>
            <p:cNvSpPr>
              <a:spLocks/>
            </p:cNvSpPr>
            <p:nvPr/>
          </p:nvSpPr>
          <p:spPr bwMode="auto">
            <a:xfrm>
              <a:off x="3384550" y="5675313"/>
              <a:ext cx="463550" cy="463550"/>
            </a:xfrm>
            <a:custGeom>
              <a:avLst/>
              <a:gdLst>
                <a:gd name="T0" fmla="*/ 390 w 457"/>
                <a:gd name="T1" fmla="*/ 181 h 457"/>
                <a:gd name="T2" fmla="*/ 397 w 457"/>
                <a:gd name="T3" fmla="*/ 229 h 457"/>
                <a:gd name="T4" fmla="*/ 229 w 457"/>
                <a:gd name="T5" fmla="*/ 397 h 457"/>
                <a:gd name="T6" fmla="*/ 60 w 457"/>
                <a:gd name="T7" fmla="*/ 229 h 457"/>
                <a:gd name="T8" fmla="*/ 229 w 457"/>
                <a:gd name="T9" fmla="*/ 60 h 457"/>
                <a:gd name="T10" fmla="*/ 277 w 457"/>
                <a:gd name="T11" fmla="*/ 67 h 457"/>
                <a:gd name="T12" fmla="*/ 324 w 457"/>
                <a:gd name="T13" fmla="*/ 21 h 457"/>
                <a:gd name="T14" fmla="*/ 229 w 457"/>
                <a:gd name="T15" fmla="*/ 0 h 457"/>
                <a:gd name="T16" fmla="*/ 0 w 457"/>
                <a:gd name="T17" fmla="*/ 229 h 457"/>
                <a:gd name="T18" fmla="*/ 229 w 457"/>
                <a:gd name="T19" fmla="*/ 457 h 457"/>
                <a:gd name="T20" fmla="*/ 457 w 457"/>
                <a:gd name="T21" fmla="*/ 229 h 457"/>
                <a:gd name="T22" fmla="*/ 437 w 457"/>
                <a:gd name="T23" fmla="*/ 134 h 457"/>
                <a:gd name="T24" fmla="*/ 390 w 457"/>
                <a:gd name="T25" fmla="*/ 181 h 4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7" h="457">
                  <a:moveTo>
                    <a:pt x="390" y="181"/>
                  </a:moveTo>
                  <a:cubicBezTo>
                    <a:pt x="395" y="196"/>
                    <a:pt x="397" y="212"/>
                    <a:pt x="397" y="229"/>
                  </a:cubicBezTo>
                  <a:cubicBezTo>
                    <a:pt x="397" y="322"/>
                    <a:pt x="322" y="397"/>
                    <a:pt x="229" y="397"/>
                  </a:cubicBezTo>
                  <a:cubicBezTo>
                    <a:pt x="136" y="397"/>
                    <a:pt x="60" y="322"/>
                    <a:pt x="60" y="229"/>
                  </a:cubicBezTo>
                  <a:cubicBezTo>
                    <a:pt x="60" y="136"/>
                    <a:pt x="136" y="60"/>
                    <a:pt x="229" y="60"/>
                  </a:cubicBezTo>
                  <a:cubicBezTo>
                    <a:pt x="245" y="60"/>
                    <a:pt x="262" y="63"/>
                    <a:pt x="277" y="67"/>
                  </a:cubicBezTo>
                  <a:cubicBezTo>
                    <a:pt x="324" y="21"/>
                    <a:pt x="324" y="21"/>
                    <a:pt x="324" y="21"/>
                  </a:cubicBezTo>
                  <a:cubicBezTo>
                    <a:pt x="295" y="8"/>
                    <a:pt x="263" y="0"/>
                    <a:pt x="229" y="0"/>
                  </a:cubicBezTo>
                  <a:cubicBezTo>
                    <a:pt x="103" y="0"/>
                    <a:pt x="0" y="103"/>
                    <a:pt x="0" y="229"/>
                  </a:cubicBezTo>
                  <a:cubicBezTo>
                    <a:pt x="0" y="355"/>
                    <a:pt x="103" y="457"/>
                    <a:pt x="229" y="457"/>
                  </a:cubicBezTo>
                  <a:cubicBezTo>
                    <a:pt x="355" y="457"/>
                    <a:pt x="457" y="355"/>
                    <a:pt x="457" y="229"/>
                  </a:cubicBezTo>
                  <a:cubicBezTo>
                    <a:pt x="457" y="195"/>
                    <a:pt x="450" y="163"/>
                    <a:pt x="437" y="134"/>
                  </a:cubicBezTo>
                  <a:lnTo>
                    <a:pt x="390" y="18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1" name="Freeform 9"/>
            <p:cNvSpPr>
              <a:spLocks/>
            </p:cNvSpPr>
            <p:nvPr/>
          </p:nvSpPr>
          <p:spPr bwMode="auto">
            <a:xfrm>
              <a:off x="3582988" y="5092700"/>
              <a:ext cx="850900" cy="844550"/>
            </a:xfrm>
            <a:custGeom>
              <a:avLst/>
              <a:gdLst>
                <a:gd name="T0" fmla="*/ 33 w 839"/>
                <a:gd name="T1" fmla="*/ 834 h 834"/>
                <a:gd name="T2" fmla="*/ 11 w 839"/>
                <a:gd name="T3" fmla="*/ 825 h 834"/>
                <a:gd name="T4" fmla="*/ 11 w 839"/>
                <a:gd name="T5" fmla="*/ 782 h 834"/>
                <a:gd name="T6" fmla="*/ 785 w 839"/>
                <a:gd name="T7" fmla="*/ 12 h 834"/>
                <a:gd name="T8" fmla="*/ 827 w 839"/>
                <a:gd name="T9" fmla="*/ 12 h 834"/>
                <a:gd name="T10" fmla="*/ 827 w 839"/>
                <a:gd name="T11" fmla="*/ 54 h 834"/>
                <a:gd name="T12" fmla="*/ 54 w 839"/>
                <a:gd name="T13" fmla="*/ 825 h 834"/>
                <a:gd name="T14" fmla="*/ 33 w 839"/>
                <a:gd name="T15" fmla="*/ 834 h 83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39" h="834">
                  <a:moveTo>
                    <a:pt x="33" y="834"/>
                  </a:moveTo>
                  <a:cubicBezTo>
                    <a:pt x="25" y="834"/>
                    <a:pt x="17" y="831"/>
                    <a:pt x="11" y="825"/>
                  </a:cubicBezTo>
                  <a:cubicBezTo>
                    <a:pt x="0" y="813"/>
                    <a:pt x="0" y="794"/>
                    <a:pt x="11" y="782"/>
                  </a:cubicBezTo>
                  <a:cubicBezTo>
                    <a:pt x="785" y="12"/>
                    <a:pt x="785" y="12"/>
                    <a:pt x="785" y="12"/>
                  </a:cubicBezTo>
                  <a:cubicBezTo>
                    <a:pt x="796" y="0"/>
                    <a:pt x="815" y="0"/>
                    <a:pt x="827" y="12"/>
                  </a:cubicBezTo>
                  <a:cubicBezTo>
                    <a:pt x="839" y="24"/>
                    <a:pt x="839" y="43"/>
                    <a:pt x="827" y="54"/>
                  </a:cubicBezTo>
                  <a:cubicBezTo>
                    <a:pt x="54" y="825"/>
                    <a:pt x="54" y="825"/>
                    <a:pt x="54" y="825"/>
                  </a:cubicBezTo>
                  <a:cubicBezTo>
                    <a:pt x="48" y="831"/>
                    <a:pt x="40" y="834"/>
                    <a:pt x="33" y="83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2" name="Freeform 10"/>
            <p:cNvSpPr>
              <a:spLocks noEditPoints="1"/>
            </p:cNvSpPr>
            <p:nvPr/>
          </p:nvSpPr>
          <p:spPr bwMode="auto">
            <a:xfrm>
              <a:off x="4140200" y="4865687"/>
              <a:ext cx="301625" cy="500063"/>
            </a:xfrm>
            <a:custGeom>
              <a:avLst/>
              <a:gdLst>
                <a:gd name="T0" fmla="*/ 50 w 298"/>
                <a:gd name="T1" fmla="*/ 492 h 492"/>
                <a:gd name="T2" fmla="*/ 40 w 298"/>
                <a:gd name="T3" fmla="*/ 490 h 492"/>
                <a:gd name="T4" fmla="*/ 20 w 298"/>
                <a:gd name="T5" fmla="*/ 464 h 492"/>
                <a:gd name="T6" fmla="*/ 1 w 298"/>
                <a:gd name="T7" fmla="*/ 252 h 492"/>
                <a:gd name="T8" fmla="*/ 10 w 298"/>
                <a:gd name="T9" fmla="*/ 228 h 492"/>
                <a:gd name="T10" fmla="*/ 227 w 298"/>
                <a:gd name="T11" fmla="*/ 11 h 492"/>
                <a:gd name="T12" fmla="*/ 259 w 298"/>
                <a:gd name="T13" fmla="*/ 4 h 492"/>
                <a:gd name="T14" fmla="*/ 278 w 298"/>
                <a:gd name="T15" fmla="*/ 29 h 492"/>
                <a:gd name="T16" fmla="*/ 297 w 298"/>
                <a:gd name="T17" fmla="*/ 242 h 492"/>
                <a:gd name="T18" fmla="*/ 289 w 298"/>
                <a:gd name="T19" fmla="*/ 266 h 492"/>
                <a:gd name="T20" fmla="*/ 71 w 298"/>
                <a:gd name="T21" fmla="*/ 483 h 492"/>
                <a:gd name="T22" fmla="*/ 50 w 298"/>
                <a:gd name="T23" fmla="*/ 492 h 492"/>
                <a:gd name="T24" fmla="*/ 62 w 298"/>
                <a:gd name="T25" fmla="*/ 260 h 492"/>
                <a:gd name="T26" fmla="*/ 74 w 298"/>
                <a:gd name="T27" fmla="*/ 395 h 492"/>
                <a:gd name="T28" fmla="*/ 236 w 298"/>
                <a:gd name="T29" fmla="*/ 233 h 492"/>
                <a:gd name="T30" fmla="*/ 224 w 298"/>
                <a:gd name="T31" fmla="*/ 99 h 492"/>
                <a:gd name="T32" fmla="*/ 62 w 298"/>
                <a:gd name="T33" fmla="*/ 260 h 4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8" h="492">
                  <a:moveTo>
                    <a:pt x="50" y="492"/>
                  </a:moveTo>
                  <a:cubicBezTo>
                    <a:pt x="46" y="492"/>
                    <a:pt x="43" y="491"/>
                    <a:pt x="40" y="490"/>
                  </a:cubicBezTo>
                  <a:cubicBezTo>
                    <a:pt x="29" y="486"/>
                    <a:pt x="21" y="476"/>
                    <a:pt x="20" y="464"/>
                  </a:cubicBezTo>
                  <a:cubicBezTo>
                    <a:pt x="1" y="252"/>
                    <a:pt x="1" y="252"/>
                    <a:pt x="1" y="252"/>
                  </a:cubicBezTo>
                  <a:cubicBezTo>
                    <a:pt x="0" y="243"/>
                    <a:pt x="3" y="234"/>
                    <a:pt x="10" y="228"/>
                  </a:cubicBezTo>
                  <a:cubicBezTo>
                    <a:pt x="227" y="11"/>
                    <a:pt x="227" y="11"/>
                    <a:pt x="227" y="11"/>
                  </a:cubicBezTo>
                  <a:cubicBezTo>
                    <a:pt x="235" y="2"/>
                    <a:pt x="248" y="0"/>
                    <a:pt x="259" y="4"/>
                  </a:cubicBezTo>
                  <a:cubicBezTo>
                    <a:pt x="270" y="7"/>
                    <a:pt x="277" y="17"/>
                    <a:pt x="278" y="29"/>
                  </a:cubicBezTo>
                  <a:cubicBezTo>
                    <a:pt x="297" y="242"/>
                    <a:pt x="297" y="242"/>
                    <a:pt x="297" y="242"/>
                  </a:cubicBezTo>
                  <a:cubicBezTo>
                    <a:pt x="298" y="251"/>
                    <a:pt x="295" y="259"/>
                    <a:pt x="289" y="266"/>
                  </a:cubicBezTo>
                  <a:cubicBezTo>
                    <a:pt x="71" y="483"/>
                    <a:pt x="71" y="483"/>
                    <a:pt x="71" y="483"/>
                  </a:cubicBezTo>
                  <a:cubicBezTo>
                    <a:pt x="65" y="489"/>
                    <a:pt x="58" y="492"/>
                    <a:pt x="50" y="492"/>
                  </a:cubicBezTo>
                  <a:close/>
                  <a:moveTo>
                    <a:pt x="62" y="260"/>
                  </a:moveTo>
                  <a:cubicBezTo>
                    <a:pt x="74" y="395"/>
                    <a:pt x="74" y="395"/>
                    <a:pt x="74" y="395"/>
                  </a:cubicBezTo>
                  <a:cubicBezTo>
                    <a:pt x="236" y="233"/>
                    <a:pt x="236" y="233"/>
                    <a:pt x="236" y="233"/>
                  </a:cubicBezTo>
                  <a:cubicBezTo>
                    <a:pt x="224" y="99"/>
                    <a:pt x="224" y="99"/>
                    <a:pt x="224" y="99"/>
                  </a:cubicBezTo>
                  <a:lnTo>
                    <a:pt x="62" y="26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3" name="Freeform 11"/>
            <p:cNvSpPr>
              <a:spLocks noEditPoints="1"/>
            </p:cNvSpPr>
            <p:nvPr/>
          </p:nvSpPr>
          <p:spPr bwMode="auto">
            <a:xfrm>
              <a:off x="4157663" y="5083175"/>
              <a:ext cx="501650" cy="301625"/>
            </a:xfrm>
            <a:custGeom>
              <a:avLst/>
              <a:gdLst>
                <a:gd name="T0" fmla="*/ 245 w 494"/>
                <a:gd name="T1" fmla="*/ 297 h 297"/>
                <a:gd name="T2" fmla="*/ 242 w 494"/>
                <a:gd name="T3" fmla="*/ 296 h 297"/>
                <a:gd name="T4" fmla="*/ 29 w 494"/>
                <a:gd name="T5" fmla="*/ 278 h 297"/>
                <a:gd name="T6" fmla="*/ 4 w 494"/>
                <a:gd name="T7" fmla="*/ 258 h 297"/>
                <a:gd name="T8" fmla="*/ 11 w 494"/>
                <a:gd name="T9" fmla="*/ 226 h 297"/>
                <a:gd name="T10" fmla="*/ 228 w 494"/>
                <a:gd name="T11" fmla="*/ 9 h 297"/>
                <a:gd name="T12" fmla="*/ 252 w 494"/>
                <a:gd name="T13" fmla="*/ 0 h 297"/>
                <a:gd name="T14" fmla="*/ 464 w 494"/>
                <a:gd name="T15" fmla="*/ 19 h 297"/>
                <a:gd name="T16" fmla="*/ 490 w 494"/>
                <a:gd name="T17" fmla="*/ 39 h 297"/>
                <a:gd name="T18" fmla="*/ 483 w 494"/>
                <a:gd name="T19" fmla="*/ 70 h 297"/>
                <a:gd name="T20" fmla="*/ 266 w 494"/>
                <a:gd name="T21" fmla="*/ 288 h 297"/>
                <a:gd name="T22" fmla="*/ 245 w 494"/>
                <a:gd name="T23" fmla="*/ 297 h 297"/>
                <a:gd name="T24" fmla="*/ 99 w 494"/>
                <a:gd name="T25" fmla="*/ 223 h 297"/>
                <a:gd name="T26" fmla="*/ 233 w 494"/>
                <a:gd name="T27" fmla="*/ 235 h 297"/>
                <a:gd name="T28" fmla="*/ 395 w 494"/>
                <a:gd name="T29" fmla="*/ 73 h 297"/>
                <a:gd name="T30" fmla="*/ 261 w 494"/>
                <a:gd name="T31" fmla="*/ 62 h 297"/>
                <a:gd name="T32" fmla="*/ 99 w 494"/>
                <a:gd name="T33" fmla="*/ 223 h 2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94" h="297">
                  <a:moveTo>
                    <a:pt x="245" y="297"/>
                  </a:moveTo>
                  <a:cubicBezTo>
                    <a:pt x="244" y="297"/>
                    <a:pt x="243" y="297"/>
                    <a:pt x="242" y="296"/>
                  </a:cubicBezTo>
                  <a:cubicBezTo>
                    <a:pt x="29" y="278"/>
                    <a:pt x="29" y="278"/>
                    <a:pt x="29" y="278"/>
                  </a:cubicBezTo>
                  <a:cubicBezTo>
                    <a:pt x="18" y="277"/>
                    <a:pt x="8" y="269"/>
                    <a:pt x="4" y="258"/>
                  </a:cubicBezTo>
                  <a:cubicBezTo>
                    <a:pt x="0" y="247"/>
                    <a:pt x="2" y="235"/>
                    <a:pt x="11" y="226"/>
                  </a:cubicBezTo>
                  <a:cubicBezTo>
                    <a:pt x="228" y="9"/>
                    <a:pt x="228" y="9"/>
                    <a:pt x="228" y="9"/>
                  </a:cubicBezTo>
                  <a:cubicBezTo>
                    <a:pt x="234" y="3"/>
                    <a:pt x="243" y="0"/>
                    <a:pt x="252" y="0"/>
                  </a:cubicBezTo>
                  <a:cubicBezTo>
                    <a:pt x="464" y="19"/>
                    <a:pt x="464" y="19"/>
                    <a:pt x="464" y="19"/>
                  </a:cubicBezTo>
                  <a:cubicBezTo>
                    <a:pt x="476" y="20"/>
                    <a:pt x="486" y="28"/>
                    <a:pt x="490" y="39"/>
                  </a:cubicBezTo>
                  <a:cubicBezTo>
                    <a:pt x="494" y="50"/>
                    <a:pt x="491" y="62"/>
                    <a:pt x="483" y="70"/>
                  </a:cubicBezTo>
                  <a:cubicBezTo>
                    <a:pt x="266" y="288"/>
                    <a:pt x="266" y="288"/>
                    <a:pt x="266" y="288"/>
                  </a:cubicBezTo>
                  <a:cubicBezTo>
                    <a:pt x="260" y="293"/>
                    <a:pt x="252" y="297"/>
                    <a:pt x="245" y="297"/>
                  </a:cubicBezTo>
                  <a:close/>
                  <a:moveTo>
                    <a:pt x="99" y="223"/>
                  </a:moveTo>
                  <a:cubicBezTo>
                    <a:pt x="233" y="235"/>
                    <a:pt x="233" y="235"/>
                    <a:pt x="233" y="235"/>
                  </a:cubicBezTo>
                  <a:cubicBezTo>
                    <a:pt x="395" y="73"/>
                    <a:pt x="395" y="73"/>
                    <a:pt x="395" y="73"/>
                  </a:cubicBezTo>
                  <a:cubicBezTo>
                    <a:pt x="261" y="62"/>
                    <a:pt x="261" y="62"/>
                    <a:pt x="261" y="62"/>
                  </a:cubicBezTo>
                  <a:lnTo>
                    <a:pt x="99" y="22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
        <p:nvSpPr>
          <p:cNvPr id="14" name="Freeform 6"/>
          <p:cNvSpPr>
            <a:spLocks/>
          </p:cNvSpPr>
          <p:nvPr userDrawn="1"/>
        </p:nvSpPr>
        <p:spPr bwMode="auto">
          <a:xfrm>
            <a:off x="3211785" y="296368"/>
            <a:ext cx="8975455"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15" name="Freeform 11"/>
          <p:cNvSpPr>
            <a:spLocks/>
          </p:cNvSpPr>
          <p:nvPr userDrawn="1"/>
        </p:nvSpPr>
        <p:spPr bwMode="auto">
          <a:xfrm>
            <a:off x="3106455"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16" name="文本占位符 6"/>
          <p:cNvSpPr>
            <a:spLocks noGrp="1"/>
          </p:cNvSpPr>
          <p:nvPr>
            <p:ph type="body" sz="quarter" idx="10" hasCustomPrompt="1"/>
          </p:nvPr>
        </p:nvSpPr>
        <p:spPr>
          <a:xfrm>
            <a:off x="469565" y="1233488"/>
            <a:ext cx="11274935" cy="4679788"/>
          </a:xfrm>
        </p:spPr>
        <p:txBody>
          <a:bodyPr/>
          <a:lstStyle>
            <a:lvl1pPr algn="just" fontAlgn="auto">
              <a:buClrTx/>
              <a:defRPr>
                <a:latin typeface="+mn-lt"/>
                <a:ea typeface="+mn-ea"/>
                <a:cs typeface="Arial" panose="020B0604020202020204" pitchFamily="34" charset="0"/>
              </a:defRPr>
            </a:lvl1pPr>
            <a:lvl2pPr marL="654938" indent="-251899" fontAlgn="auto">
              <a:buClrTx/>
              <a:buSzPct val="100000"/>
              <a:buFont typeface="Huawei Sans" panose="020C0503030203020204" pitchFamily="34" charset="0"/>
              <a:buChar char="▫"/>
              <a:defRPr>
                <a:solidFill>
                  <a:schemeClr val="tx1"/>
                </a:solidFill>
                <a:latin typeface="+mn-lt"/>
              </a:defRPr>
            </a:lvl2pPr>
            <a:lvl3pPr fontAlgn="auto">
              <a:defRPr lang="zh-CN" altLang="en-US" dirty="0" smtClean="0">
                <a:solidFill>
                  <a:schemeClr val="tx1"/>
                </a:solidFill>
                <a:latin typeface="+mn-lt"/>
                <a:ea typeface="+mn-ea"/>
              </a:defRPr>
            </a:lvl3pPr>
            <a:lvl4pPr fontAlgn="auto">
              <a:defRPr>
                <a:latin typeface="+mn-lt"/>
              </a:defRPr>
            </a:lvl4pPr>
            <a:lvl5pPr marL="1802879" indent="-201519" fontAlgn="auto">
              <a:buClrTx/>
              <a:buFont typeface="Huawei Sans" panose="020C0503030203020204" pitchFamily="34" charset="0"/>
              <a:buChar char="~"/>
              <a:defRPr>
                <a:latin typeface="+mn-lt"/>
              </a:defRPr>
            </a:lvl5pPr>
          </a:lstStyle>
          <a:p>
            <a:pPr eaLnBrk="1" hangingPunct="1"/>
            <a:r>
              <a:rPr lang="zh-CN" altLang="en-US" dirty="0"/>
              <a:t>学完本课程后，您将能够：</a:t>
            </a:r>
            <a:endParaRPr lang="en-US" altLang="zh-CN" dirty="0"/>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spTree>
    <p:extLst>
      <p:ext uri="{BB962C8B-B14F-4D97-AF65-F5344CB8AC3E}">
        <p14:creationId xmlns:p14="http://schemas.microsoft.com/office/powerpoint/2010/main" val="115376694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5#目录">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469565" y="1233487"/>
            <a:ext cx="11274935" cy="4680000"/>
          </a:xfrm>
        </p:spPr>
        <p:txBody>
          <a:bodyPr/>
          <a:lstStyle>
            <a:lvl1pPr marL="457017" marR="0" indent="-457017" algn="just" defTabSz="801367" rtl="0" eaLnBrk="1" fontAlgn="auto" latinLnBrk="0" hangingPunct="1">
              <a:lnSpc>
                <a:spcPct val="140000"/>
              </a:lnSpc>
              <a:spcBef>
                <a:spcPct val="30000"/>
              </a:spcBef>
              <a:spcAft>
                <a:spcPct val="0"/>
              </a:spcAft>
              <a:buClrTx/>
              <a:buSzPct val="100000"/>
              <a:buFont typeface="+mj-lt"/>
              <a:buAutoNum type="arabicPeriod"/>
              <a:tabLst/>
              <a:defRPr>
                <a:latin typeface="+mn-lt"/>
                <a:ea typeface="+mn-ea"/>
                <a:cs typeface="Arial" panose="020B0604020202020204" pitchFamily="34" charset="0"/>
              </a:defRPr>
            </a:lvl1pPr>
            <a:lvl2pPr fontAlgn="auto">
              <a:buClrTx/>
              <a:buSzPct val="100000"/>
              <a:buFont typeface="Huawei Sans" panose="020C0503030203020204" pitchFamily="34" charset="0"/>
              <a:buChar char="▫"/>
              <a:defRPr>
                <a:latin typeface="+mn-lt"/>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
        <p:nvSpPr>
          <p:cNvPr id="4" name="TextBox 10">
            <a:extLst>
              <a:ext uri="{FF2B5EF4-FFF2-40B4-BE49-F238E27FC236}">
                <a16:creationId xmlns:a16="http://schemas.microsoft.com/office/drawing/2014/main" xmlns="" id="{18ED692C-39CB-4AC0-81F6-D21CDD086EE4}"/>
              </a:ext>
            </a:extLst>
          </p:cNvPr>
          <p:cNvSpPr txBox="1"/>
          <p:nvPr userDrawn="1"/>
        </p:nvSpPr>
        <p:spPr bwMode="auto">
          <a:xfrm>
            <a:off x="1594877" y="408780"/>
            <a:ext cx="1664752" cy="639559"/>
          </a:xfrm>
          <a:prstGeom prst="rect">
            <a:avLst/>
          </a:prstGeom>
          <a:noFill/>
          <a:ln w="9525">
            <a:noFill/>
            <a:miter lim="800000"/>
            <a:headEnd/>
            <a:tailEnd/>
          </a:ln>
        </p:spPr>
        <p:txBody>
          <a:bodyPr wrap="square" lIns="99941" tIns="49967" rIns="99941" bIns="49967" rtlCol="0">
            <a:spAutoFit/>
          </a:bodyPr>
          <a:lstStyle/>
          <a:p>
            <a:pPr defTabSz="1001223" eaLnBrk="0" fontAlgn="auto" hangingPunct="0"/>
            <a:r>
              <a:rPr lang="zh-CN" altLang="en-US" sz="3499" b="1" dirty="0">
                <a:solidFill>
                  <a:schemeClr val="tx1"/>
                </a:solidFill>
                <a:latin typeface="+mn-lt"/>
                <a:ea typeface="+mn-ea"/>
                <a:cs typeface="Arial" pitchFamily="34" charset="0"/>
              </a:rPr>
              <a:t>目录</a:t>
            </a:r>
          </a:p>
        </p:txBody>
      </p:sp>
      <p:sp>
        <p:nvSpPr>
          <p:cNvPr id="5"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6"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7" name="组合 6"/>
          <p:cNvGrpSpPr/>
          <p:nvPr userDrawn="1"/>
        </p:nvGrpSpPr>
        <p:grpSpPr>
          <a:xfrm>
            <a:off x="587159" y="515380"/>
            <a:ext cx="358195" cy="426359"/>
            <a:chOff x="3295650" y="230188"/>
            <a:chExt cx="936625" cy="1114426"/>
          </a:xfrm>
          <a:solidFill>
            <a:schemeClr val="bg1"/>
          </a:solidFill>
        </p:grpSpPr>
        <p:sp>
          <p:nvSpPr>
            <p:cNvPr id="8"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9"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0"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1"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2"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3"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4" name="Freeform 22"/>
            <p:cNvSpPr>
              <a:spLocks/>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5"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6"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7"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8"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19"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20"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21"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22"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23"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
        <p:nvSpPr>
          <p:cNvPr id="24" name="Freeform 6"/>
          <p:cNvSpPr>
            <a:spLocks/>
          </p:cNvSpPr>
          <p:nvPr userDrawn="1"/>
        </p:nvSpPr>
        <p:spPr bwMode="auto">
          <a:xfrm>
            <a:off x="3211785" y="296368"/>
            <a:ext cx="8975455"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25" name="Freeform 11"/>
          <p:cNvSpPr>
            <a:spLocks/>
          </p:cNvSpPr>
          <p:nvPr userDrawn="1"/>
        </p:nvSpPr>
        <p:spPr bwMode="auto">
          <a:xfrm>
            <a:off x="3106455"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Tree>
    <p:extLst>
      <p:ext uri="{BB962C8B-B14F-4D97-AF65-F5344CB8AC3E}">
        <p14:creationId xmlns:p14="http://schemas.microsoft.com/office/powerpoint/2010/main" val="2380636442"/>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6#本节概述和学习目标(可选)">
    <p:spTree>
      <p:nvGrpSpPr>
        <p:cNvPr id="1" name=""/>
        <p:cNvGrpSpPr/>
        <p:nvPr/>
      </p:nvGrpSpPr>
      <p:grpSpPr>
        <a:xfrm>
          <a:off x="0" y="0"/>
          <a:ext cx="0" cy="0"/>
          <a:chOff x="0" y="0"/>
          <a:chExt cx="0" cy="0"/>
        </a:xfrm>
      </p:grpSpPr>
      <p:sp>
        <p:nvSpPr>
          <p:cNvPr id="3" name="内容占位符 6"/>
          <p:cNvSpPr>
            <a:spLocks noGrp="1"/>
          </p:cNvSpPr>
          <p:nvPr>
            <p:ph sz="quarter" idx="10"/>
          </p:nvPr>
        </p:nvSpPr>
        <p:spPr>
          <a:xfrm>
            <a:off x="468316" y="1233487"/>
            <a:ext cx="11276184" cy="4680000"/>
          </a:xfrm>
        </p:spPr>
        <p:txBody>
          <a:bodyPr/>
          <a:lstStyle>
            <a:lvl1pPr algn="just" fontAlgn="auto">
              <a:buClrTx/>
              <a:defRPr>
                <a:solidFill>
                  <a:schemeClr val="tx1"/>
                </a:solidFill>
                <a:latin typeface="+mn-lt"/>
                <a:ea typeface="+mn-ea"/>
                <a:cs typeface="Arial" panose="020B0604020202020204" pitchFamily="34" charset="0"/>
              </a:defRPr>
            </a:lvl1pPr>
            <a:lvl2pPr algn="just" fontAlgn="auto">
              <a:buClrTx/>
              <a:defRPr>
                <a:solidFill>
                  <a:schemeClr val="tx1"/>
                </a:solidFill>
                <a:latin typeface="+mn-lt"/>
                <a:ea typeface="+mn-ea"/>
                <a:cs typeface="Arial" panose="020B0604020202020204" pitchFamily="34" charset="0"/>
              </a:defRPr>
            </a:lvl2pPr>
            <a:lvl3pPr algn="just" fontAlgn="auto">
              <a:buClrTx/>
              <a:defRPr>
                <a:solidFill>
                  <a:schemeClr val="tx1"/>
                </a:solidFill>
                <a:latin typeface="+mn-lt"/>
                <a:ea typeface="+mn-ea"/>
                <a:cs typeface="Arial" panose="020B0604020202020204" pitchFamily="34" charset="0"/>
              </a:defRPr>
            </a:lvl3pPr>
            <a:lvl4pPr algn="just" fontAlgn="auto">
              <a:buClrTx/>
              <a:defRPr>
                <a:solidFill>
                  <a:schemeClr val="tx1"/>
                </a:solidFill>
                <a:latin typeface="+mn-lt"/>
                <a:ea typeface="+mn-ea"/>
                <a:cs typeface="Arial" panose="020B0604020202020204" pitchFamily="34" charset="0"/>
              </a:defRPr>
            </a:lvl4pPr>
            <a:lvl5pPr algn="just" fontAlgn="auto">
              <a:buClrTx/>
              <a:defRPr>
                <a:solidFill>
                  <a:schemeClr val="tx1"/>
                </a:solidFill>
                <a:latin typeface="+mn-lt"/>
                <a:ea typeface="+mn-ea"/>
                <a:cs typeface="Arial" panose="020B0604020202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4" name="TextBox 10">
            <a:extLst>
              <a:ext uri="{FF2B5EF4-FFF2-40B4-BE49-F238E27FC236}">
                <a16:creationId xmlns:a16="http://schemas.microsoft.com/office/drawing/2014/main" xmlns="" id="{18ED692C-39CB-4AC0-81F6-D21CDD086EE4}"/>
              </a:ext>
            </a:extLst>
          </p:cNvPr>
          <p:cNvSpPr txBox="1"/>
          <p:nvPr userDrawn="1"/>
        </p:nvSpPr>
        <p:spPr bwMode="auto">
          <a:xfrm>
            <a:off x="1594877" y="408780"/>
            <a:ext cx="9825899" cy="639559"/>
          </a:xfrm>
          <a:prstGeom prst="rect">
            <a:avLst/>
          </a:prstGeom>
          <a:noFill/>
          <a:ln w="9525">
            <a:noFill/>
            <a:miter lim="800000"/>
            <a:headEnd/>
            <a:tailEnd/>
          </a:ln>
        </p:spPr>
        <p:txBody>
          <a:bodyPr wrap="square" lIns="99941" tIns="49967" rIns="99941" bIns="49967" rtlCol="0">
            <a:spAutoFit/>
          </a:bodyPr>
          <a:lstStyle/>
          <a:p>
            <a:pPr defTabSz="1001223" eaLnBrk="0" fontAlgn="auto" hangingPunct="0"/>
            <a:r>
              <a:rPr lang="zh-CN" altLang="en-US" sz="3499" b="1" dirty="0">
                <a:solidFill>
                  <a:schemeClr val="tx1"/>
                </a:solidFill>
                <a:latin typeface="+mn-lt"/>
                <a:ea typeface="+mn-ea"/>
                <a:cs typeface="Arial" pitchFamily="34" charset="0"/>
              </a:rPr>
              <a:t>本节概述和学习目标</a:t>
            </a:r>
          </a:p>
        </p:txBody>
      </p:sp>
      <p:sp>
        <p:nvSpPr>
          <p:cNvPr id="5"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6"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7" name="组合 6"/>
          <p:cNvGrpSpPr/>
          <p:nvPr userDrawn="1"/>
        </p:nvGrpSpPr>
        <p:grpSpPr>
          <a:xfrm>
            <a:off x="587158" y="505779"/>
            <a:ext cx="374562" cy="445558"/>
            <a:chOff x="-1647825" y="2492375"/>
            <a:chExt cx="1947863" cy="2316163"/>
          </a:xfrm>
          <a:solidFill>
            <a:schemeClr val="bg1"/>
          </a:solidFill>
        </p:grpSpPr>
        <p:sp>
          <p:nvSpPr>
            <p:cNvPr id="8"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9"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Tree>
    <p:extLst>
      <p:ext uri="{BB962C8B-B14F-4D97-AF65-F5344CB8AC3E}">
        <p14:creationId xmlns:p14="http://schemas.microsoft.com/office/powerpoint/2010/main" val="115244693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7#标题和内容">
    <p:spTree>
      <p:nvGrpSpPr>
        <p:cNvPr id="1" name=""/>
        <p:cNvGrpSpPr/>
        <p:nvPr/>
      </p:nvGrpSpPr>
      <p:grpSpPr>
        <a:xfrm>
          <a:off x="0" y="0"/>
          <a:ext cx="0" cy="0"/>
          <a:chOff x="0" y="0"/>
          <a:chExt cx="0" cy="0"/>
        </a:xfrm>
      </p:grpSpPr>
      <p:sp>
        <p:nvSpPr>
          <p:cNvPr id="3" name="标题 1"/>
          <p:cNvSpPr>
            <a:spLocks noGrp="1"/>
          </p:cNvSpPr>
          <p:nvPr>
            <p:ph type="title"/>
          </p:nvPr>
        </p:nvSpPr>
        <p:spPr>
          <a:xfrm>
            <a:off x="1594177" y="410400"/>
            <a:ext cx="9827761" cy="640800"/>
          </a:xfrm>
        </p:spPr>
        <p:txBody>
          <a:bodyPr lIns="100800" tIns="50400" rIns="100800" bIns="50400" anchor="ctr" anchorCtr="0"/>
          <a:lstStyle>
            <a:lvl1pPr fontAlgn="auto">
              <a:defRPr b="1">
                <a:solidFill>
                  <a:schemeClr val="tx1"/>
                </a:solidFill>
                <a:latin typeface="+mn-lt"/>
                <a:ea typeface="+mn-ea"/>
              </a:defRPr>
            </a:lvl1pPr>
          </a:lstStyle>
          <a:p>
            <a:r>
              <a:rPr lang="zh-CN" altLang="en-US" dirty="0"/>
              <a:t>单击此处编辑母版标题样式</a:t>
            </a:r>
          </a:p>
        </p:txBody>
      </p:sp>
      <p:sp>
        <p:nvSpPr>
          <p:cNvPr id="4"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5"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grpSp>
        <p:nvGrpSpPr>
          <p:cNvPr id="6" name="组合 5"/>
          <p:cNvGrpSpPr/>
          <p:nvPr userDrawn="1"/>
        </p:nvGrpSpPr>
        <p:grpSpPr>
          <a:xfrm>
            <a:off x="587158" y="505779"/>
            <a:ext cx="374562" cy="445558"/>
            <a:chOff x="-1647825" y="2492375"/>
            <a:chExt cx="1947863" cy="2316163"/>
          </a:xfrm>
          <a:solidFill>
            <a:schemeClr val="bg1"/>
          </a:solidFill>
        </p:grpSpPr>
        <p:sp>
          <p:nvSpPr>
            <p:cNvPr id="7"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sp>
          <p:nvSpPr>
            <p:cNvPr id="8"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799">
                <a:latin typeface="+mn-lt"/>
                <a:ea typeface="+mn-ea"/>
              </a:endParaRPr>
            </a:p>
          </p:txBody>
        </p:sp>
      </p:grpSp>
      <p:sp>
        <p:nvSpPr>
          <p:cNvPr id="9" name="文本占位符 6"/>
          <p:cNvSpPr>
            <a:spLocks noGrp="1"/>
          </p:cNvSpPr>
          <p:nvPr>
            <p:ph type="body" sz="quarter" idx="10" hasCustomPrompt="1"/>
          </p:nvPr>
        </p:nvSpPr>
        <p:spPr>
          <a:xfrm>
            <a:off x="468317" y="1233488"/>
            <a:ext cx="11276183" cy="4680000"/>
          </a:xfrm>
        </p:spPr>
        <p:txBody>
          <a:bodyPr/>
          <a:lstStyle>
            <a:lvl1pPr algn="just" fontAlgn="auto">
              <a:buClrTx/>
              <a:defRPr>
                <a:latin typeface="+mn-lt"/>
                <a:ea typeface="+mn-ea"/>
                <a:cs typeface="Arial" panose="020B0604020202020204" pitchFamily="34" charset="0"/>
              </a:defRPr>
            </a:lvl1pPr>
          </a:lstStyle>
          <a:p>
            <a:r>
              <a:rPr lang="zh-CN" altLang="en-US" dirty="0"/>
              <a:t>单击此处输入文字</a:t>
            </a:r>
          </a:p>
        </p:txBody>
      </p:sp>
    </p:spTree>
    <p:extLst>
      <p:ext uri="{BB962C8B-B14F-4D97-AF65-F5344CB8AC3E}">
        <p14:creationId xmlns:p14="http://schemas.microsoft.com/office/powerpoint/2010/main" val="307355327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8#仅标题">
    <p:spTree>
      <p:nvGrpSpPr>
        <p:cNvPr id="1" name=""/>
        <p:cNvGrpSpPr/>
        <p:nvPr/>
      </p:nvGrpSpPr>
      <p:grpSpPr>
        <a:xfrm>
          <a:off x="0" y="0"/>
          <a:ext cx="0" cy="0"/>
          <a:chOff x="0" y="0"/>
          <a:chExt cx="0" cy="0"/>
        </a:xfrm>
      </p:grpSpPr>
      <p:sp>
        <p:nvSpPr>
          <p:cNvPr id="3"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4"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a:latin typeface="+mn-lt"/>
              <a:ea typeface="+mn-ea"/>
            </a:endParaRPr>
          </a:p>
        </p:txBody>
      </p:sp>
      <p:sp>
        <p:nvSpPr>
          <p:cNvPr id="5" name="Freeform 12"/>
          <p:cNvSpPr>
            <a:spLocks noEditPoints="1"/>
          </p:cNvSpPr>
          <p:nvPr userDrawn="1"/>
        </p:nvSpPr>
        <p:spPr bwMode="auto">
          <a:xfrm>
            <a:off x="479189" y="474076"/>
            <a:ext cx="507964"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04" tIns="45702" rIns="91404" bIns="45702" numCol="1" anchor="t" anchorCtr="0" compatLnSpc="1">
            <a:prstTxWarp prst="textNoShape">
              <a:avLst/>
            </a:prstTxWarp>
          </a:bodyPr>
          <a:lstStyle/>
          <a:p>
            <a:endParaRPr lang="zh-CN" altLang="en-US" sz="1799">
              <a:latin typeface="+mn-lt"/>
              <a:ea typeface="+mn-ea"/>
            </a:endParaRPr>
          </a:p>
        </p:txBody>
      </p:sp>
      <p:sp>
        <p:nvSpPr>
          <p:cNvPr id="6" name="标题 1"/>
          <p:cNvSpPr>
            <a:spLocks noGrp="1"/>
          </p:cNvSpPr>
          <p:nvPr>
            <p:ph type="title"/>
          </p:nvPr>
        </p:nvSpPr>
        <p:spPr>
          <a:xfrm>
            <a:off x="1594177" y="410400"/>
            <a:ext cx="9827761" cy="640800"/>
          </a:xfrm>
        </p:spPr>
        <p:txBody>
          <a:bodyPr lIns="100800" tIns="50400" rIns="100800" bIns="50400" anchor="ctr" anchorCtr="0"/>
          <a:lstStyle>
            <a:lvl1pPr fontAlgn="auto">
              <a:defRPr b="1">
                <a:solidFill>
                  <a:schemeClr val="tx1"/>
                </a:solidFill>
                <a:latin typeface="+mn-lt"/>
                <a:ea typeface="+mn-ea"/>
              </a:defRPr>
            </a:lvl1pPr>
          </a:lstStyle>
          <a:p>
            <a:r>
              <a:rPr lang="zh-CN" altLang="en-US" dirty="0"/>
              <a:t>单击此处编辑母版标题样式</a:t>
            </a:r>
          </a:p>
        </p:txBody>
      </p:sp>
    </p:spTree>
    <p:extLst>
      <p:ext uri="{BB962C8B-B14F-4D97-AF65-F5344CB8AC3E}">
        <p14:creationId xmlns:p14="http://schemas.microsoft.com/office/powerpoint/2010/main" val="397434706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preserve="1" userDrawn="1">
  <p:cSld name="9#全白背景">
    <p:spTree>
      <p:nvGrpSpPr>
        <p:cNvPr id="1" name=""/>
        <p:cNvGrpSpPr/>
        <p:nvPr/>
      </p:nvGrpSpPr>
      <p:grpSpPr>
        <a:xfrm>
          <a:off x="0" y="0"/>
          <a:ext cx="0" cy="0"/>
          <a:chOff x="0" y="0"/>
          <a:chExt cx="0" cy="0"/>
        </a:xfrm>
      </p:grpSpPr>
      <p:grpSp>
        <p:nvGrpSpPr>
          <p:cNvPr id="2" name="组合 1"/>
          <p:cNvGrpSpPr/>
          <p:nvPr userDrawn="1"/>
        </p:nvGrpSpPr>
        <p:grpSpPr>
          <a:xfrm>
            <a:off x="12162528" y="4653136"/>
            <a:ext cx="638734" cy="1729234"/>
            <a:chOff x="12162528" y="4653136"/>
            <a:chExt cx="638734" cy="1729234"/>
          </a:xfrm>
        </p:grpSpPr>
        <p:sp>
          <p:nvSpPr>
            <p:cNvPr id="3" name="矩形 2">
              <a:extLst>
                <a:ext uri="{FF2B5EF4-FFF2-40B4-BE49-F238E27FC236}">
                  <a16:creationId xmlns:a16="http://schemas.microsoft.com/office/drawing/2014/main" xmlns="" id="{32AEB80E-D574-4C1A-9EB9-3369A2BB96C5}"/>
                </a:ext>
              </a:extLst>
            </p:cNvPr>
            <p:cNvSpPr/>
            <p:nvPr userDrawn="1"/>
          </p:nvSpPr>
          <p:spPr>
            <a:xfrm>
              <a:off x="12212029" y="4653136"/>
              <a:ext cx="539729" cy="288726"/>
            </a:xfrm>
            <a:prstGeom prst="rect">
              <a:avLst/>
            </a:prstGeom>
            <a:solidFill>
              <a:srgbClr val="00B0F0"/>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4" name="矩形 3">
              <a:extLst>
                <a:ext uri="{FF2B5EF4-FFF2-40B4-BE49-F238E27FC236}">
                  <a16:creationId xmlns:a16="http://schemas.microsoft.com/office/drawing/2014/main" xmlns="" id="{E94F5345-F49B-42D0-B35C-CA4FB19A3DA6}"/>
                </a:ext>
              </a:extLst>
            </p:cNvPr>
            <p:cNvSpPr/>
            <p:nvPr userDrawn="1"/>
          </p:nvSpPr>
          <p:spPr>
            <a:xfrm>
              <a:off x="12212029" y="4941964"/>
              <a:ext cx="539729" cy="288000"/>
            </a:xfrm>
            <a:prstGeom prst="rect">
              <a:avLst/>
            </a:prstGeom>
            <a:solidFill>
              <a:srgbClr val="A6D2FF"/>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5" name="矩形 4">
              <a:extLst>
                <a:ext uri="{FF2B5EF4-FFF2-40B4-BE49-F238E27FC236}">
                  <a16:creationId xmlns:a16="http://schemas.microsoft.com/office/drawing/2014/main" xmlns="" id="{BA62EB75-581F-4CD2-92A6-87BDFE3BDBC3}"/>
                </a:ext>
              </a:extLst>
            </p:cNvPr>
            <p:cNvSpPr/>
            <p:nvPr userDrawn="1"/>
          </p:nvSpPr>
          <p:spPr>
            <a:xfrm>
              <a:off x="12212029" y="5230066"/>
              <a:ext cx="539729" cy="288000"/>
            </a:xfrm>
            <a:prstGeom prst="rect">
              <a:avLst/>
            </a:prstGeom>
            <a:solidFill>
              <a:srgbClr val="D8D8D8"/>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6" name="矩形 5">
              <a:extLst>
                <a:ext uri="{FF2B5EF4-FFF2-40B4-BE49-F238E27FC236}">
                  <a16:creationId xmlns:a16="http://schemas.microsoft.com/office/drawing/2014/main" xmlns="" id="{947DE7E3-EC9F-4331-B252-7BCE51B7F0DA}"/>
                </a:ext>
              </a:extLst>
            </p:cNvPr>
            <p:cNvSpPr/>
            <p:nvPr userDrawn="1"/>
          </p:nvSpPr>
          <p:spPr>
            <a:xfrm>
              <a:off x="12212029" y="5518168"/>
              <a:ext cx="539729" cy="288000"/>
            </a:xfrm>
            <a:prstGeom prst="rect">
              <a:avLst/>
            </a:prstGeom>
            <a:solidFill>
              <a:schemeClr val="accent2">
                <a:lumMod val="100000"/>
              </a:schemeClr>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7" name="矩形 6">
              <a:extLst>
                <a:ext uri="{FF2B5EF4-FFF2-40B4-BE49-F238E27FC236}">
                  <a16:creationId xmlns:a16="http://schemas.microsoft.com/office/drawing/2014/main" xmlns="" id="{BE210CD8-3823-4C2E-B3EA-E42C40CFB29F}"/>
                </a:ext>
              </a:extLst>
            </p:cNvPr>
            <p:cNvSpPr/>
            <p:nvPr userDrawn="1"/>
          </p:nvSpPr>
          <p:spPr>
            <a:xfrm>
              <a:off x="12212029" y="5806270"/>
              <a:ext cx="539729" cy="288000"/>
            </a:xfrm>
            <a:prstGeom prst="rect">
              <a:avLst/>
            </a:prstGeom>
            <a:solidFill>
              <a:srgbClr val="FFFFCC"/>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8" name="矩形 7">
              <a:extLst>
                <a:ext uri="{FF2B5EF4-FFF2-40B4-BE49-F238E27FC236}">
                  <a16:creationId xmlns:a16="http://schemas.microsoft.com/office/drawing/2014/main" xmlns="" id="{BE8A406D-0F03-42D8-9159-77B9DE9EB30E}"/>
                </a:ext>
              </a:extLst>
            </p:cNvPr>
            <p:cNvSpPr/>
            <p:nvPr userDrawn="1"/>
          </p:nvSpPr>
          <p:spPr>
            <a:xfrm>
              <a:off x="12212029" y="6094370"/>
              <a:ext cx="539729" cy="288000"/>
            </a:xfrm>
            <a:prstGeom prst="rect">
              <a:avLst/>
            </a:prstGeom>
            <a:solidFill>
              <a:schemeClr val="accent6"/>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9" name="文本框 8">
              <a:extLst>
                <a:ext uri="{FF2B5EF4-FFF2-40B4-BE49-F238E27FC236}">
                  <a16:creationId xmlns:a16="http://schemas.microsoft.com/office/drawing/2014/main" xmlns="" id="{98A3A11A-AB61-497E-B3AE-12E999A6BBBA}"/>
                </a:ext>
              </a:extLst>
            </p:cNvPr>
            <p:cNvSpPr txBox="1"/>
            <p:nvPr userDrawn="1"/>
          </p:nvSpPr>
          <p:spPr bwMode="auto">
            <a:xfrm>
              <a:off x="12162528" y="4683920"/>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solidFill>
                    <a:schemeClr val="bg1"/>
                  </a:solidFill>
                  <a:latin typeface="+mn-lt"/>
                  <a:ea typeface="+mn-ea"/>
                </a:rPr>
                <a:t>表格表头</a:t>
              </a:r>
            </a:p>
          </p:txBody>
        </p:sp>
        <p:sp>
          <p:nvSpPr>
            <p:cNvPr id="10" name="文本框 9">
              <a:extLst>
                <a:ext uri="{FF2B5EF4-FFF2-40B4-BE49-F238E27FC236}">
                  <a16:creationId xmlns:a16="http://schemas.microsoft.com/office/drawing/2014/main" xmlns="" id="{CF824ACE-31EE-452D-A81D-32E189AFE158}"/>
                </a:ext>
              </a:extLst>
            </p:cNvPr>
            <p:cNvSpPr txBox="1"/>
            <p:nvPr userDrawn="1"/>
          </p:nvSpPr>
          <p:spPr bwMode="auto">
            <a:xfrm>
              <a:off x="12162528" y="4972385"/>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latin typeface="+mn-lt"/>
                  <a:ea typeface="+mn-ea"/>
                </a:rPr>
                <a:t>表格边框</a:t>
              </a:r>
            </a:p>
          </p:txBody>
        </p:sp>
        <p:sp>
          <p:nvSpPr>
            <p:cNvPr id="11" name="文本框 10">
              <a:extLst>
                <a:ext uri="{FF2B5EF4-FFF2-40B4-BE49-F238E27FC236}">
                  <a16:creationId xmlns:a16="http://schemas.microsoft.com/office/drawing/2014/main" xmlns="" id="{7399143C-FDAD-45F1-BC44-030BD92ABA98}"/>
                </a:ext>
              </a:extLst>
            </p:cNvPr>
            <p:cNvSpPr txBox="1"/>
            <p:nvPr userDrawn="1"/>
          </p:nvSpPr>
          <p:spPr bwMode="auto">
            <a:xfrm>
              <a:off x="12162528" y="5260487"/>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latin typeface="+mn-lt"/>
                  <a:ea typeface="+mn-ea"/>
                </a:rPr>
                <a:t>导航灰底</a:t>
              </a:r>
            </a:p>
          </p:txBody>
        </p:sp>
        <p:sp>
          <p:nvSpPr>
            <p:cNvPr id="12" name="文本框 11">
              <a:extLst>
                <a:ext uri="{FF2B5EF4-FFF2-40B4-BE49-F238E27FC236}">
                  <a16:creationId xmlns:a16="http://schemas.microsoft.com/office/drawing/2014/main" xmlns="" id="{308D80BD-0AC4-4D30-BDF8-F241047905A7}"/>
                </a:ext>
              </a:extLst>
            </p:cNvPr>
            <p:cNvSpPr txBox="1"/>
            <p:nvPr userDrawn="1"/>
          </p:nvSpPr>
          <p:spPr bwMode="auto">
            <a:xfrm>
              <a:off x="12220212" y="5548589"/>
              <a:ext cx="52336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solidFill>
                    <a:schemeClr val="bg1"/>
                  </a:solidFill>
                  <a:latin typeface="+mn-lt"/>
                  <a:ea typeface="+mn-ea"/>
                </a:rPr>
                <a:t>华为红</a:t>
              </a:r>
            </a:p>
          </p:txBody>
        </p:sp>
        <p:sp>
          <p:nvSpPr>
            <p:cNvPr id="13" name="文本框 12">
              <a:extLst>
                <a:ext uri="{FF2B5EF4-FFF2-40B4-BE49-F238E27FC236}">
                  <a16:creationId xmlns:a16="http://schemas.microsoft.com/office/drawing/2014/main" xmlns="" id="{B9CBC549-23CA-4012-B493-FF768D1829F1}"/>
                </a:ext>
              </a:extLst>
            </p:cNvPr>
            <p:cNvSpPr txBox="1"/>
            <p:nvPr userDrawn="1"/>
          </p:nvSpPr>
          <p:spPr bwMode="auto">
            <a:xfrm>
              <a:off x="12162528" y="58366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latin typeface="+mn-lt"/>
                  <a:ea typeface="+mn-ea"/>
                </a:rPr>
                <a:t>文字底色</a:t>
              </a:r>
            </a:p>
          </p:txBody>
        </p:sp>
        <p:sp>
          <p:nvSpPr>
            <p:cNvPr id="14" name="文本框 13">
              <a:extLst>
                <a:ext uri="{FF2B5EF4-FFF2-40B4-BE49-F238E27FC236}">
                  <a16:creationId xmlns:a16="http://schemas.microsoft.com/office/drawing/2014/main" xmlns="" id="{DA49D1AE-05B4-4A19-9F6F-8B89D09C41DD}"/>
                </a:ext>
              </a:extLst>
            </p:cNvPr>
            <p:cNvSpPr txBox="1"/>
            <p:nvPr userDrawn="1"/>
          </p:nvSpPr>
          <p:spPr bwMode="auto">
            <a:xfrm>
              <a:off x="12162528" y="61247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latin typeface="+mn-lt"/>
                  <a:ea typeface="+mn-ea"/>
                </a:rPr>
                <a:t>文字边框</a:t>
              </a:r>
            </a:p>
          </p:txBody>
        </p:sp>
      </p:grpSp>
    </p:spTree>
    <p:extLst>
      <p:ext uri="{BB962C8B-B14F-4D97-AF65-F5344CB8AC3E}">
        <p14:creationId xmlns:p14="http://schemas.microsoft.com/office/powerpoint/2010/main" val="298325863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1.png"/><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Rectangle 6"/>
          <p:cNvSpPr>
            <a:spLocks noGrp="1" noChangeArrowheads="1"/>
          </p:cNvSpPr>
          <p:nvPr>
            <p:ph type="title"/>
          </p:nvPr>
        </p:nvSpPr>
        <p:spPr bwMode="auto">
          <a:xfrm>
            <a:off x="869611" y="260649"/>
            <a:ext cx="10323183" cy="868363"/>
          </a:xfrm>
          <a:prstGeom prst="rect">
            <a:avLst/>
          </a:prstGeom>
          <a:noFill/>
          <a:ln w="9525">
            <a:noFill/>
            <a:miter lim="800000"/>
            <a:headEnd/>
            <a:tailEnd/>
          </a:ln>
        </p:spPr>
        <p:txBody>
          <a:bodyPr vert="horz" wrap="square" lIns="80128" tIns="40064" rIns="80128" bIns="40064" numCol="1" anchor="ctr" anchorCtr="0" compatLnSpc="1">
            <a:prstTxWarp prst="textNoShape">
              <a:avLst/>
            </a:prstTxWarp>
          </a:bodyPr>
          <a:lstStyle/>
          <a:p>
            <a:pPr lvl="0"/>
            <a:r>
              <a:rPr lang="zh-CN" altLang="en-US" dirty="0"/>
              <a:t>单击此处编辑母版标题样式</a:t>
            </a:r>
          </a:p>
        </p:txBody>
      </p:sp>
      <p:sp>
        <p:nvSpPr>
          <p:cNvPr id="8" name="Rectangle 57"/>
          <p:cNvSpPr>
            <a:spLocks noGrp="1" noChangeArrowheads="1"/>
          </p:cNvSpPr>
          <p:nvPr>
            <p:ph type="body" idx="1"/>
          </p:nvPr>
        </p:nvSpPr>
        <p:spPr bwMode="auto">
          <a:xfrm>
            <a:off x="466221" y="1248074"/>
            <a:ext cx="11279865" cy="4195763"/>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9" name="Rectangle 69">
            <a:extLst>
              <a:ext uri="{FF2B5EF4-FFF2-40B4-BE49-F238E27FC236}">
                <a16:creationId xmlns:a16="http://schemas.microsoft.com/office/drawing/2014/main" xmlns="" id="{6ED2DBAA-9261-44D2-836C-78E5FB250BAC}"/>
              </a:ext>
            </a:extLst>
          </p:cNvPr>
          <p:cNvSpPr>
            <a:spLocks noChangeArrowheads="1"/>
          </p:cNvSpPr>
          <p:nvPr userDrawn="1"/>
        </p:nvSpPr>
        <p:spPr bwMode="auto">
          <a:xfrm>
            <a:off x="155280" y="6500581"/>
            <a:ext cx="658440" cy="265552"/>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zh-CN" altLang="en-US" sz="1200" baseline="0" dirty="0">
                <a:latin typeface="+mn-lt"/>
                <a:ea typeface="+mn-ea"/>
                <a:cs typeface="Arial" pitchFamily="34" charset="0"/>
              </a:rPr>
              <a:t>第</a:t>
            </a:r>
            <a:fld id="{2F2CF7F5-F178-4429-B6CA-28062DF31937}" type="slidenum">
              <a:rPr lang="en-US" altLang="zh-CN" sz="1200" smtClean="0">
                <a:latin typeface="+mn-lt"/>
                <a:ea typeface="+mn-ea"/>
                <a:cs typeface="Arial" pitchFamily="34" charset="0"/>
              </a:rPr>
              <a:pPr defTabSz="801347" eaLnBrk="0" fontAlgn="base" hangingPunct="0">
                <a:defRPr/>
              </a:pPr>
              <a:t>‹#›</a:t>
            </a:fld>
            <a:r>
              <a:rPr lang="zh-CN" altLang="en-US" sz="1200" dirty="0">
                <a:latin typeface="+mn-lt"/>
                <a:ea typeface="+mn-ea"/>
                <a:cs typeface="Arial" pitchFamily="34" charset="0"/>
              </a:rPr>
              <a:t>页</a:t>
            </a:r>
            <a:endParaRPr lang="en-US" altLang="zh-CN" sz="1200" dirty="0">
              <a:latin typeface="+mn-lt"/>
              <a:ea typeface="+mn-ea"/>
              <a:cs typeface="Arial" pitchFamily="34" charset="0"/>
            </a:endParaRPr>
          </a:p>
        </p:txBody>
      </p:sp>
      <p:sp>
        <p:nvSpPr>
          <p:cNvPr id="10" name="Rectangle 54">
            <a:extLst>
              <a:ext uri="{FF2B5EF4-FFF2-40B4-BE49-F238E27FC236}">
                <a16:creationId xmlns:a16="http://schemas.microsoft.com/office/drawing/2014/main" xmlns="" id="{2078FA11-5569-4994-AEB7-1AF5CAC763B0}"/>
              </a:ext>
            </a:extLst>
          </p:cNvPr>
          <p:cNvSpPr>
            <a:spLocks noChangeArrowheads="1"/>
          </p:cNvSpPr>
          <p:nvPr userDrawn="1"/>
        </p:nvSpPr>
        <p:spPr bwMode="auto">
          <a:xfrm>
            <a:off x="947058" y="6500581"/>
            <a:ext cx="2572620" cy="265520"/>
          </a:xfrm>
          <a:prstGeom prst="rect">
            <a:avLst/>
          </a:prstGeom>
          <a:noFill/>
          <a:ln w="9525" algn="ctr">
            <a:noFill/>
            <a:miter lim="800000"/>
            <a:headEnd/>
            <a:tailEnd/>
          </a:ln>
          <a:effectLst/>
        </p:spPr>
        <p:txBody>
          <a:bodyPr wrap="none" lIns="80070" tIns="40036" rIns="80070" bIns="40036">
            <a:spAutoFit/>
          </a:bodyPr>
          <a:lstStyle/>
          <a:p>
            <a:pPr defTabSz="801347" eaLnBrk="0" fontAlgn="base" hangingPunct="0">
              <a:defRPr/>
            </a:pPr>
            <a:r>
              <a:rPr lang="zh-CN" altLang="en-US" sz="1200" baseline="0" dirty="0">
                <a:latin typeface="+mn-lt"/>
                <a:ea typeface="+mn-ea"/>
                <a:cs typeface="Arial" panose="020B0604020202020204" pitchFamily="34" charset="0"/>
              </a:rPr>
              <a:t>版权所有</a:t>
            </a:r>
            <a:r>
              <a:rPr lang="en-US" altLang="zh-CN" sz="1200" baseline="0">
                <a:latin typeface="+mn-lt"/>
                <a:ea typeface="+mn-ea"/>
                <a:cs typeface="Arial" panose="020B0604020202020204" pitchFamily="34" charset="0"/>
              </a:rPr>
              <a:t>© </a:t>
            </a:r>
            <a:r>
              <a:rPr lang="en-US" altLang="zh-CN" sz="1200" baseline="0" smtClean="0">
                <a:latin typeface="+mn-lt"/>
                <a:ea typeface="+mn-ea"/>
                <a:cs typeface="Arial" panose="020B0604020202020204" pitchFamily="34" charset="0"/>
              </a:rPr>
              <a:t>2020 </a:t>
            </a:r>
            <a:r>
              <a:rPr lang="zh-CN" altLang="en-US" sz="1200" baseline="0" dirty="0">
                <a:latin typeface="+mn-lt"/>
                <a:ea typeface="+mn-ea"/>
                <a:cs typeface="Arial" panose="020B0604020202020204" pitchFamily="34" charset="0"/>
              </a:rPr>
              <a:t>华为技术有限公司</a:t>
            </a:r>
          </a:p>
        </p:txBody>
      </p:sp>
      <p:pic>
        <p:nvPicPr>
          <p:cNvPr id="11" name="图片 10"/>
          <p:cNvPicPr>
            <a:picLocks noChangeAspect="1"/>
          </p:cNvPicPr>
          <p:nvPr userDrawn="1"/>
        </p:nvPicPr>
        <p:blipFill>
          <a:blip r:embed="rId17" cstate="print">
            <a:extLst>
              <a:ext uri="{28A0092B-C50C-407E-A947-70E740481C1C}">
                <a14:useLocalDpi xmlns:a14="http://schemas.microsoft.com/office/drawing/2010/main" val="0"/>
              </a:ext>
            </a:extLst>
          </a:blip>
          <a:stretch>
            <a:fillRect/>
          </a:stretch>
        </p:blipFill>
        <p:spPr>
          <a:xfrm>
            <a:off x="10670660" y="6504032"/>
            <a:ext cx="1248712" cy="273343"/>
          </a:xfrm>
          <a:prstGeom prst="rect">
            <a:avLst/>
          </a:prstGeom>
        </p:spPr>
      </p:pic>
      <p:sp>
        <p:nvSpPr>
          <p:cNvPr id="24" name="矩形 23">
            <a:extLst>
              <a:ext uri="{FF2B5EF4-FFF2-40B4-BE49-F238E27FC236}">
                <a16:creationId xmlns="" xmlns:a16="http://schemas.microsoft.com/office/drawing/2014/main" id="{32AEB80E-D574-4C1A-9EB9-3369A2BB96C5}"/>
              </a:ext>
            </a:extLst>
          </p:cNvPr>
          <p:cNvSpPr/>
          <p:nvPr userDrawn="1"/>
        </p:nvSpPr>
        <p:spPr>
          <a:xfrm>
            <a:off x="12246898" y="3916624"/>
            <a:ext cx="919908" cy="288726"/>
          </a:xfrm>
          <a:prstGeom prst="rect">
            <a:avLst/>
          </a:prstGeom>
          <a:solidFill>
            <a:srgbClr val="00B0F0"/>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25" name="矩形 24">
            <a:extLst>
              <a:ext uri="{FF2B5EF4-FFF2-40B4-BE49-F238E27FC236}">
                <a16:creationId xmlns="" xmlns:a16="http://schemas.microsoft.com/office/drawing/2014/main" id="{E94F5345-F49B-42D0-B35C-CA4FB19A3DA6}"/>
              </a:ext>
            </a:extLst>
          </p:cNvPr>
          <p:cNvSpPr/>
          <p:nvPr userDrawn="1"/>
        </p:nvSpPr>
        <p:spPr>
          <a:xfrm>
            <a:off x="12246898" y="4205452"/>
            <a:ext cx="919908" cy="288000"/>
          </a:xfrm>
          <a:prstGeom prst="rect">
            <a:avLst/>
          </a:prstGeom>
          <a:solidFill>
            <a:srgbClr val="99DFF9"/>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26" name="矩形 25">
            <a:extLst>
              <a:ext uri="{FF2B5EF4-FFF2-40B4-BE49-F238E27FC236}">
                <a16:creationId xmlns="" xmlns:a16="http://schemas.microsoft.com/office/drawing/2014/main" id="{BA62EB75-581F-4CD2-92A6-87BDFE3BDBC3}"/>
              </a:ext>
            </a:extLst>
          </p:cNvPr>
          <p:cNvSpPr/>
          <p:nvPr userDrawn="1"/>
        </p:nvSpPr>
        <p:spPr>
          <a:xfrm>
            <a:off x="12246898" y="4493554"/>
            <a:ext cx="919908" cy="288000"/>
          </a:xfrm>
          <a:prstGeom prst="rect">
            <a:avLst/>
          </a:prstGeom>
          <a:solidFill>
            <a:srgbClr val="D9D9D9"/>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27" name="矩形 26">
            <a:extLst>
              <a:ext uri="{FF2B5EF4-FFF2-40B4-BE49-F238E27FC236}">
                <a16:creationId xmlns="" xmlns:a16="http://schemas.microsoft.com/office/drawing/2014/main" id="{947DE7E3-EC9F-4331-B252-7BCE51B7F0DA}"/>
              </a:ext>
            </a:extLst>
          </p:cNvPr>
          <p:cNvSpPr/>
          <p:nvPr userDrawn="1"/>
        </p:nvSpPr>
        <p:spPr>
          <a:xfrm>
            <a:off x="12246898" y="4781656"/>
            <a:ext cx="919908" cy="288000"/>
          </a:xfrm>
          <a:prstGeom prst="rect">
            <a:avLst/>
          </a:prstGeom>
          <a:solidFill>
            <a:schemeClr val="accent2">
              <a:lumMod val="100000"/>
            </a:schemeClr>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28" name="矩形 27">
            <a:extLst>
              <a:ext uri="{FF2B5EF4-FFF2-40B4-BE49-F238E27FC236}">
                <a16:creationId xmlns="" xmlns:a16="http://schemas.microsoft.com/office/drawing/2014/main" id="{BE210CD8-3823-4C2E-B3EA-E42C40CFB29F}"/>
              </a:ext>
            </a:extLst>
          </p:cNvPr>
          <p:cNvSpPr/>
          <p:nvPr userDrawn="1"/>
        </p:nvSpPr>
        <p:spPr>
          <a:xfrm>
            <a:off x="12246898" y="5069758"/>
            <a:ext cx="919908" cy="288000"/>
          </a:xfrm>
          <a:prstGeom prst="rect">
            <a:avLst/>
          </a:prstGeom>
          <a:solidFill>
            <a:srgbClr val="F4FBFE"/>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29" name="文本框 28">
            <a:extLst>
              <a:ext uri="{FF2B5EF4-FFF2-40B4-BE49-F238E27FC236}">
                <a16:creationId xmlns="" xmlns:a16="http://schemas.microsoft.com/office/drawing/2014/main" id="{98A3A11A-AB61-497E-B3AE-12E999A6BBBA}"/>
              </a:ext>
            </a:extLst>
          </p:cNvPr>
          <p:cNvSpPr txBox="1"/>
          <p:nvPr userDrawn="1"/>
        </p:nvSpPr>
        <p:spPr bwMode="auto">
          <a:xfrm>
            <a:off x="12162529" y="3947408"/>
            <a:ext cx="1088651"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solidFill>
                  <a:schemeClr val="bg1"/>
                </a:solidFill>
                <a:latin typeface="+mn-lt"/>
                <a:ea typeface="+mn-ea"/>
              </a:rPr>
              <a:t>表格表头</a:t>
            </a:r>
          </a:p>
        </p:txBody>
      </p:sp>
      <p:sp>
        <p:nvSpPr>
          <p:cNvPr id="30" name="文本框 29">
            <a:extLst>
              <a:ext uri="{FF2B5EF4-FFF2-40B4-BE49-F238E27FC236}">
                <a16:creationId xmlns="" xmlns:a16="http://schemas.microsoft.com/office/drawing/2014/main" id="{CF824ACE-31EE-452D-A81D-32E189AFE158}"/>
              </a:ext>
            </a:extLst>
          </p:cNvPr>
          <p:cNvSpPr txBox="1"/>
          <p:nvPr userDrawn="1"/>
        </p:nvSpPr>
        <p:spPr bwMode="auto">
          <a:xfrm>
            <a:off x="12249538" y="4235890"/>
            <a:ext cx="914633"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smtClean="0">
                <a:latin typeface="+mn-lt"/>
                <a:ea typeface="+mn-ea"/>
              </a:rPr>
              <a:t>表格</a:t>
            </a:r>
            <a:r>
              <a:rPr lang="en-US" altLang="zh-CN" sz="900" dirty="0" smtClean="0">
                <a:latin typeface="+mn-lt"/>
                <a:ea typeface="+mn-ea"/>
              </a:rPr>
              <a:t>/</a:t>
            </a:r>
            <a:r>
              <a:rPr lang="zh-CN" altLang="en-US" sz="900" dirty="0" smtClean="0">
                <a:latin typeface="+mn-lt"/>
                <a:ea typeface="+mn-ea"/>
              </a:rPr>
              <a:t>文字边框</a:t>
            </a:r>
            <a:endParaRPr lang="zh-CN" altLang="en-US" sz="900" dirty="0">
              <a:latin typeface="+mn-lt"/>
              <a:ea typeface="+mn-ea"/>
            </a:endParaRPr>
          </a:p>
        </p:txBody>
      </p:sp>
      <p:sp>
        <p:nvSpPr>
          <p:cNvPr id="31" name="文本框 30">
            <a:extLst>
              <a:ext uri="{FF2B5EF4-FFF2-40B4-BE49-F238E27FC236}">
                <a16:creationId xmlns="" xmlns:a16="http://schemas.microsoft.com/office/drawing/2014/main" id="{7399143C-FDAD-45F1-BC44-030BD92ABA98}"/>
              </a:ext>
            </a:extLst>
          </p:cNvPr>
          <p:cNvSpPr txBox="1"/>
          <p:nvPr userDrawn="1"/>
        </p:nvSpPr>
        <p:spPr bwMode="auto">
          <a:xfrm>
            <a:off x="12162526" y="4523977"/>
            <a:ext cx="1088651"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latin typeface="+mn-lt"/>
                <a:ea typeface="+mn-ea"/>
              </a:rPr>
              <a:t>导航灰底</a:t>
            </a:r>
          </a:p>
        </p:txBody>
      </p:sp>
      <p:sp>
        <p:nvSpPr>
          <p:cNvPr id="32" name="文本框 31">
            <a:extLst>
              <a:ext uri="{FF2B5EF4-FFF2-40B4-BE49-F238E27FC236}">
                <a16:creationId xmlns="" xmlns:a16="http://schemas.microsoft.com/office/drawing/2014/main" id="{308D80BD-0AC4-4D30-BDF8-F241047905A7}"/>
              </a:ext>
            </a:extLst>
          </p:cNvPr>
          <p:cNvSpPr txBox="1"/>
          <p:nvPr userDrawn="1"/>
        </p:nvSpPr>
        <p:spPr bwMode="auto">
          <a:xfrm>
            <a:off x="12457445" y="4812094"/>
            <a:ext cx="498816"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smtClean="0">
                <a:solidFill>
                  <a:schemeClr val="bg1"/>
                </a:solidFill>
                <a:latin typeface="+mn-lt"/>
                <a:ea typeface="+mn-ea"/>
              </a:rPr>
              <a:t>红</a:t>
            </a:r>
            <a:endParaRPr lang="zh-CN" altLang="en-US" sz="900" dirty="0">
              <a:solidFill>
                <a:schemeClr val="bg1"/>
              </a:solidFill>
              <a:latin typeface="+mn-lt"/>
              <a:ea typeface="+mn-ea"/>
            </a:endParaRPr>
          </a:p>
        </p:txBody>
      </p:sp>
      <p:sp>
        <p:nvSpPr>
          <p:cNvPr id="33" name="文本框 32">
            <a:extLst>
              <a:ext uri="{FF2B5EF4-FFF2-40B4-BE49-F238E27FC236}">
                <a16:creationId xmlns="" xmlns:a16="http://schemas.microsoft.com/office/drawing/2014/main" id="{B9CBC549-23CA-4012-B493-FF768D1829F1}"/>
              </a:ext>
            </a:extLst>
          </p:cNvPr>
          <p:cNvSpPr txBox="1"/>
          <p:nvPr userDrawn="1"/>
        </p:nvSpPr>
        <p:spPr bwMode="auto">
          <a:xfrm>
            <a:off x="12249538" y="5100196"/>
            <a:ext cx="914633"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smtClean="0">
                <a:latin typeface="+mn-lt"/>
                <a:ea typeface="+mn-ea"/>
              </a:rPr>
              <a:t>表格</a:t>
            </a:r>
            <a:r>
              <a:rPr lang="en-US" altLang="zh-CN" sz="900" dirty="0" smtClean="0">
                <a:latin typeface="+mn-lt"/>
                <a:ea typeface="+mn-ea"/>
              </a:rPr>
              <a:t>/</a:t>
            </a:r>
            <a:r>
              <a:rPr lang="zh-CN" altLang="en-US" sz="900" dirty="0" smtClean="0">
                <a:latin typeface="+mn-lt"/>
                <a:ea typeface="+mn-ea"/>
              </a:rPr>
              <a:t>文字</a:t>
            </a:r>
            <a:r>
              <a:rPr lang="zh-CN" altLang="en-US" sz="900" dirty="0">
                <a:latin typeface="+mn-lt"/>
                <a:ea typeface="+mn-ea"/>
              </a:rPr>
              <a:t>底色</a:t>
            </a:r>
          </a:p>
        </p:txBody>
      </p:sp>
      <p:sp>
        <p:nvSpPr>
          <p:cNvPr id="34" name="矩形 33">
            <a:extLst>
              <a:ext uri="{FF2B5EF4-FFF2-40B4-BE49-F238E27FC236}">
                <a16:creationId xmlns="" xmlns:a16="http://schemas.microsoft.com/office/drawing/2014/main" id="{BE210CD8-3823-4C2E-B3EA-E42C40CFB29F}"/>
              </a:ext>
            </a:extLst>
          </p:cNvPr>
          <p:cNvSpPr/>
          <p:nvPr userDrawn="1"/>
        </p:nvSpPr>
        <p:spPr>
          <a:xfrm>
            <a:off x="12246898" y="5485453"/>
            <a:ext cx="461833" cy="288000"/>
          </a:xfrm>
          <a:prstGeom prst="rect">
            <a:avLst/>
          </a:prstGeom>
          <a:solidFill>
            <a:srgbClr val="FFF2CC"/>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35" name="矩形 34">
            <a:extLst>
              <a:ext uri="{FF2B5EF4-FFF2-40B4-BE49-F238E27FC236}">
                <a16:creationId xmlns="" xmlns:a16="http://schemas.microsoft.com/office/drawing/2014/main" id="{BE210CD8-3823-4C2E-B3EA-E42C40CFB29F}"/>
              </a:ext>
            </a:extLst>
          </p:cNvPr>
          <p:cNvSpPr/>
          <p:nvPr userDrawn="1"/>
        </p:nvSpPr>
        <p:spPr>
          <a:xfrm>
            <a:off x="12708730" y="5485453"/>
            <a:ext cx="458075" cy="288000"/>
          </a:xfrm>
          <a:prstGeom prst="rect">
            <a:avLst/>
          </a:prstGeom>
          <a:solidFill>
            <a:srgbClr val="FFD17D"/>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36" name="文本框 35">
            <a:extLst>
              <a:ext uri="{FF2B5EF4-FFF2-40B4-BE49-F238E27FC236}">
                <a16:creationId xmlns="" xmlns:a16="http://schemas.microsoft.com/office/drawing/2014/main" id="{B9CBC549-23CA-4012-B493-FF768D1829F1}"/>
              </a:ext>
            </a:extLst>
          </p:cNvPr>
          <p:cNvSpPr txBox="1"/>
          <p:nvPr userDrawn="1"/>
        </p:nvSpPr>
        <p:spPr bwMode="auto">
          <a:xfrm>
            <a:off x="12502813" y="5515891"/>
            <a:ext cx="408083"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smtClean="0">
                <a:latin typeface="+mn-lt"/>
                <a:ea typeface="+mn-ea"/>
              </a:rPr>
              <a:t>备用</a:t>
            </a:r>
            <a:endParaRPr lang="zh-CN" altLang="en-US" sz="900" dirty="0">
              <a:latin typeface="+mn-lt"/>
              <a:ea typeface="+mn-ea"/>
            </a:endParaRPr>
          </a:p>
        </p:txBody>
      </p:sp>
      <p:sp>
        <p:nvSpPr>
          <p:cNvPr id="20" name="矩形 19">
            <a:extLst>
              <a:ext uri="{FF2B5EF4-FFF2-40B4-BE49-F238E27FC236}">
                <a16:creationId xmlns="" xmlns:a16="http://schemas.microsoft.com/office/drawing/2014/main" id="{947DE7E3-EC9F-4331-B252-7BCE51B7F0DA}"/>
              </a:ext>
            </a:extLst>
          </p:cNvPr>
          <p:cNvSpPr/>
          <p:nvPr userDrawn="1"/>
        </p:nvSpPr>
        <p:spPr>
          <a:xfrm>
            <a:off x="12246898" y="5773453"/>
            <a:ext cx="919908" cy="288000"/>
          </a:xfrm>
          <a:prstGeom prst="rect">
            <a:avLst/>
          </a:prstGeom>
          <a:solidFill>
            <a:schemeClr val="accent3"/>
          </a:solidFill>
        </p:spPr>
        <p:txBody>
          <a:bodyPr wrap="none" rtlCol="0" anchor="ctr">
            <a:noAutofit/>
          </a:bodyPr>
          <a:lstStyle/>
          <a:p>
            <a:pPr marL="342763" indent="-342763" algn="ctr" fontAlgn="auto">
              <a:buFont typeface="+mj-lt"/>
              <a:buAutoNum type="arabicPeriod"/>
            </a:pPr>
            <a:endParaRPr lang="zh-CN" altLang="en-US" sz="900">
              <a:latin typeface="+mn-lt"/>
              <a:ea typeface="+mn-ea"/>
              <a:cs typeface="Courier New" panose="02070309020205020404" pitchFamily="49" charset="0"/>
            </a:endParaRPr>
          </a:p>
        </p:txBody>
      </p:sp>
      <p:sp>
        <p:nvSpPr>
          <p:cNvPr id="22" name="文本框 21">
            <a:extLst>
              <a:ext uri="{FF2B5EF4-FFF2-40B4-BE49-F238E27FC236}">
                <a16:creationId xmlns="" xmlns:a16="http://schemas.microsoft.com/office/drawing/2014/main" id="{308D80BD-0AC4-4D30-BDF8-F241047905A7}"/>
              </a:ext>
            </a:extLst>
          </p:cNvPr>
          <p:cNvSpPr txBox="1"/>
          <p:nvPr userDrawn="1"/>
        </p:nvSpPr>
        <p:spPr bwMode="auto">
          <a:xfrm>
            <a:off x="12560520" y="5813738"/>
            <a:ext cx="292666"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smtClean="0">
                <a:solidFill>
                  <a:schemeClr val="bg1"/>
                </a:solidFill>
                <a:latin typeface="+mn-lt"/>
                <a:ea typeface="+mn-ea"/>
              </a:rPr>
              <a:t>绿</a:t>
            </a:r>
            <a:endParaRPr lang="zh-CN" altLang="en-US" sz="900" dirty="0">
              <a:solidFill>
                <a:schemeClr val="bg1"/>
              </a:solidFill>
              <a:latin typeface="+mn-lt"/>
              <a:ea typeface="+mn-ea"/>
            </a:endParaRPr>
          </a:p>
        </p:txBody>
      </p:sp>
    </p:spTree>
    <p:extLst>
      <p:ext uri="{BB962C8B-B14F-4D97-AF65-F5344CB8AC3E}">
        <p14:creationId xmlns:p14="http://schemas.microsoft.com/office/powerpoint/2010/main" val="730999807"/>
      </p:ext>
    </p:extLst>
  </p:cSld>
  <p:clrMap bg1="lt1" tx1="dk1" bg2="lt2" tx2="dk2" accent1="accent1" accent2="accent2" accent3="accent3" accent4="accent4" accent5="accent5" accent6="accent6" hlink="hlink" folHlink="folHlink"/>
  <p:sldLayoutIdLst>
    <p:sldLayoutId id="2147483826" r:id="rId1"/>
    <p:sldLayoutId id="2147483827" r:id="rId2"/>
    <p:sldLayoutId id="2147483828" r:id="rId3"/>
    <p:sldLayoutId id="2147483829" r:id="rId4"/>
    <p:sldLayoutId id="2147483830" r:id="rId5"/>
    <p:sldLayoutId id="2147483831" r:id="rId6"/>
    <p:sldLayoutId id="2147483832" r:id="rId7"/>
    <p:sldLayoutId id="2147483833" r:id="rId8"/>
    <p:sldLayoutId id="2147483834" r:id="rId9"/>
    <p:sldLayoutId id="2147483835" r:id="rId10"/>
    <p:sldLayoutId id="2147483836" r:id="rId11"/>
    <p:sldLayoutId id="2147483837" r:id="rId12"/>
    <p:sldLayoutId id="2147483838" r:id="rId13"/>
    <p:sldLayoutId id="2147483839" r:id="rId14"/>
    <p:sldLayoutId id="2147483840" r:id="rId15"/>
  </p:sldLayoutIdLst>
  <p:txStyles>
    <p:titleStyle>
      <a:lvl1pPr algn="l" defTabSz="914034" rtl="0" eaLnBrk="1" latinLnBrk="0" hangingPunct="1">
        <a:lnSpc>
          <a:spcPct val="90000"/>
        </a:lnSpc>
        <a:spcBef>
          <a:spcPct val="0"/>
        </a:spcBef>
        <a:buNone/>
        <a:defRPr sz="3499" kern="1200">
          <a:solidFill>
            <a:schemeClr val="tx1"/>
          </a:solidFill>
          <a:latin typeface="+mj-lt"/>
          <a:ea typeface="+mj-ea"/>
          <a:cs typeface="+mj-cs"/>
        </a:defRPr>
      </a:lvl1pPr>
    </p:titleStyle>
    <p:body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2" pos="281" userDrawn="1">
          <p15:clr>
            <a:srgbClr val="F26B43"/>
          </p15:clr>
        </p15:guide>
        <p15:guide id="4" pos="7399" userDrawn="1">
          <p15:clr>
            <a:srgbClr val="F26B43"/>
          </p15:clr>
        </p15:guide>
        <p15:guide id="5" orient="horz" pos="2341" userDrawn="1">
          <p15:clr>
            <a:srgbClr val="F26B43"/>
          </p15:clr>
        </p15:guide>
        <p15:guide id="6" orient="horz" pos="4020" userDrawn="1">
          <p15:clr>
            <a:srgbClr val="F26B43"/>
          </p15:clr>
        </p15:guide>
        <p15:guide id="7" orient="horz" pos="777" userDrawn="1">
          <p15:clr>
            <a:srgbClr val="F26B43"/>
          </p15:clr>
        </p15:guide>
        <p15:guide id="8" pos="3840"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1.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image" Target="../media/image13.png"/><Relationship Id="rId7" Type="http://schemas.openxmlformats.org/officeDocument/2006/relationships/image" Target="../media/image17.pn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6.png"/><Relationship Id="rId5" Type="http://schemas.openxmlformats.org/officeDocument/2006/relationships/image" Target="../media/image15.png"/><Relationship Id="rId4" Type="http://schemas.openxmlformats.org/officeDocument/2006/relationships/image" Target="../media/image14.png"/></Relationships>
</file>

<file path=ppt/slides/_rels/slide1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4.xml"/><Relationship Id="rId1" Type="http://schemas.openxmlformats.org/officeDocument/2006/relationships/slideLayout" Target="../slideLayouts/slideLayout8.xml"/><Relationship Id="rId5" Type="http://schemas.openxmlformats.org/officeDocument/2006/relationships/image" Target="../media/image19.png"/><Relationship Id="rId4" Type="http://schemas.openxmlformats.org/officeDocument/2006/relationships/image" Target="../media/image18.png"/></Relationships>
</file>

<file path=ppt/slides/_rels/slide1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5.xml"/><Relationship Id="rId1" Type="http://schemas.openxmlformats.org/officeDocument/2006/relationships/slideLayout" Target="../slideLayouts/slideLayout8.xml"/><Relationship Id="rId4" Type="http://schemas.openxmlformats.org/officeDocument/2006/relationships/image" Target="../media/image18.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8.pn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1.xml.rels><?xml version="1.0" encoding="UTF-8" standalone="yes"?>
<Relationships xmlns="http://schemas.openxmlformats.org/package/2006/relationships"><Relationship Id="rId8" Type="http://schemas.openxmlformats.org/officeDocument/2006/relationships/image" Target="../media/image27.png"/><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notesSlide" Target="../notesSlides/notesSlide21.xml"/><Relationship Id="rId1" Type="http://schemas.openxmlformats.org/officeDocument/2006/relationships/slideLayout" Target="../slideLayouts/slideLayout8.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2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23.xml.rels><?xml version="1.0" encoding="UTF-8" standalone="yes"?>
<Relationships xmlns="http://schemas.openxmlformats.org/package/2006/relationships"><Relationship Id="rId3" Type="http://schemas.openxmlformats.org/officeDocument/2006/relationships/image" Target="../media/image29.png"/><Relationship Id="rId7" Type="http://schemas.openxmlformats.org/officeDocument/2006/relationships/image" Target="../media/image33.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image" Target="../media/image30.png"/></Relationships>
</file>

<file path=ppt/slides/_rels/slide24.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35.png"/></Relationships>
</file>

<file path=ppt/slides/_rels/slide25.xml.rels><?xml version="1.0" encoding="UTF-8" standalone="yes"?>
<Relationships xmlns="http://schemas.openxmlformats.org/package/2006/relationships"><Relationship Id="rId8" Type="http://schemas.openxmlformats.org/officeDocument/2006/relationships/tags" Target="../tags/tag8.xml"/><Relationship Id="rId13" Type="http://schemas.openxmlformats.org/officeDocument/2006/relationships/image" Target="../media/image37.png"/><Relationship Id="rId3" Type="http://schemas.openxmlformats.org/officeDocument/2006/relationships/tags" Target="../tags/tag3.xml"/><Relationship Id="rId7" Type="http://schemas.openxmlformats.org/officeDocument/2006/relationships/tags" Target="../tags/tag7.xml"/><Relationship Id="rId12" Type="http://schemas.openxmlformats.org/officeDocument/2006/relationships/image" Target="../media/image36.png"/><Relationship Id="rId17" Type="http://schemas.openxmlformats.org/officeDocument/2006/relationships/image" Target="../media/image41.png"/><Relationship Id="rId2" Type="http://schemas.openxmlformats.org/officeDocument/2006/relationships/tags" Target="../tags/tag2.xml"/><Relationship Id="rId16" Type="http://schemas.openxmlformats.org/officeDocument/2006/relationships/image" Target="../media/image40.png"/><Relationship Id="rId1" Type="http://schemas.openxmlformats.org/officeDocument/2006/relationships/tags" Target="../tags/tag1.xml"/><Relationship Id="rId6" Type="http://schemas.openxmlformats.org/officeDocument/2006/relationships/tags" Target="../tags/tag6.xml"/><Relationship Id="rId11" Type="http://schemas.openxmlformats.org/officeDocument/2006/relationships/notesSlide" Target="../notesSlides/notesSlide25.xml"/><Relationship Id="rId5" Type="http://schemas.openxmlformats.org/officeDocument/2006/relationships/tags" Target="../tags/tag5.xml"/><Relationship Id="rId15" Type="http://schemas.openxmlformats.org/officeDocument/2006/relationships/image" Target="../media/image39.png"/><Relationship Id="rId10" Type="http://schemas.openxmlformats.org/officeDocument/2006/relationships/slideLayout" Target="../slideLayouts/slideLayout8.xml"/><Relationship Id="rId4" Type="http://schemas.openxmlformats.org/officeDocument/2006/relationships/tags" Target="../tags/tag4.xml"/><Relationship Id="rId9" Type="http://schemas.openxmlformats.org/officeDocument/2006/relationships/tags" Target="../tags/tag9.xml"/><Relationship Id="rId14" Type="http://schemas.openxmlformats.org/officeDocument/2006/relationships/image" Target="../media/image38.png"/></Relationships>
</file>

<file path=ppt/slides/_rels/slide26.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26.xml"/><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30.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43.png"/><Relationship Id="rId7"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6" Type="http://schemas.openxmlformats.org/officeDocument/2006/relationships/image" Target="../media/image17.png"/><Relationship Id="rId5" Type="http://schemas.openxmlformats.org/officeDocument/2006/relationships/image" Target="../media/image13.png"/><Relationship Id="rId4" Type="http://schemas.openxmlformats.org/officeDocument/2006/relationships/image" Target="../media/image44.png"/><Relationship Id="rId9" Type="http://schemas.openxmlformats.org/officeDocument/2006/relationships/image" Target="../media/image45.png"/></Relationships>
</file>

<file path=ppt/slides/_rels/slide31.xml.rels><?xml version="1.0" encoding="UTF-8" standalone="yes"?>
<Relationships xmlns="http://schemas.openxmlformats.org/package/2006/relationships"><Relationship Id="rId8" Type="http://schemas.openxmlformats.org/officeDocument/2006/relationships/image" Target="../media/image50.png"/><Relationship Id="rId3" Type="http://schemas.openxmlformats.org/officeDocument/2006/relationships/image" Target="../media/image46.png"/><Relationship Id="rId7" Type="http://schemas.openxmlformats.org/officeDocument/2006/relationships/image" Target="../media/image49.pn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openxmlformats.org/officeDocument/2006/relationships/image" Target="../media/image48.png"/><Relationship Id="rId5" Type="http://schemas.openxmlformats.org/officeDocument/2006/relationships/image" Target="../media/image18.png"/><Relationship Id="rId10" Type="http://schemas.openxmlformats.org/officeDocument/2006/relationships/image" Target="../media/image52.png"/><Relationship Id="rId4" Type="http://schemas.openxmlformats.org/officeDocument/2006/relationships/image" Target="../media/image47.png"/><Relationship Id="rId9" Type="http://schemas.openxmlformats.org/officeDocument/2006/relationships/image" Target="../media/image51.png"/></Relationships>
</file>

<file path=ppt/slides/_rels/slide32.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53.png"/><Relationship Id="rId7" Type="http://schemas.openxmlformats.org/officeDocument/2006/relationships/image" Target="../media/image14.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png"/><Relationship Id="rId4" Type="http://schemas.openxmlformats.org/officeDocument/2006/relationships/image" Target="../media/image54.png"/><Relationship Id="rId9" Type="http://schemas.openxmlformats.org/officeDocument/2006/relationships/image" Target="../media/image27.png"/></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8.xml"/></Relationships>
</file>

<file path=ppt/slides/_rels/slide34.xml.rels><?xml version="1.0" encoding="UTF-8" standalone="yes"?>
<Relationships xmlns="http://schemas.openxmlformats.org/package/2006/relationships"><Relationship Id="rId8" Type="http://schemas.openxmlformats.org/officeDocument/2006/relationships/image" Target="../media/image54.png"/><Relationship Id="rId3" Type="http://schemas.openxmlformats.org/officeDocument/2006/relationships/image" Target="../media/image55.png"/><Relationship Id="rId7" Type="http://schemas.openxmlformats.org/officeDocument/2006/relationships/image" Target="../media/image56.pn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17.png"/><Relationship Id="rId5" Type="http://schemas.openxmlformats.org/officeDocument/2006/relationships/image" Target="../media/image13.png"/><Relationship Id="rId4" Type="http://schemas.openxmlformats.org/officeDocument/2006/relationships/image" Target="../media/image14.png"/><Relationship Id="rId9" Type="http://schemas.openxmlformats.org/officeDocument/2006/relationships/image" Target="../media/image52.png"/></Relationships>
</file>

<file path=ppt/slides/_rels/slide35.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35.xml"/><Relationship Id="rId1" Type="http://schemas.openxmlformats.org/officeDocument/2006/relationships/slideLayout" Target="../slideLayouts/slideLayout8.xml"/><Relationship Id="rId4" Type="http://schemas.openxmlformats.org/officeDocument/2006/relationships/image" Target="../media/image58.png"/></Relationships>
</file>

<file path=ppt/slides/_rels/slide36.xml.rels><?xml version="1.0" encoding="UTF-8" standalone="yes"?>
<Relationships xmlns="http://schemas.openxmlformats.org/package/2006/relationships"><Relationship Id="rId8" Type="http://schemas.openxmlformats.org/officeDocument/2006/relationships/image" Target="../media/image60.png"/><Relationship Id="rId3" Type="http://schemas.openxmlformats.org/officeDocument/2006/relationships/image" Target="../media/image59.png"/><Relationship Id="rId7" Type="http://schemas.openxmlformats.org/officeDocument/2006/relationships/image" Target="../media/image56.pn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17.png"/><Relationship Id="rId5" Type="http://schemas.openxmlformats.org/officeDocument/2006/relationships/image" Target="../media/image13.png"/><Relationship Id="rId4" Type="http://schemas.openxmlformats.org/officeDocument/2006/relationships/image" Target="../media/image45.png"/></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5.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8.xml"/></Relationships>
</file>

<file path=ppt/slides/_rels/slide39.xml.rels><?xml version="1.0" encoding="UTF-8" standalone="yes"?>
<Relationships xmlns="http://schemas.openxmlformats.org/package/2006/relationships"><Relationship Id="rId3" Type="http://schemas.openxmlformats.org/officeDocument/2006/relationships/image" Target="../media/image61.jpg"/><Relationship Id="rId2" Type="http://schemas.openxmlformats.org/officeDocument/2006/relationships/notesSlide" Target="../notesSlides/notesSlide39.xml"/><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8.xml"/></Relationships>
</file>

<file path=ppt/slides/_rels/slide41.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41.xml"/><Relationship Id="rId1" Type="http://schemas.openxmlformats.org/officeDocument/2006/relationships/slideLayout" Target="../slideLayouts/slideLayout8.xml"/><Relationship Id="rId4" Type="http://schemas.openxmlformats.org/officeDocument/2006/relationships/image" Target="../media/image63.png"/></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8.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8.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8.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8.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8.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12.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3.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14.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15.xml"/></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6.png"/><Relationship Id="rId7" Type="http://schemas.openxmlformats.org/officeDocument/2006/relationships/image" Target="../media/image9.png"/><Relationship Id="rId2" Type="http://schemas.openxmlformats.org/officeDocument/2006/relationships/notesSlide" Target="../notesSlides/notesSlide7.xml"/><Relationship Id="rId1" Type="http://schemas.openxmlformats.org/officeDocument/2006/relationships/slideLayout" Target="../slideLayouts/slideLayout8.xml"/><Relationship Id="rId6" Type="http://schemas.microsoft.com/office/2007/relationships/hdphoto" Target="../media/hdphoto1.wdp"/><Relationship Id="rId5" Type="http://schemas.openxmlformats.org/officeDocument/2006/relationships/image" Target="../media/image8.png"/><Relationship Id="rId4" Type="http://schemas.openxmlformats.org/officeDocument/2006/relationships/image" Target="../media/image7.png"/></Relationships>
</file>

<file path=ppt/slides/_rels/slide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6" name="文本占位符 5"/>
          <p:cNvSpPr>
            <a:spLocks noGrp="1"/>
          </p:cNvSpPr>
          <p:nvPr>
            <p:ph type="body" sz="quarter" idx="17"/>
          </p:nvPr>
        </p:nvSpPr>
        <p:spPr/>
        <p:txBody>
          <a:bodyPr/>
          <a:lstStyle/>
          <a:p>
            <a:endParaRPr lang="zh-CN" altLang="en-US"/>
          </a:p>
        </p:txBody>
      </p:sp>
      <p:sp>
        <p:nvSpPr>
          <p:cNvPr id="7" name="文本占位符 6"/>
          <p:cNvSpPr>
            <a:spLocks noGrp="1"/>
          </p:cNvSpPr>
          <p:nvPr>
            <p:ph type="body" sz="quarter" idx="18"/>
          </p:nvPr>
        </p:nvSpPr>
        <p:spPr/>
        <p:txBody>
          <a:bodyPr/>
          <a:lstStyle/>
          <a:p>
            <a:endParaRPr lang="zh-CN" altLang="en-US"/>
          </a:p>
        </p:txBody>
      </p:sp>
      <p:sp>
        <p:nvSpPr>
          <p:cNvPr id="8" name="文本占位符 7"/>
          <p:cNvSpPr>
            <a:spLocks noGrp="1"/>
          </p:cNvSpPr>
          <p:nvPr>
            <p:ph type="body" sz="quarter" idx="19"/>
          </p:nvPr>
        </p:nvSpPr>
        <p:spPr/>
        <p:txBody>
          <a:bodyPr/>
          <a:lstStyle/>
          <a:p>
            <a:endParaRPr lang="zh-CN" altLang="en-US"/>
          </a:p>
        </p:txBody>
      </p:sp>
      <p:sp>
        <p:nvSpPr>
          <p:cNvPr id="9" name="文本占位符 8"/>
          <p:cNvSpPr>
            <a:spLocks noGrp="1"/>
          </p:cNvSpPr>
          <p:nvPr>
            <p:ph type="body" sz="quarter" idx="20"/>
          </p:nvPr>
        </p:nvSpPr>
        <p:spPr/>
        <p:txBody>
          <a:bodyPr/>
          <a:lstStyle/>
          <a:p>
            <a:endParaRPr lang="zh-CN" altLang="en-US"/>
          </a:p>
        </p:txBody>
      </p:sp>
      <p:sp>
        <p:nvSpPr>
          <p:cNvPr id="74" name="文本占位符 73"/>
          <p:cNvSpPr>
            <a:spLocks noGrp="1"/>
          </p:cNvSpPr>
          <p:nvPr>
            <p:ph type="body" sz="quarter" idx="13"/>
          </p:nvPr>
        </p:nvSpPr>
        <p:spPr/>
        <p:txBody>
          <a:bodyPr/>
          <a:lstStyle/>
          <a:p>
            <a:r>
              <a:rPr lang="zh-CN" altLang="en-US" smtClean="0"/>
              <a:t>万倡利</a:t>
            </a:r>
            <a:r>
              <a:rPr lang="en-US" altLang="zh-CN" smtClean="0"/>
              <a:t>/wwx408647</a:t>
            </a:r>
            <a:endParaRPr lang="zh-CN" altLang="en-US" dirty="0"/>
          </a:p>
        </p:txBody>
      </p:sp>
      <p:sp>
        <p:nvSpPr>
          <p:cNvPr id="75" name="文本占位符 74"/>
          <p:cNvSpPr>
            <a:spLocks noGrp="1"/>
          </p:cNvSpPr>
          <p:nvPr>
            <p:ph type="body" sz="quarter" idx="14"/>
          </p:nvPr>
        </p:nvSpPr>
        <p:spPr/>
        <p:txBody>
          <a:bodyPr/>
          <a:lstStyle/>
          <a:p>
            <a:r>
              <a:rPr lang="en-US" altLang="zh-CN" smtClean="0"/>
              <a:t>2020.2.17</a:t>
            </a:r>
            <a:endParaRPr lang="zh-CN" altLang="en-US"/>
          </a:p>
        </p:txBody>
      </p:sp>
      <p:sp>
        <p:nvSpPr>
          <p:cNvPr id="4" name="文本占位符 3"/>
          <p:cNvSpPr>
            <a:spLocks noGrp="1"/>
          </p:cNvSpPr>
          <p:nvPr>
            <p:ph type="body" sz="quarter" idx="15"/>
          </p:nvPr>
        </p:nvSpPr>
        <p:spPr/>
        <p:txBody>
          <a:bodyPr/>
          <a:lstStyle/>
          <a:p>
            <a:endParaRPr lang="zh-CN" altLang="en-US"/>
          </a:p>
        </p:txBody>
      </p:sp>
      <p:sp>
        <p:nvSpPr>
          <p:cNvPr id="5" name="文本占位符 4"/>
          <p:cNvSpPr>
            <a:spLocks noGrp="1"/>
          </p:cNvSpPr>
          <p:nvPr>
            <p:ph type="body" sz="quarter" idx="16"/>
          </p:nvPr>
        </p:nvSpPr>
        <p:spPr/>
        <p:txBody>
          <a:bodyPr/>
          <a:lstStyle/>
          <a:p>
            <a:endParaRPr lang="zh-CN" altLang="en-US"/>
          </a:p>
        </p:txBody>
      </p:sp>
      <p:sp>
        <p:nvSpPr>
          <p:cNvPr id="10" name="文本占位符 9"/>
          <p:cNvSpPr>
            <a:spLocks noGrp="1"/>
          </p:cNvSpPr>
          <p:nvPr>
            <p:ph type="body" sz="quarter" idx="21"/>
          </p:nvPr>
        </p:nvSpPr>
        <p:spPr/>
        <p:txBody>
          <a:bodyPr/>
          <a:lstStyle/>
          <a:p>
            <a:endParaRPr lang="zh-CN" altLang="en-US"/>
          </a:p>
        </p:txBody>
      </p:sp>
      <p:sp>
        <p:nvSpPr>
          <p:cNvPr id="11" name="文本占位符 10"/>
          <p:cNvSpPr>
            <a:spLocks noGrp="1"/>
          </p:cNvSpPr>
          <p:nvPr>
            <p:ph type="body" sz="quarter" idx="22"/>
          </p:nvPr>
        </p:nvSpPr>
        <p:spPr/>
        <p:txBody>
          <a:bodyPr/>
          <a:lstStyle/>
          <a:p>
            <a:endParaRPr lang="zh-CN" altLang="en-US"/>
          </a:p>
        </p:txBody>
      </p:sp>
      <p:sp>
        <p:nvSpPr>
          <p:cNvPr id="12" name="文本占位符 11"/>
          <p:cNvSpPr>
            <a:spLocks noGrp="1"/>
          </p:cNvSpPr>
          <p:nvPr>
            <p:ph type="body" sz="quarter" idx="23"/>
          </p:nvPr>
        </p:nvSpPr>
        <p:spPr/>
        <p:txBody>
          <a:bodyPr/>
          <a:lstStyle/>
          <a:p>
            <a:endParaRPr lang="zh-CN" altLang="en-US"/>
          </a:p>
        </p:txBody>
      </p:sp>
      <p:sp>
        <p:nvSpPr>
          <p:cNvPr id="13" name="文本占位符 12"/>
          <p:cNvSpPr>
            <a:spLocks noGrp="1"/>
          </p:cNvSpPr>
          <p:nvPr>
            <p:ph type="body" sz="quarter" idx="24"/>
          </p:nvPr>
        </p:nvSpPr>
        <p:spPr/>
        <p:txBody>
          <a:bodyPr/>
          <a:lstStyle/>
          <a:p>
            <a:endParaRPr lang="zh-CN" altLang="en-US"/>
          </a:p>
        </p:txBody>
      </p:sp>
      <p:sp>
        <p:nvSpPr>
          <p:cNvPr id="14" name="文本占位符 13"/>
          <p:cNvSpPr>
            <a:spLocks noGrp="1"/>
          </p:cNvSpPr>
          <p:nvPr>
            <p:ph type="body" sz="quarter" idx="25"/>
          </p:nvPr>
        </p:nvSpPr>
        <p:spPr/>
        <p:txBody>
          <a:bodyPr/>
          <a:lstStyle/>
          <a:p>
            <a:endParaRPr lang="zh-CN" altLang="en-US"/>
          </a:p>
        </p:txBody>
      </p:sp>
      <p:sp>
        <p:nvSpPr>
          <p:cNvPr id="15" name="文本占位符 14"/>
          <p:cNvSpPr>
            <a:spLocks noGrp="1"/>
          </p:cNvSpPr>
          <p:nvPr>
            <p:ph type="body" sz="quarter" idx="26"/>
          </p:nvPr>
        </p:nvSpPr>
        <p:spPr/>
        <p:txBody>
          <a:bodyPr/>
          <a:lstStyle/>
          <a:p>
            <a:endParaRPr lang="zh-CN" altLang="en-US"/>
          </a:p>
        </p:txBody>
      </p:sp>
      <p:sp>
        <p:nvSpPr>
          <p:cNvPr id="16" name="文本占位符 15"/>
          <p:cNvSpPr>
            <a:spLocks noGrp="1"/>
          </p:cNvSpPr>
          <p:nvPr>
            <p:ph type="body" sz="quarter" idx="27"/>
          </p:nvPr>
        </p:nvSpPr>
        <p:spPr/>
        <p:txBody>
          <a:bodyPr/>
          <a:lstStyle/>
          <a:p>
            <a:endParaRPr lang="zh-CN" altLang="en-US"/>
          </a:p>
        </p:txBody>
      </p:sp>
      <p:sp>
        <p:nvSpPr>
          <p:cNvPr id="17" name="文本占位符 16"/>
          <p:cNvSpPr>
            <a:spLocks noGrp="1"/>
          </p:cNvSpPr>
          <p:nvPr>
            <p:ph type="body" sz="quarter" idx="28"/>
          </p:nvPr>
        </p:nvSpPr>
        <p:spPr/>
        <p:txBody>
          <a:bodyPr/>
          <a:lstStyle/>
          <a:p>
            <a:endParaRPr lang="zh-CN" altLang="en-US"/>
          </a:p>
        </p:txBody>
      </p:sp>
      <p:sp>
        <p:nvSpPr>
          <p:cNvPr id="18" name="文本占位符 17"/>
          <p:cNvSpPr>
            <a:spLocks noGrp="1"/>
          </p:cNvSpPr>
          <p:nvPr>
            <p:ph type="body" sz="quarter" idx="29"/>
          </p:nvPr>
        </p:nvSpPr>
        <p:spPr/>
        <p:txBody>
          <a:bodyPr/>
          <a:lstStyle/>
          <a:p>
            <a:endParaRPr lang="zh-CN" altLang="en-US"/>
          </a:p>
        </p:txBody>
      </p:sp>
      <p:sp>
        <p:nvSpPr>
          <p:cNvPr id="19" name="文本占位符 18"/>
          <p:cNvSpPr>
            <a:spLocks noGrp="1"/>
          </p:cNvSpPr>
          <p:nvPr>
            <p:ph type="body" sz="quarter" idx="30"/>
          </p:nvPr>
        </p:nvSpPr>
        <p:spPr/>
        <p:txBody>
          <a:bodyPr/>
          <a:lstStyle/>
          <a:p>
            <a:endParaRPr lang="zh-CN" altLang="en-US"/>
          </a:p>
        </p:txBody>
      </p:sp>
      <p:sp>
        <p:nvSpPr>
          <p:cNvPr id="20" name="文本占位符 19"/>
          <p:cNvSpPr>
            <a:spLocks noGrp="1"/>
          </p:cNvSpPr>
          <p:nvPr>
            <p:ph type="body" sz="quarter" idx="31"/>
          </p:nvPr>
        </p:nvSpPr>
        <p:spPr/>
        <p:txBody>
          <a:bodyPr/>
          <a:lstStyle/>
          <a:p>
            <a:endParaRPr lang="zh-CN" altLang="en-US"/>
          </a:p>
        </p:txBody>
      </p:sp>
      <p:sp>
        <p:nvSpPr>
          <p:cNvPr id="21" name="文本占位符 20"/>
          <p:cNvSpPr>
            <a:spLocks noGrp="1"/>
          </p:cNvSpPr>
          <p:nvPr>
            <p:ph type="body" sz="quarter" idx="32"/>
          </p:nvPr>
        </p:nvSpPr>
        <p:spPr/>
        <p:txBody>
          <a:bodyPr/>
          <a:lstStyle/>
          <a:p>
            <a:endParaRPr lang="zh-CN" altLang="en-US"/>
          </a:p>
        </p:txBody>
      </p:sp>
      <p:sp>
        <p:nvSpPr>
          <p:cNvPr id="22" name="文本占位符 21"/>
          <p:cNvSpPr>
            <a:spLocks noGrp="1"/>
          </p:cNvSpPr>
          <p:nvPr>
            <p:ph type="body" sz="quarter" idx="33"/>
          </p:nvPr>
        </p:nvSpPr>
        <p:spPr/>
        <p:txBody>
          <a:bodyPr/>
          <a:lstStyle/>
          <a:p>
            <a:endParaRPr lang="zh-CN" altLang="en-US"/>
          </a:p>
        </p:txBody>
      </p:sp>
      <p:sp>
        <p:nvSpPr>
          <p:cNvPr id="23" name="文本占位符 22"/>
          <p:cNvSpPr>
            <a:spLocks noGrp="1"/>
          </p:cNvSpPr>
          <p:nvPr>
            <p:ph type="body" sz="quarter" idx="34"/>
          </p:nvPr>
        </p:nvSpPr>
        <p:spPr/>
        <p:txBody>
          <a:bodyPr/>
          <a:lstStyle/>
          <a:p>
            <a:endParaRPr lang="zh-CN" altLang="en-US"/>
          </a:p>
        </p:txBody>
      </p:sp>
      <p:sp>
        <p:nvSpPr>
          <p:cNvPr id="24" name="文本占位符 23"/>
          <p:cNvSpPr>
            <a:spLocks noGrp="1"/>
          </p:cNvSpPr>
          <p:nvPr>
            <p:ph type="body" sz="quarter" idx="35"/>
          </p:nvPr>
        </p:nvSpPr>
        <p:spPr/>
        <p:txBody>
          <a:bodyPr/>
          <a:lstStyle/>
          <a:p>
            <a:endParaRPr lang="zh-CN" altLang="en-US"/>
          </a:p>
        </p:txBody>
      </p:sp>
      <p:sp>
        <p:nvSpPr>
          <p:cNvPr id="25" name="文本占位符 24"/>
          <p:cNvSpPr>
            <a:spLocks noGrp="1"/>
          </p:cNvSpPr>
          <p:nvPr>
            <p:ph type="body" sz="quarter" idx="36"/>
          </p:nvPr>
        </p:nvSpPr>
        <p:spPr/>
        <p:txBody>
          <a:bodyPr/>
          <a:lstStyle/>
          <a:p>
            <a:endParaRPr lang="zh-CN" altLang="en-US"/>
          </a:p>
        </p:txBody>
      </p:sp>
    </p:spTree>
    <p:extLst>
      <p:ext uri="{BB962C8B-B14F-4D97-AF65-F5344CB8AC3E}">
        <p14:creationId xmlns:p14="http://schemas.microsoft.com/office/powerpoint/2010/main" val="194310580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58E11AF3-0EE3-4D0B-8431-47D4048549CC}"/>
              </a:ext>
            </a:extLst>
          </p:cNvPr>
          <p:cNvSpPr>
            <a:spLocks noGrp="1"/>
          </p:cNvSpPr>
          <p:nvPr>
            <p:ph type="title"/>
          </p:nvPr>
        </p:nvSpPr>
        <p:spPr/>
        <p:txBody>
          <a:bodyPr/>
          <a:lstStyle/>
          <a:p>
            <a:r>
              <a:rPr lang="zh-CN" altLang="en-US" dirty="0"/>
              <a:t>网络易拥塞</a:t>
            </a:r>
          </a:p>
        </p:txBody>
      </p:sp>
      <p:sp>
        <p:nvSpPr>
          <p:cNvPr id="143" name="五边形 24">
            <a:extLst>
              <a:ext uri="{FF2B5EF4-FFF2-40B4-BE49-F238E27FC236}">
                <a16:creationId xmlns:a16="http://schemas.microsoft.com/office/drawing/2014/main" xmlns="" id="{880A4C1E-2ADD-4B7E-BE64-43DAA966356B}"/>
              </a:ext>
            </a:extLst>
          </p:cNvPr>
          <p:cNvSpPr/>
          <p:nvPr/>
        </p:nvSpPr>
        <p:spPr bwMode="auto">
          <a:xfrm>
            <a:off x="8616902" y="124239"/>
            <a:ext cx="888968" cy="213120"/>
          </a:xfrm>
          <a:prstGeom prst="homePlat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网络易拥塞</a:t>
            </a:r>
            <a:endParaRPr lang="zh-CN" altLang="en-US" sz="1200" b="1" kern="0" dirty="0">
              <a:solidFill>
                <a:srgbClr val="FFFFFF"/>
              </a:solidFill>
            </a:endParaRPr>
          </a:p>
        </p:txBody>
      </p:sp>
      <p:sp>
        <p:nvSpPr>
          <p:cNvPr id="144" name="燕尾形 25">
            <a:extLst>
              <a:ext uri="{FF2B5EF4-FFF2-40B4-BE49-F238E27FC236}">
                <a16:creationId xmlns:a16="http://schemas.microsoft.com/office/drawing/2014/main" xmlns="" id="{EF95D330-43C8-4DC2-900A-0759B97C4E97}"/>
              </a:ext>
            </a:extLst>
          </p:cNvPr>
          <p:cNvSpPr/>
          <p:nvPr/>
        </p:nvSpPr>
        <p:spPr bwMode="auto">
          <a:xfrm>
            <a:off x="9425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技术复杂</a:t>
            </a:r>
            <a:endParaRPr lang="en-US" altLang="zh-CN" sz="1200" kern="0"/>
          </a:p>
        </p:txBody>
      </p:sp>
      <p:sp>
        <p:nvSpPr>
          <p:cNvPr id="145" name="燕尾形 26">
            <a:extLst>
              <a:ext uri="{FF2B5EF4-FFF2-40B4-BE49-F238E27FC236}">
                <a16:creationId xmlns:a16="http://schemas.microsoft.com/office/drawing/2014/main" xmlns="" id="{C213C85E-D616-4D1E-8495-C213BDA6FC66}"/>
              </a:ext>
            </a:extLst>
          </p:cNvPr>
          <p:cNvSpPr/>
          <p:nvPr/>
        </p:nvSpPr>
        <p:spPr bwMode="auto">
          <a:xfrm>
            <a:off x="10234392"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zh-CN" altLang="en-US" sz="1200" kern="0"/>
              <a:t>运维困难</a:t>
            </a:r>
            <a:endParaRPr lang="en-US" altLang="zh-CN" sz="1200" kern="0"/>
          </a:p>
        </p:txBody>
      </p:sp>
      <p:sp>
        <p:nvSpPr>
          <p:cNvPr id="146" name="燕尾形 27">
            <a:extLst>
              <a:ext uri="{FF2B5EF4-FFF2-40B4-BE49-F238E27FC236}">
                <a16:creationId xmlns:a16="http://schemas.microsoft.com/office/drawing/2014/main" xmlns="" id="{36825C51-1A2A-4BF7-BB0B-04965D679049}"/>
              </a:ext>
            </a:extLst>
          </p:cNvPr>
          <p:cNvSpPr/>
          <p:nvPr/>
        </p:nvSpPr>
        <p:spPr bwMode="auto">
          <a:xfrm>
            <a:off x="11043138" y="124239"/>
            <a:ext cx="1008107"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defRPr/>
            </a:pPr>
            <a:r>
              <a:rPr lang="zh-CN" altLang="en-US" sz="1200" kern="0"/>
              <a:t>业务部署慢</a:t>
            </a:r>
            <a:endParaRPr lang="en-US" altLang="zh-CN" sz="1200" kern="0"/>
          </a:p>
        </p:txBody>
      </p:sp>
      <p:sp>
        <p:nvSpPr>
          <p:cNvPr id="116" name="TextBox 193">
            <a:extLst>
              <a:ext uri="{FF2B5EF4-FFF2-40B4-BE49-F238E27FC236}">
                <a16:creationId xmlns:a16="http://schemas.microsoft.com/office/drawing/2014/main" xmlns="" id="{96B7BC9B-F2BD-4798-98A8-EF66910F0F30}"/>
              </a:ext>
            </a:extLst>
          </p:cNvPr>
          <p:cNvSpPr txBox="1"/>
          <p:nvPr/>
        </p:nvSpPr>
        <p:spPr>
          <a:xfrm>
            <a:off x="555797" y="4378191"/>
            <a:ext cx="4830660" cy="1901226"/>
          </a:xfrm>
          <a:prstGeom prst="rect">
            <a:avLst/>
          </a:prstGeom>
          <a:noFill/>
          <a:ln>
            <a:solidFill>
              <a:schemeClr val="bg1"/>
            </a:solidFill>
          </a:ln>
        </p:spPr>
        <p:txBody>
          <a:bodyPr wrap="square" rtlCol="0">
            <a:spAutoFit/>
          </a:bodyPr>
          <a:lstStyle/>
          <a:p>
            <a:pPr indent="-257106">
              <a:lnSpc>
                <a:spcPct val="150000"/>
              </a:lnSpc>
              <a:defRPr/>
            </a:pPr>
            <a:r>
              <a:rPr lang="zh-CN" altLang="en-US" sz="1600">
                <a:cs typeface="Arial" pitchFamily="34" charset="0"/>
              </a:rPr>
              <a:t>网络基于带宽计算转发路径。</a:t>
            </a:r>
            <a:r>
              <a:rPr lang="zh-CN" altLang="en-US" sz="1600">
                <a:ea typeface="+mn-ea"/>
                <a:cs typeface="Arial" pitchFamily="34" charset="0"/>
              </a:rPr>
              <a:t>路由器</a:t>
            </a:r>
            <a:r>
              <a:rPr lang="en-US" altLang="zh-CN" sz="1600" dirty="0">
                <a:cs typeface="Arial" pitchFamily="34" charset="0"/>
              </a:rPr>
              <a:t>C</a:t>
            </a:r>
            <a:r>
              <a:rPr lang="zh-CN" altLang="en-US" sz="1600">
                <a:ea typeface="+mn-ea"/>
                <a:cs typeface="Arial" pitchFamily="34" charset="0"/>
              </a:rPr>
              <a:t>到路由器</a:t>
            </a:r>
            <a:r>
              <a:rPr lang="en-US" altLang="zh-CN" sz="1600">
                <a:ea typeface="+mn-ea"/>
                <a:cs typeface="Arial" pitchFamily="34" charset="0"/>
              </a:rPr>
              <a:t>D</a:t>
            </a:r>
            <a:r>
              <a:rPr lang="zh-CN" altLang="en-US" sz="1600">
                <a:ea typeface="+mn-ea"/>
                <a:cs typeface="Arial" pitchFamily="34" charset="0"/>
              </a:rPr>
              <a:t>的链路为最短转发路径。</a:t>
            </a:r>
            <a:r>
              <a:rPr lang="en-US" altLang="zh-CN" sz="1600">
                <a:cs typeface="Arial" pitchFamily="34" charset="0"/>
              </a:rPr>
              <a:t>C-D</a:t>
            </a:r>
            <a:r>
              <a:rPr lang="zh-CN" altLang="en-US" sz="1600">
                <a:cs typeface="Arial" pitchFamily="34" charset="0"/>
              </a:rPr>
              <a:t>的</a:t>
            </a:r>
            <a:r>
              <a:rPr lang="zh-CN" altLang="en-US" sz="1600">
                <a:ea typeface="+mn-ea"/>
                <a:cs typeface="Arial" pitchFamily="34" charset="0"/>
              </a:rPr>
              <a:t>业务流量开始超过带宽出现丢包现象。虽然其他链路空闲，但是算法依然选择最短路径转发。</a:t>
            </a:r>
            <a:r>
              <a:rPr lang="zh-CN" altLang="en-US" sz="1600">
                <a:cs typeface="Arial" pitchFamily="34" charset="0"/>
              </a:rPr>
              <a:t>如果可以全局考虑，此时最优的流量转发路径为</a:t>
            </a:r>
            <a:r>
              <a:rPr lang="en-US" altLang="zh-CN" sz="1600">
                <a:cs typeface="Arial" pitchFamily="34" charset="0"/>
              </a:rPr>
              <a:t>C-A-D</a:t>
            </a:r>
            <a:r>
              <a:rPr lang="zh-CN" altLang="en-US" sz="1600">
                <a:cs typeface="Arial" pitchFamily="34" charset="0"/>
              </a:rPr>
              <a:t>。</a:t>
            </a:r>
            <a:endParaRPr lang="en-US" altLang="zh-CN" sz="1600" dirty="0">
              <a:cs typeface="Arial" pitchFamily="34" charset="0"/>
            </a:endParaRPr>
          </a:p>
        </p:txBody>
      </p:sp>
      <p:sp>
        <p:nvSpPr>
          <p:cNvPr id="117" name="TextBox 307">
            <a:extLst>
              <a:ext uri="{FF2B5EF4-FFF2-40B4-BE49-F238E27FC236}">
                <a16:creationId xmlns:a16="http://schemas.microsoft.com/office/drawing/2014/main" xmlns="" id="{273539D6-419A-4BBB-BC0D-1735992549CE}"/>
              </a:ext>
            </a:extLst>
          </p:cNvPr>
          <p:cNvSpPr txBox="1"/>
          <p:nvPr/>
        </p:nvSpPr>
        <p:spPr>
          <a:xfrm>
            <a:off x="690445" y="4014873"/>
            <a:ext cx="1510350" cy="307777"/>
          </a:xfrm>
          <a:prstGeom prst="rect">
            <a:avLst/>
          </a:prstGeom>
          <a:noFill/>
        </p:spPr>
        <p:txBody>
          <a:bodyPr wrap="none" rtlCol="0">
            <a:spAutoFit/>
          </a:bodyPr>
          <a:lstStyle/>
          <a:p>
            <a:r>
              <a:rPr lang="zh-CN" altLang="en-US" sz="1400" dirty="0">
                <a:ea typeface="+mn-ea"/>
              </a:rPr>
              <a:t>已用带宽</a:t>
            </a:r>
            <a:r>
              <a:rPr lang="en-US" altLang="zh-CN" sz="1400" dirty="0">
                <a:ea typeface="+mn-ea"/>
              </a:rPr>
              <a:t>/</a:t>
            </a:r>
            <a:r>
              <a:rPr lang="zh-CN" altLang="en-US" sz="1400" dirty="0">
                <a:ea typeface="+mn-ea"/>
              </a:rPr>
              <a:t>总带宽</a:t>
            </a:r>
            <a:endParaRPr lang="en-US" altLang="zh-CN" sz="1400" dirty="0">
              <a:ea typeface="+mn-ea"/>
            </a:endParaRPr>
          </a:p>
        </p:txBody>
      </p:sp>
      <p:sp>
        <p:nvSpPr>
          <p:cNvPr id="118" name="TextBox 315">
            <a:extLst>
              <a:ext uri="{FF2B5EF4-FFF2-40B4-BE49-F238E27FC236}">
                <a16:creationId xmlns:a16="http://schemas.microsoft.com/office/drawing/2014/main" xmlns="" id="{E8E79678-F8CD-4F22-831A-9F1ADF20E9F2}"/>
              </a:ext>
            </a:extLst>
          </p:cNvPr>
          <p:cNvSpPr txBox="1"/>
          <p:nvPr/>
        </p:nvSpPr>
        <p:spPr>
          <a:xfrm>
            <a:off x="5531002" y="4021601"/>
            <a:ext cx="4169411" cy="338554"/>
          </a:xfrm>
          <a:prstGeom prst="rect">
            <a:avLst/>
          </a:prstGeom>
          <a:noFill/>
        </p:spPr>
        <p:txBody>
          <a:bodyPr wrap="square" rtlCol="0">
            <a:spAutoFit/>
          </a:bodyPr>
          <a:lstStyle/>
          <a:p>
            <a:r>
              <a:rPr lang="zh-CN" altLang="en-US" sz="1600">
                <a:ea typeface="+mn-ea"/>
              </a:rPr>
              <a:t>全局计算，最优调整隧道路径：</a:t>
            </a:r>
            <a:endParaRPr lang="en-US" sz="1600" dirty="0">
              <a:ea typeface="+mn-ea"/>
            </a:endParaRPr>
          </a:p>
        </p:txBody>
      </p:sp>
      <p:cxnSp>
        <p:nvCxnSpPr>
          <p:cNvPr id="119" name="Straight Connector 526">
            <a:extLst>
              <a:ext uri="{FF2B5EF4-FFF2-40B4-BE49-F238E27FC236}">
                <a16:creationId xmlns:a16="http://schemas.microsoft.com/office/drawing/2014/main" xmlns="" id="{BBAD802C-15BC-4E3A-97B0-1BFF3E3F3FFB}"/>
              </a:ext>
            </a:extLst>
          </p:cNvPr>
          <p:cNvCxnSpPr>
            <a:cxnSpLocks/>
            <a:stCxn id="128" idx="1"/>
            <a:endCxn id="121" idx="1"/>
          </p:cNvCxnSpPr>
          <p:nvPr/>
        </p:nvCxnSpPr>
        <p:spPr bwMode="auto">
          <a:xfrm flipH="1">
            <a:off x="1094477" y="2368639"/>
            <a:ext cx="1497568" cy="685932"/>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120" name="Straight Connector 526">
            <a:extLst>
              <a:ext uri="{FF2B5EF4-FFF2-40B4-BE49-F238E27FC236}">
                <a16:creationId xmlns:a16="http://schemas.microsoft.com/office/drawing/2014/main" xmlns="" id="{1AEB9402-7FEE-475A-A933-E2F51AD2209E}"/>
              </a:ext>
            </a:extLst>
          </p:cNvPr>
          <p:cNvCxnSpPr>
            <a:cxnSpLocks/>
            <a:stCxn id="121" idx="1"/>
            <a:endCxn id="129" idx="1"/>
          </p:cNvCxnSpPr>
          <p:nvPr/>
        </p:nvCxnSpPr>
        <p:spPr bwMode="auto">
          <a:xfrm>
            <a:off x="1094477" y="3054571"/>
            <a:ext cx="1502606" cy="685931"/>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121" name="图片 120">
            <a:extLst>
              <a:ext uri="{FF2B5EF4-FFF2-40B4-BE49-F238E27FC236}">
                <a16:creationId xmlns:a16="http://schemas.microsoft.com/office/drawing/2014/main" xmlns="" id="{93C18EB8-2CBD-4052-A7DD-059B7E06A77F}"/>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1094477" y="2860074"/>
            <a:ext cx="474383" cy="388994"/>
          </a:xfrm>
          <a:prstGeom prst="rect">
            <a:avLst/>
          </a:prstGeom>
        </p:spPr>
      </p:pic>
      <p:cxnSp>
        <p:nvCxnSpPr>
          <p:cNvPr id="122" name="Straight Connector 526">
            <a:extLst>
              <a:ext uri="{FF2B5EF4-FFF2-40B4-BE49-F238E27FC236}">
                <a16:creationId xmlns:a16="http://schemas.microsoft.com/office/drawing/2014/main" xmlns="" id="{37C3DE71-767E-4666-89D1-22CC0C7A3F54}"/>
              </a:ext>
            </a:extLst>
          </p:cNvPr>
          <p:cNvCxnSpPr>
            <a:cxnSpLocks/>
            <a:stCxn id="125" idx="0"/>
            <a:endCxn id="124" idx="2"/>
          </p:cNvCxnSpPr>
          <p:nvPr/>
        </p:nvCxnSpPr>
        <p:spPr bwMode="auto">
          <a:xfrm flipV="1">
            <a:off x="4331842" y="2563136"/>
            <a:ext cx="0" cy="982869"/>
          </a:xfrm>
          <a:prstGeom prst="line">
            <a:avLst/>
          </a:prstGeom>
          <a:solidFill>
            <a:schemeClr val="accent1"/>
          </a:solidFill>
          <a:ln w="19050" cap="flat" cmpd="sng" algn="ctr">
            <a:solidFill>
              <a:schemeClr val="tx1"/>
            </a:solidFill>
            <a:prstDash val="solid"/>
            <a:round/>
            <a:headEnd type="none" w="med" len="med"/>
            <a:tailEnd type="none" w="med" len="med"/>
          </a:ln>
          <a:effectLst/>
        </p:spPr>
      </p:cxnSp>
      <p:grpSp>
        <p:nvGrpSpPr>
          <p:cNvPr id="123" name="组合 122">
            <a:extLst>
              <a:ext uri="{FF2B5EF4-FFF2-40B4-BE49-F238E27FC236}">
                <a16:creationId xmlns:a16="http://schemas.microsoft.com/office/drawing/2014/main" xmlns="" id="{04942E01-45E6-4DC0-A87E-DE17A57DB909}"/>
              </a:ext>
            </a:extLst>
          </p:cNvPr>
          <p:cNvGrpSpPr/>
          <p:nvPr/>
        </p:nvGrpSpPr>
        <p:grpSpPr>
          <a:xfrm>
            <a:off x="4094650" y="2174142"/>
            <a:ext cx="474383" cy="1760857"/>
            <a:chOff x="4207470" y="2170372"/>
            <a:chExt cx="474383" cy="1760857"/>
          </a:xfrm>
        </p:grpSpPr>
        <p:pic>
          <p:nvPicPr>
            <p:cNvPr id="124" name="图片 123">
              <a:extLst>
                <a:ext uri="{FF2B5EF4-FFF2-40B4-BE49-F238E27FC236}">
                  <a16:creationId xmlns:a16="http://schemas.microsoft.com/office/drawing/2014/main" xmlns="" id="{D33A108A-0A8A-4861-9C10-FA0B89E43841}"/>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4207470" y="2170372"/>
              <a:ext cx="474383" cy="388994"/>
            </a:xfrm>
            <a:prstGeom prst="rect">
              <a:avLst/>
            </a:prstGeom>
          </p:spPr>
        </p:pic>
        <p:pic>
          <p:nvPicPr>
            <p:cNvPr id="125" name="图片 124">
              <a:extLst>
                <a:ext uri="{FF2B5EF4-FFF2-40B4-BE49-F238E27FC236}">
                  <a16:creationId xmlns:a16="http://schemas.microsoft.com/office/drawing/2014/main" xmlns="" id="{688DCAAC-53F2-4B33-95DD-E39A348D82F2}"/>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4207470" y="3542235"/>
              <a:ext cx="474383" cy="388994"/>
            </a:xfrm>
            <a:prstGeom prst="rect">
              <a:avLst/>
            </a:prstGeom>
          </p:spPr>
        </p:pic>
      </p:grpSp>
      <p:cxnSp>
        <p:nvCxnSpPr>
          <p:cNvPr id="126" name="Straight Connector 526">
            <a:extLst>
              <a:ext uri="{FF2B5EF4-FFF2-40B4-BE49-F238E27FC236}">
                <a16:creationId xmlns:a16="http://schemas.microsoft.com/office/drawing/2014/main" xmlns="" id="{3EAD02F1-5EBE-4FCB-BFC9-BEA9D6E4F16A}"/>
              </a:ext>
            </a:extLst>
          </p:cNvPr>
          <p:cNvCxnSpPr>
            <a:cxnSpLocks/>
          </p:cNvCxnSpPr>
          <p:nvPr/>
        </p:nvCxnSpPr>
        <p:spPr bwMode="auto">
          <a:xfrm flipV="1">
            <a:off x="2738672" y="3738832"/>
            <a:ext cx="1355978" cy="3340"/>
          </a:xfrm>
          <a:prstGeom prst="line">
            <a:avLst/>
          </a:prstGeom>
          <a:solidFill>
            <a:schemeClr val="accent1"/>
          </a:solidFill>
          <a:ln w="19050" cap="flat" cmpd="sng" algn="ctr">
            <a:solidFill>
              <a:schemeClr val="tx1"/>
            </a:solidFill>
            <a:prstDash val="solid"/>
            <a:round/>
            <a:headEnd type="none" w="med" len="med"/>
            <a:tailEnd type="none" w="med" len="med"/>
          </a:ln>
          <a:effectLst/>
        </p:spPr>
      </p:cxnSp>
      <p:grpSp>
        <p:nvGrpSpPr>
          <p:cNvPr id="127" name="组合 126">
            <a:extLst>
              <a:ext uri="{FF2B5EF4-FFF2-40B4-BE49-F238E27FC236}">
                <a16:creationId xmlns:a16="http://schemas.microsoft.com/office/drawing/2014/main" xmlns="" id="{BE4B8540-1BC3-44AC-9E9B-6B80C0C79B6C}"/>
              </a:ext>
            </a:extLst>
          </p:cNvPr>
          <p:cNvGrpSpPr/>
          <p:nvPr/>
        </p:nvGrpSpPr>
        <p:grpSpPr>
          <a:xfrm>
            <a:off x="2592045" y="2174142"/>
            <a:ext cx="479421" cy="1760857"/>
            <a:chOff x="2561736" y="2170372"/>
            <a:chExt cx="479421" cy="1760857"/>
          </a:xfrm>
        </p:grpSpPr>
        <p:pic>
          <p:nvPicPr>
            <p:cNvPr id="128" name="图片 127">
              <a:extLst>
                <a:ext uri="{FF2B5EF4-FFF2-40B4-BE49-F238E27FC236}">
                  <a16:creationId xmlns:a16="http://schemas.microsoft.com/office/drawing/2014/main" xmlns="" id="{C930D528-4795-49B9-B06A-65E410FEB49D}"/>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2561736" y="2170372"/>
              <a:ext cx="474383" cy="388994"/>
            </a:xfrm>
            <a:prstGeom prst="rect">
              <a:avLst/>
            </a:prstGeom>
          </p:spPr>
        </p:pic>
        <p:pic>
          <p:nvPicPr>
            <p:cNvPr id="129" name="图片 128">
              <a:extLst>
                <a:ext uri="{FF2B5EF4-FFF2-40B4-BE49-F238E27FC236}">
                  <a16:creationId xmlns:a16="http://schemas.microsoft.com/office/drawing/2014/main" xmlns="" id="{5BA0C1DB-D892-45F3-AD84-24F4B4ED7708}"/>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2566774" y="3542235"/>
              <a:ext cx="474383" cy="388994"/>
            </a:xfrm>
            <a:prstGeom prst="rect">
              <a:avLst/>
            </a:prstGeom>
          </p:spPr>
        </p:pic>
      </p:grpSp>
      <p:cxnSp>
        <p:nvCxnSpPr>
          <p:cNvPr id="130" name="Straight Connector 526">
            <a:extLst>
              <a:ext uri="{FF2B5EF4-FFF2-40B4-BE49-F238E27FC236}">
                <a16:creationId xmlns:a16="http://schemas.microsoft.com/office/drawing/2014/main" xmlns="" id="{CA7D582D-19D1-4E6C-ADA0-EB6A2D1AC20D}"/>
              </a:ext>
            </a:extLst>
          </p:cNvPr>
          <p:cNvCxnSpPr>
            <a:cxnSpLocks/>
            <a:stCxn id="124" idx="1"/>
            <a:endCxn id="128" idx="3"/>
          </p:cNvCxnSpPr>
          <p:nvPr/>
        </p:nvCxnSpPr>
        <p:spPr bwMode="auto">
          <a:xfrm flipH="1">
            <a:off x="3066428" y="2368639"/>
            <a:ext cx="1028222"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131" name="Straight Connector 526">
            <a:extLst>
              <a:ext uri="{FF2B5EF4-FFF2-40B4-BE49-F238E27FC236}">
                <a16:creationId xmlns:a16="http://schemas.microsoft.com/office/drawing/2014/main" xmlns="" id="{1A46B8A8-679C-4483-9BD9-758FDDA1467F}"/>
              </a:ext>
            </a:extLst>
          </p:cNvPr>
          <p:cNvCxnSpPr>
            <a:cxnSpLocks/>
            <a:stCxn id="129" idx="0"/>
            <a:endCxn id="128" idx="2"/>
          </p:cNvCxnSpPr>
          <p:nvPr/>
        </p:nvCxnSpPr>
        <p:spPr bwMode="auto">
          <a:xfrm flipH="1" flipV="1">
            <a:off x="2829237" y="2563136"/>
            <a:ext cx="5038" cy="982869"/>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132" name="TextBox 285">
            <a:extLst>
              <a:ext uri="{FF2B5EF4-FFF2-40B4-BE49-F238E27FC236}">
                <a16:creationId xmlns:a16="http://schemas.microsoft.com/office/drawing/2014/main" xmlns="" id="{A7DEB0F4-4EDC-492E-833B-4B24839DB6BF}"/>
              </a:ext>
            </a:extLst>
          </p:cNvPr>
          <p:cNvSpPr txBox="1"/>
          <p:nvPr/>
        </p:nvSpPr>
        <p:spPr>
          <a:xfrm>
            <a:off x="2661874" y="1885467"/>
            <a:ext cx="280517" cy="297415"/>
          </a:xfrm>
          <a:prstGeom prst="rect">
            <a:avLst/>
          </a:prstGeom>
          <a:noFill/>
        </p:spPr>
        <p:txBody>
          <a:bodyPr wrap="none" rtlCol="0">
            <a:spAutoFit/>
          </a:bodyPr>
          <a:lstStyle/>
          <a:p>
            <a:r>
              <a:rPr lang="en-US" sz="1600">
                <a:ea typeface="+mn-ea"/>
              </a:rPr>
              <a:t>A</a:t>
            </a:r>
            <a:endParaRPr lang="en-US" sz="1600" dirty="0">
              <a:ea typeface="+mn-ea"/>
            </a:endParaRPr>
          </a:p>
        </p:txBody>
      </p:sp>
      <p:sp>
        <p:nvSpPr>
          <p:cNvPr id="133" name="TextBox 285">
            <a:extLst>
              <a:ext uri="{FF2B5EF4-FFF2-40B4-BE49-F238E27FC236}">
                <a16:creationId xmlns:a16="http://schemas.microsoft.com/office/drawing/2014/main" xmlns="" id="{7FF1DC49-9B35-4295-A54B-FD2BED3E0210}"/>
              </a:ext>
            </a:extLst>
          </p:cNvPr>
          <p:cNvSpPr txBox="1"/>
          <p:nvPr/>
        </p:nvSpPr>
        <p:spPr>
          <a:xfrm>
            <a:off x="2676835" y="3980695"/>
            <a:ext cx="270660" cy="297415"/>
          </a:xfrm>
          <a:prstGeom prst="rect">
            <a:avLst/>
          </a:prstGeom>
          <a:noFill/>
        </p:spPr>
        <p:txBody>
          <a:bodyPr wrap="square" rtlCol="0">
            <a:spAutoFit/>
          </a:bodyPr>
          <a:lstStyle/>
          <a:p>
            <a:r>
              <a:rPr lang="en-US" sz="1600">
                <a:ea typeface="+mn-ea"/>
              </a:rPr>
              <a:t>D</a:t>
            </a:r>
            <a:endParaRPr lang="en-US" sz="1600" dirty="0">
              <a:ea typeface="+mn-ea"/>
            </a:endParaRPr>
          </a:p>
        </p:txBody>
      </p:sp>
      <p:sp>
        <p:nvSpPr>
          <p:cNvPr id="134" name="TextBox 285">
            <a:extLst>
              <a:ext uri="{FF2B5EF4-FFF2-40B4-BE49-F238E27FC236}">
                <a16:creationId xmlns:a16="http://schemas.microsoft.com/office/drawing/2014/main" xmlns="" id="{CAE965E2-906E-489A-9E30-8D6A4A8AFFAD}"/>
              </a:ext>
            </a:extLst>
          </p:cNvPr>
          <p:cNvSpPr txBox="1"/>
          <p:nvPr/>
        </p:nvSpPr>
        <p:spPr>
          <a:xfrm>
            <a:off x="1043599" y="3298643"/>
            <a:ext cx="272067" cy="297415"/>
          </a:xfrm>
          <a:prstGeom prst="rect">
            <a:avLst/>
          </a:prstGeom>
          <a:noFill/>
        </p:spPr>
        <p:txBody>
          <a:bodyPr wrap="none" rtlCol="0">
            <a:spAutoFit/>
          </a:bodyPr>
          <a:lstStyle/>
          <a:p>
            <a:r>
              <a:rPr lang="en-US" sz="1600">
                <a:ea typeface="+mn-ea"/>
              </a:rPr>
              <a:t>C</a:t>
            </a:r>
            <a:endParaRPr lang="en-US" sz="1600" dirty="0">
              <a:ea typeface="+mn-ea"/>
            </a:endParaRPr>
          </a:p>
        </p:txBody>
      </p:sp>
      <p:sp>
        <p:nvSpPr>
          <p:cNvPr id="135" name="TextBox 285">
            <a:extLst>
              <a:ext uri="{FF2B5EF4-FFF2-40B4-BE49-F238E27FC236}">
                <a16:creationId xmlns:a16="http://schemas.microsoft.com/office/drawing/2014/main" xmlns="" id="{8ADFE5D5-BAA5-4F42-B4F6-A1497B7AAC3B}"/>
              </a:ext>
            </a:extLst>
          </p:cNvPr>
          <p:cNvSpPr txBox="1"/>
          <p:nvPr/>
        </p:nvSpPr>
        <p:spPr>
          <a:xfrm>
            <a:off x="4164691" y="3986584"/>
            <a:ext cx="260802" cy="297415"/>
          </a:xfrm>
          <a:prstGeom prst="rect">
            <a:avLst/>
          </a:prstGeom>
          <a:noFill/>
        </p:spPr>
        <p:txBody>
          <a:bodyPr wrap="none" rtlCol="0">
            <a:spAutoFit/>
          </a:bodyPr>
          <a:lstStyle/>
          <a:p>
            <a:r>
              <a:rPr lang="en-US" sz="1600" dirty="0">
                <a:ea typeface="+mn-ea"/>
              </a:rPr>
              <a:t>E</a:t>
            </a:r>
          </a:p>
        </p:txBody>
      </p:sp>
      <p:sp>
        <p:nvSpPr>
          <p:cNvPr id="136" name="文本框 135">
            <a:extLst>
              <a:ext uri="{FF2B5EF4-FFF2-40B4-BE49-F238E27FC236}">
                <a16:creationId xmlns:a16="http://schemas.microsoft.com/office/drawing/2014/main" xmlns="" id="{18EC5FAA-1726-400F-B9E7-DF03349B138B}"/>
              </a:ext>
            </a:extLst>
          </p:cNvPr>
          <p:cNvSpPr txBox="1"/>
          <p:nvPr/>
        </p:nvSpPr>
        <p:spPr>
          <a:xfrm>
            <a:off x="4211174" y="1885467"/>
            <a:ext cx="270660" cy="297415"/>
          </a:xfrm>
          <a:prstGeom prst="rect">
            <a:avLst/>
          </a:prstGeom>
          <a:noFill/>
        </p:spPr>
        <p:txBody>
          <a:bodyPr wrap="none" rtlCol="0">
            <a:spAutoFit/>
          </a:bodyPr>
          <a:lstStyle/>
          <a:p>
            <a:r>
              <a:rPr lang="en-US" altLang="zh-CN" sz="1600"/>
              <a:t>B</a:t>
            </a:r>
            <a:endParaRPr lang="zh-CN" altLang="en-US" sz="1600"/>
          </a:p>
        </p:txBody>
      </p:sp>
      <p:sp>
        <p:nvSpPr>
          <p:cNvPr id="137" name="TextBox 287">
            <a:extLst>
              <a:ext uri="{FF2B5EF4-FFF2-40B4-BE49-F238E27FC236}">
                <a16:creationId xmlns:a16="http://schemas.microsoft.com/office/drawing/2014/main" xmlns="" id="{9FD7D11F-55A5-4E40-99D5-7E2CA4929425}"/>
              </a:ext>
            </a:extLst>
          </p:cNvPr>
          <p:cNvSpPr txBox="1"/>
          <p:nvPr/>
        </p:nvSpPr>
        <p:spPr>
          <a:xfrm>
            <a:off x="1286956" y="3566991"/>
            <a:ext cx="657919" cy="283896"/>
          </a:xfrm>
          <a:prstGeom prst="rect">
            <a:avLst/>
          </a:prstGeom>
          <a:noFill/>
        </p:spPr>
        <p:txBody>
          <a:bodyPr wrap="none" rtlCol="0">
            <a:spAutoFit/>
          </a:bodyPr>
          <a:lstStyle/>
          <a:p>
            <a:r>
              <a:rPr lang="en-US" sz="1500" dirty="0">
                <a:solidFill>
                  <a:srgbClr val="C00000"/>
                </a:solidFill>
                <a:ea typeface="+mn-ea"/>
              </a:rPr>
              <a:t>6G</a:t>
            </a:r>
            <a:r>
              <a:rPr lang="en-US" sz="1500" dirty="0">
                <a:ea typeface="+mn-ea"/>
              </a:rPr>
              <a:t>/5G</a:t>
            </a:r>
          </a:p>
        </p:txBody>
      </p:sp>
      <p:sp>
        <p:nvSpPr>
          <p:cNvPr id="138" name="TextBox 288">
            <a:extLst>
              <a:ext uri="{FF2B5EF4-FFF2-40B4-BE49-F238E27FC236}">
                <a16:creationId xmlns:a16="http://schemas.microsoft.com/office/drawing/2014/main" xmlns="" id="{455480A2-B3AB-4DEA-A481-B85A6858C662}"/>
              </a:ext>
            </a:extLst>
          </p:cNvPr>
          <p:cNvSpPr txBox="1"/>
          <p:nvPr/>
        </p:nvSpPr>
        <p:spPr>
          <a:xfrm>
            <a:off x="1397851" y="2173062"/>
            <a:ext cx="657919" cy="283896"/>
          </a:xfrm>
          <a:prstGeom prst="rect">
            <a:avLst/>
          </a:prstGeom>
          <a:noFill/>
        </p:spPr>
        <p:txBody>
          <a:bodyPr wrap="none" rtlCol="0">
            <a:spAutoFit/>
          </a:bodyPr>
          <a:lstStyle/>
          <a:p>
            <a:r>
              <a:rPr lang="en-US" sz="1500" dirty="0">
                <a:solidFill>
                  <a:srgbClr val="00B050"/>
                </a:solidFill>
                <a:ea typeface="+mn-ea"/>
              </a:rPr>
              <a:t>1G</a:t>
            </a:r>
            <a:r>
              <a:rPr lang="en-US" sz="1500" dirty="0">
                <a:ea typeface="+mn-ea"/>
              </a:rPr>
              <a:t>/5G</a:t>
            </a:r>
          </a:p>
        </p:txBody>
      </p:sp>
      <p:sp>
        <p:nvSpPr>
          <p:cNvPr id="139" name="TextBox 289">
            <a:extLst>
              <a:ext uri="{FF2B5EF4-FFF2-40B4-BE49-F238E27FC236}">
                <a16:creationId xmlns:a16="http://schemas.microsoft.com/office/drawing/2014/main" xmlns="" id="{7A73F568-0EFA-49A1-AB72-1D7EA74FDCCB}"/>
              </a:ext>
            </a:extLst>
          </p:cNvPr>
          <p:cNvSpPr txBox="1"/>
          <p:nvPr/>
        </p:nvSpPr>
        <p:spPr>
          <a:xfrm>
            <a:off x="2823237" y="2887749"/>
            <a:ext cx="752270" cy="283896"/>
          </a:xfrm>
          <a:prstGeom prst="rect">
            <a:avLst/>
          </a:prstGeom>
          <a:noFill/>
        </p:spPr>
        <p:txBody>
          <a:bodyPr wrap="none" rtlCol="0">
            <a:spAutoFit/>
          </a:bodyPr>
          <a:lstStyle/>
          <a:p>
            <a:r>
              <a:rPr lang="en-US" sz="1500" dirty="0">
                <a:solidFill>
                  <a:srgbClr val="00B050"/>
                </a:solidFill>
                <a:ea typeface="+mn-ea"/>
              </a:rPr>
              <a:t>2G</a:t>
            </a:r>
            <a:r>
              <a:rPr lang="en-US" sz="1500" dirty="0">
                <a:ea typeface="+mn-ea"/>
              </a:rPr>
              <a:t>/10G</a:t>
            </a:r>
          </a:p>
        </p:txBody>
      </p:sp>
      <p:cxnSp>
        <p:nvCxnSpPr>
          <p:cNvPr id="140" name="直接箭头连接符 139">
            <a:extLst>
              <a:ext uri="{FF2B5EF4-FFF2-40B4-BE49-F238E27FC236}">
                <a16:creationId xmlns:a16="http://schemas.microsoft.com/office/drawing/2014/main" xmlns="" id="{69D84BE0-E3F3-450B-8E30-17C14B8CE29C}"/>
              </a:ext>
            </a:extLst>
          </p:cNvPr>
          <p:cNvCxnSpPr>
            <a:cxnSpLocks/>
          </p:cNvCxnSpPr>
          <p:nvPr/>
        </p:nvCxnSpPr>
        <p:spPr>
          <a:xfrm>
            <a:off x="1408939" y="3317951"/>
            <a:ext cx="1056103" cy="495416"/>
          </a:xfrm>
          <a:prstGeom prst="straightConnector1">
            <a:avLst/>
          </a:prstGeom>
          <a:ln w="57150">
            <a:solidFill>
              <a:srgbClr val="EC706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141" name="任意多边形: 形状 140">
            <a:extLst>
              <a:ext uri="{FF2B5EF4-FFF2-40B4-BE49-F238E27FC236}">
                <a16:creationId xmlns:a16="http://schemas.microsoft.com/office/drawing/2014/main" xmlns="" id="{32AF6C39-B720-4B92-A026-6A4614C0663F}"/>
              </a:ext>
            </a:extLst>
          </p:cNvPr>
          <p:cNvSpPr/>
          <p:nvPr/>
        </p:nvSpPr>
        <p:spPr>
          <a:xfrm>
            <a:off x="1358132" y="2347981"/>
            <a:ext cx="1550964" cy="1192971"/>
          </a:xfrm>
          <a:custGeom>
            <a:avLst/>
            <a:gdLst>
              <a:gd name="connsiteX0" fmla="*/ 0 w 1460500"/>
              <a:gd name="connsiteY0" fmla="*/ 522682 h 1030682"/>
              <a:gd name="connsiteX1" fmla="*/ 1155700 w 1460500"/>
              <a:gd name="connsiteY1" fmla="*/ 14682 h 1030682"/>
              <a:gd name="connsiteX2" fmla="*/ 1460500 w 1460500"/>
              <a:gd name="connsiteY2" fmla="*/ 1030682 h 1030682"/>
              <a:gd name="connsiteX0" fmla="*/ 0 w 1460500"/>
              <a:gd name="connsiteY0" fmla="*/ 720726 h 1228726"/>
              <a:gd name="connsiteX1" fmla="*/ 1219200 w 1460500"/>
              <a:gd name="connsiteY1" fmla="*/ 9526 h 1228726"/>
              <a:gd name="connsiteX2" fmla="*/ 1460500 w 1460500"/>
              <a:gd name="connsiteY2" fmla="*/ 1228726 h 1228726"/>
              <a:gd name="connsiteX0" fmla="*/ 0 w 1560444"/>
              <a:gd name="connsiteY0" fmla="*/ 746322 h 1254322"/>
              <a:gd name="connsiteX1" fmla="*/ 1219200 w 1560444"/>
              <a:gd name="connsiteY1" fmla="*/ 35122 h 1254322"/>
              <a:gd name="connsiteX2" fmla="*/ 1460500 w 1560444"/>
              <a:gd name="connsiteY2" fmla="*/ 1254322 h 1254322"/>
              <a:gd name="connsiteX0" fmla="*/ 0 w 1560444"/>
              <a:gd name="connsiteY0" fmla="*/ 749343 h 1257343"/>
              <a:gd name="connsiteX1" fmla="*/ 1219200 w 1560444"/>
              <a:gd name="connsiteY1" fmla="*/ 38143 h 1257343"/>
              <a:gd name="connsiteX2" fmla="*/ 1460500 w 1560444"/>
              <a:gd name="connsiteY2" fmla="*/ 1257343 h 1257343"/>
              <a:gd name="connsiteX0" fmla="*/ 0 w 1560444"/>
              <a:gd name="connsiteY0" fmla="*/ 716945 h 1224945"/>
              <a:gd name="connsiteX1" fmla="*/ 1219200 w 1560444"/>
              <a:gd name="connsiteY1" fmla="*/ 5745 h 1224945"/>
              <a:gd name="connsiteX2" fmla="*/ 1460500 w 1560444"/>
              <a:gd name="connsiteY2" fmla="*/ 1224945 h 1224945"/>
              <a:gd name="connsiteX0" fmla="*/ 0 w 1509180"/>
              <a:gd name="connsiteY0" fmla="*/ 716945 h 1224945"/>
              <a:gd name="connsiteX1" fmla="*/ 1219200 w 1509180"/>
              <a:gd name="connsiteY1" fmla="*/ 5745 h 1224945"/>
              <a:gd name="connsiteX2" fmla="*/ 1460500 w 1509180"/>
              <a:gd name="connsiteY2" fmla="*/ 1224945 h 1224945"/>
              <a:gd name="connsiteX0" fmla="*/ 0 w 1643885"/>
              <a:gd name="connsiteY0" fmla="*/ 703241 h 1211241"/>
              <a:gd name="connsiteX1" fmla="*/ 1427376 w 1643885"/>
              <a:gd name="connsiteY1" fmla="*/ 5920 h 1211241"/>
              <a:gd name="connsiteX2" fmla="*/ 1460500 w 1643885"/>
              <a:gd name="connsiteY2" fmla="*/ 1211241 h 1211241"/>
              <a:gd name="connsiteX0" fmla="*/ 0 w 1682748"/>
              <a:gd name="connsiteY0" fmla="*/ 703241 h 1336147"/>
              <a:gd name="connsiteX1" fmla="*/ 1427376 w 1682748"/>
              <a:gd name="connsiteY1" fmla="*/ 5920 h 1336147"/>
              <a:gd name="connsiteX2" fmla="*/ 1585406 w 1682748"/>
              <a:gd name="connsiteY2" fmla="*/ 1336147 h 1336147"/>
              <a:gd name="connsiteX0" fmla="*/ 0 w 1728997"/>
              <a:gd name="connsiteY0" fmla="*/ 771846 h 1404752"/>
              <a:gd name="connsiteX1" fmla="*/ 1496768 w 1728997"/>
              <a:gd name="connsiteY1" fmla="*/ 5133 h 1404752"/>
              <a:gd name="connsiteX2" fmla="*/ 1585406 w 1728997"/>
              <a:gd name="connsiteY2" fmla="*/ 1404752 h 1404752"/>
              <a:gd name="connsiteX0" fmla="*/ 0 w 1728997"/>
              <a:gd name="connsiteY0" fmla="*/ 766713 h 1399619"/>
              <a:gd name="connsiteX1" fmla="*/ 1496768 w 1728997"/>
              <a:gd name="connsiteY1" fmla="*/ 0 h 1399619"/>
              <a:gd name="connsiteX2" fmla="*/ 1585406 w 1728997"/>
              <a:gd name="connsiteY2" fmla="*/ 1399619 h 1399619"/>
              <a:gd name="connsiteX0" fmla="*/ 0 w 1728997"/>
              <a:gd name="connsiteY0" fmla="*/ 766713 h 1399619"/>
              <a:gd name="connsiteX1" fmla="*/ 1496768 w 1728997"/>
              <a:gd name="connsiteY1" fmla="*/ 0 h 1399619"/>
              <a:gd name="connsiteX2" fmla="*/ 1585406 w 1728997"/>
              <a:gd name="connsiteY2" fmla="*/ 1399619 h 1399619"/>
              <a:gd name="connsiteX0" fmla="*/ 0 w 1748622"/>
              <a:gd name="connsiteY0" fmla="*/ 669564 h 1302470"/>
              <a:gd name="connsiteX1" fmla="*/ 1524525 w 1748622"/>
              <a:gd name="connsiteY1" fmla="*/ 0 h 1302470"/>
              <a:gd name="connsiteX2" fmla="*/ 1585406 w 1748622"/>
              <a:gd name="connsiteY2" fmla="*/ 1302470 h 1302470"/>
              <a:gd name="connsiteX0" fmla="*/ 0 w 1765494"/>
              <a:gd name="connsiteY0" fmla="*/ 669564 h 1357984"/>
              <a:gd name="connsiteX1" fmla="*/ 1524525 w 1765494"/>
              <a:gd name="connsiteY1" fmla="*/ 0 h 1357984"/>
              <a:gd name="connsiteX2" fmla="*/ 1640920 w 1765494"/>
              <a:gd name="connsiteY2" fmla="*/ 1357984 h 1357984"/>
              <a:gd name="connsiteX0" fmla="*/ 0 w 1765494"/>
              <a:gd name="connsiteY0" fmla="*/ 669564 h 1357984"/>
              <a:gd name="connsiteX1" fmla="*/ 1524525 w 1765494"/>
              <a:gd name="connsiteY1" fmla="*/ 0 h 1357984"/>
              <a:gd name="connsiteX2" fmla="*/ 1640920 w 1765494"/>
              <a:gd name="connsiteY2" fmla="*/ 1357984 h 1357984"/>
              <a:gd name="connsiteX0" fmla="*/ 0 w 1765494"/>
              <a:gd name="connsiteY0" fmla="*/ 669564 h 1357984"/>
              <a:gd name="connsiteX1" fmla="*/ 1524525 w 1765494"/>
              <a:gd name="connsiteY1" fmla="*/ 0 h 1357984"/>
              <a:gd name="connsiteX2" fmla="*/ 1640920 w 1765494"/>
              <a:gd name="connsiteY2" fmla="*/ 1357984 h 1357984"/>
            </a:gdLst>
            <a:ahLst/>
            <a:cxnLst>
              <a:cxn ang="0">
                <a:pos x="connsiteX0" y="connsiteY0"/>
              </a:cxn>
              <a:cxn ang="0">
                <a:pos x="connsiteX1" y="connsiteY1"/>
              </a:cxn>
              <a:cxn ang="0">
                <a:pos x="connsiteX2" y="connsiteY2"/>
              </a:cxn>
            </a:cxnLst>
            <a:rect l="l" t="t" r="r" b="b"/>
            <a:pathLst>
              <a:path w="1765494" h="1357984">
                <a:moveTo>
                  <a:pt x="0" y="669564"/>
                </a:moveTo>
                <a:cubicBezTo>
                  <a:pt x="377846" y="351366"/>
                  <a:pt x="803875" y="79517"/>
                  <a:pt x="1524525" y="0"/>
                </a:cubicBezTo>
                <a:cubicBezTo>
                  <a:pt x="2009243" y="156416"/>
                  <a:pt x="1607053" y="1209817"/>
                  <a:pt x="1640920" y="1357984"/>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42" name="圆角矩形 75">
            <a:extLst>
              <a:ext uri="{FF2B5EF4-FFF2-40B4-BE49-F238E27FC236}">
                <a16:creationId xmlns:a16="http://schemas.microsoft.com/office/drawing/2014/main" xmlns="" id="{A6490E65-15A4-4F5A-9421-3CE9B4C36703}"/>
              </a:ext>
            </a:extLst>
          </p:cNvPr>
          <p:cNvSpPr/>
          <p:nvPr/>
        </p:nvSpPr>
        <p:spPr>
          <a:xfrm>
            <a:off x="466704" y="1297869"/>
            <a:ext cx="4943919" cy="340929"/>
          </a:xfrm>
          <a:prstGeom prst="roundRect">
            <a:avLst>
              <a:gd name="adj" fmla="val 10604"/>
            </a:avLst>
          </a:prstGeom>
          <a:solidFill>
            <a:srgbClr val="00B0F0"/>
          </a:solidFill>
          <a:ln>
            <a:noFill/>
          </a:ln>
        </p:spPr>
        <p:txBody>
          <a:bodyPr wrap="square" rtlCol="0" anchor="ctr" anchorCtr="0">
            <a:noAutofit/>
          </a:bodyPr>
          <a:lstStyle/>
          <a:p>
            <a:pPr algn="ctr"/>
            <a:r>
              <a:rPr lang="zh-CN" altLang="en-US" b="1">
                <a:solidFill>
                  <a:prstClr val="white"/>
                </a:solidFill>
                <a:latin typeface="Huawei Sans" panose="020C0503030203020204" pitchFamily="34" charset="0"/>
                <a:ea typeface="方正兰亭黑简体" panose="02000000000000000000" pitchFamily="2" charset="-122"/>
              </a:rPr>
              <a:t>基于带宽固定选路的问题和解决思路</a:t>
            </a:r>
            <a:endParaRPr lang="zh-CN" altLang="en-US" b="1" dirty="0">
              <a:solidFill>
                <a:prstClr val="white"/>
              </a:solidFill>
              <a:latin typeface="Huawei Sans" panose="020C0503030203020204" pitchFamily="34" charset="0"/>
              <a:ea typeface="方正兰亭黑简体" panose="02000000000000000000" pitchFamily="2" charset="-122"/>
            </a:endParaRPr>
          </a:p>
        </p:txBody>
      </p:sp>
      <p:sp>
        <p:nvSpPr>
          <p:cNvPr id="147" name="圆角矩形 75">
            <a:extLst>
              <a:ext uri="{FF2B5EF4-FFF2-40B4-BE49-F238E27FC236}">
                <a16:creationId xmlns:a16="http://schemas.microsoft.com/office/drawing/2014/main" xmlns="" id="{D566B667-0809-4AEA-BBA5-F6FA9F6F499C}"/>
              </a:ext>
            </a:extLst>
          </p:cNvPr>
          <p:cNvSpPr/>
          <p:nvPr/>
        </p:nvSpPr>
        <p:spPr>
          <a:xfrm>
            <a:off x="469838" y="1694791"/>
            <a:ext cx="4940785" cy="4588728"/>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149" name="圆角矩形 75">
            <a:extLst>
              <a:ext uri="{FF2B5EF4-FFF2-40B4-BE49-F238E27FC236}">
                <a16:creationId xmlns:a16="http://schemas.microsoft.com/office/drawing/2014/main" xmlns="" id="{3461717C-EE5D-469A-9FB3-AA335D612AF7}"/>
              </a:ext>
            </a:extLst>
          </p:cNvPr>
          <p:cNvSpPr/>
          <p:nvPr/>
        </p:nvSpPr>
        <p:spPr>
          <a:xfrm>
            <a:off x="5504176" y="1297869"/>
            <a:ext cx="6217986" cy="340929"/>
          </a:xfrm>
          <a:prstGeom prst="roundRect">
            <a:avLst>
              <a:gd name="adj" fmla="val 10604"/>
            </a:avLst>
          </a:prstGeom>
          <a:solidFill>
            <a:srgbClr val="00B0F0"/>
          </a:solidFill>
          <a:ln>
            <a:noFill/>
          </a:ln>
        </p:spPr>
        <p:txBody>
          <a:bodyPr wrap="square" rtlCol="0" anchor="ctr" anchorCtr="0">
            <a:noAutofit/>
          </a:bodyPr>
          <a:lstStyle/>
          <a:p>
            <a:pPr algn="ctr"/>
            <a:r>
              <a:rPr lang="zh-CN" altLang="en-US" b="1">
                <a:solidFill>
                  <a:prstClr val="white"/>
                </a:solidFill>
                <a:latin typeface="Huawei Sans" panose="020C0503030203020204" pitchFamily="34" charset="0"/>
                <a:ea typeface="方正兰亭黑简体" panose="02000000000000000000" pitchFamily="2" charset="-122"/>
              </a:rPr>
              <a:t>基于固定顺序建立隧道的问题和解决思路</a:t>
            </a:r>
            <a:endParaRPr lang="zh-CN" altLang="en-US" b="1" dirty="0">
              <a:solidFill>
                <a:prstClr val="white"/>
              </a:solidFill>
              <a:latin typeface="Huawei Sans" panose="020C0503030203020204" pitchFamily="34" charset="0"/>
              <a:ea typeface="方正兰亭黑简体" panose="02000000000000000000" pitchFamily="2" charset="-122"/>
            </a:endParaRPr>
          </a:p>
        </p:txBody>
      </p:sp>
      <p:sp>
        <p:nvSpPr>
          <p:cNvPr id="150" name="圆角矩形 75">
            <a:extLst>
              <a:ext uri="{FF2B5EF4-FFF2-40B4-BE49-F238E27FC236}">
                <a16:creationId xmlns:a16="http://schemas.microsoft.com/office/drawing/2014/main" xmlns="" id="{4F425562-D8DB-4483-8EAB-AD56A50CD5DE}"/>
              </a:ext>
            </a:extLst>
          </p:cNvPr>
          <p:cNvSpPr/>
          <p:nvPr/>
        </p:nvSpPr>
        <p:spPr>
          <a:xfrm>
            <a:off x="5504176" y="1683910"/>
            <a:ext cx="6217986" cy="4621887"/>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152" name="Oval 4">
            <a:extLst>
              <a:ext uri="{FF2B5EF4-FFF2-40B4-BE49-F238E27FC236}">
                <a16:creationId xmlns:a16="http://schemas.microsoft.com/office/drawing/2014/main" xmlns="" id="{0B39763A-2DDA-47E1-8065-3F0C4C400752}"/>
              </a:ext>
            </a:extLst>
          </p:cNvPr>
          <p:cNvSpPr>
            <a:spLocks noChangeAspect="1"/>
          </p:cNvSpPr>
          <p:nvPr/>
        </p:nvSpPr>
        <p:spPr>
          <a:xfrm>
            <a:off x="8004980" y="4752161"/>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400" b="1" dirty="0">
                <a:solidFill>
                  <a:schemeClr val="bg1"/>
                </a:solidFill>
                <a:latin typeface="Huawei Sans" panose="020C0503030203020204" pitchFamily="34" charset="0"/>
                <a:ea typeface="方正兰亭黑简体" panose="02000000000000000000" pitchFamily="2" charset="-122"/>
              </a:rPr>
              <a:t>2</a:t>
            </a:r>
            <a:endParaRPr lang="zh-CN" altLang="en-US" sz="1400" b="1" dirty="0">
              <a:solidFill>
                <a:schemeClr val="bg1"/>
              </a:solidFill>
              <a:latin typeface="Huawei Sans" panose="020C0503030203020204" pitchFamily="34" charset="0"/>
              <a:ea typeface="方正兰亭黑简体" panose="02000000000000000000" pitchFamily="2" charset="-122"/>
            </a:endParaRPr>
          </a:p>
        </p:txBody>
      </p:sp>
      <p:grpSp>
        <p:nvGrpSpPr>
          <p:cNvPr id="153" name="组合 152">
            <a:extLst>
              <a:ext uri="{FF2B5EF4-FFF2-40B4-BE49-F238E27FC236}">
                <a16:creationId xmlns:a16="http://schemas.microsoft.com/office/drawing/2014/main" xmlns="" id="{A12C9FC7-E263-44D3-B20C-1DFB226AB777}"/>
              </a:ext>
            </a:extLst>
          </p:cNvPr>
          <p:cNvGrpSpPr/>
          <p:nvPr/>
        </p:nvGrpSpPr>
        <p:grpSpPr>
          <a:xfrm>
            <a:off x="6291953" y="4473093"/>
            <a:ext cx="4943919" cy="1767754"/>
            <a:chOff x="6291953" y="4290213"/>
            <a:chExt cx="4943919" cy="1767754"/>
          </a:xfrm>
        </p:grpSpPr>
        <p:grpSp>
          <p:nvGrpSpPr>
            <p:cNvPr id="154" name="组合 153">
              <a:extLst>
                <a:ext uri="{FF2B5EF4-FFF2-40B4-BE49-F238E27FC236}">
                  <a16:creationId xmlns:a16="http://schemas.microsoft.com/office/drawing/2014/main" xmlns="" id="{7DB85CCC-1C3C-4061-996E-AAB6764B0D50}"/>
                </a:ext>
              </a:extLst>
            </p:cNvPr>
            <p:cNvGrpSpPr/>
            <p:nvPr/>
          </p:nvGrpSpPr>
          <p:grpSpPr>
            <a:xfrm>
              <a:off x="6291953" y="4290213"/>
              <a:ext cx="4943919" cy="1767754"/>
              <a:chOff x="5917150" y="1649531"/>
              <a:chExt cx="5605808" cy="2004421"/>
            </a:xfrm>
          </p:grpSpPr>
          <p:pic>
            <p:nvPicPr>
              <p:cNvPr id="199" name="图片 198">
                <a:extLst>
                  <a:ext uri="{FF2B5EF4-FFF2-40B4-BE49-F238E27FC236}">
                    <a16:creationId xmlns:a16="http://schemas.microsoft.com/office/drawing/2014/main" xmlns="" id="{81618CA7-964C-4662-92C5-FD61BA819A84}"/>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457610" y="1649531"/>
                <a:ext cx="524889" cy="442800"/>
              </a:xfrm>
              <a:prstGeom prst="rect">
                <a:avLst/>
              </a:prstGeom>
            </p:spPr>
          </p:pic>
          <p:pic>
            <p:nvPicPr>
              <p:cNvPr id="200" name="图片 199">
                <a:extLst>
                  <a:ext uri="{FF2B5EF4-FFF2-40B4-BE49-F238E27FC236}">
                    <a16:creationId xmlns:a16="http://schemas.microsoft.com/office/drawing/2014/main" xmlns="" id="{B41A4C09-4B8D-41F3-8E51-8E546FA91F0D}"/>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7207707" y="1649531"/>
                <a:ext cx="524889" cy="442800"/>
              </a:xfrm>
              <a:prstGeom prst="rect">
                <a:avLst/>
              </a:prstGeom>
            </p:spPr>
          </p:pic>
          <p:pic>
            <p:nvPicPr>
              <p:cNvPr id="202" name="图片 201">
                <a:extLst>
                  <a:ext uri="{FF2B5EF4-FFF2-40B4-BE49-F238E27FC236}">
                    <a16:creationId xmlns:a16="http://schemas.microsoft.com/office/drawing/2014/main" xmlns="" id="{462E66EC-84C1-45CB-A0BE-89EC548C47A9}"/>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9734614" y="1649531"/>
                <a:ext cx="524889" cy="442800"/>
              </a:xfrm>
              <a:prstGeom prst="rect">
                <a:avLst/>
              </a:prstGeom>
            </p:spPr>
          </p:pic>
          <p:cxnSp>
            <p:nvCxnSpPr>
              <p:cNvPr id="203" name="Straight Connector 526">
                <a:extLst>
                  <a:ext uri="{FF2B5EF4-FFF2-40B4-BE49-F238E27FC236}">
                    <a16:creationId xmlns:a16="http://schemas.microsoft.com/office/drawing/2014/main" xmlns="" id="{752038D1-91BF-41F3-9D15-D3C47FE0737C}"/>
                  </a:ext>
                </a:extLst>
              </p:cNvPr>
              <p:cNvCxnSpPr>
                <a:cxnSpLocks/>
                <a:stCxn id="200" idx="1"/>
                <a:endCxn id="205" idx="1"/>
              </p:cNvCxnSpPr>
              <p:nvPr/>
            </p:nvCxnSpPr>
            <p:spPr bwMode="auto">
              <a:xfrm flipH="1">
                <a:off x="5917150" y="1870931"/>
                <a:ext cx="1290557" cy="780811"/>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04" name="Straight Connector 526">
                <a:extLst>
                  <a:ext uri="{FF2B5EF4-FFF2-40B4-BE49-F238E27FC236}">
                    <a16:creationId xmlns:a16="http://schemas.microsoft.com/office/drawing/2014/main" xmlns="" id="{4305C1D9-49ED-4975-9B5A-3F5BE0E7845D}"/>
                  </a:ext>
                </a:extLst>
              </p:cNvPr>
              <p:cNvCxnSpPr>
                <a:cxnSpLocks/>
                <a:stCxn id="205" idx="1"/>
                <a:endCxn id="209" idx="1"/>
              </p:cNvCxnSpPr>
              <p:nvPr/>
            </p:nvCxnSpPr>
            <p:spPr bwMode="auto">
              <a:xfrm>
                <a:off x="5917150" y="2651742"/>
                <a:ext cx="1270230" cy="78081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05" name="图片 204">
                <a:extLst>
                  <a:ext uri="{FF2B5EF4-FFF2-40B4-BE49-F238E27FC236}">
                    <a16:creationId xmlns:a16="http://schemas.microsoft.com/office/drawing/2014/main" xmlns="" id="{BB7F3227-267A-4882-954A-A3EF6252B1B5}"/>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5917150" y="2430342"/>
                <a:ext cx="524889" cy="442800"/>
              </a:xfrm>
              <a:prstGeom prst="rect">
                <a:avLst/>
              </a:prstGeom>
            </p:spPr>
          </p:pic>
          <p:cxnSp>
            <p:nvCxnSpPr>
              <p:cNvPr id="206" name="Straight Connector 526">
                <a:extLst>
                  <a:ext uri="{FF2B5EF4-FFF2-40B4-BE49-F238E27FC236}">
                    <a16:creationId xmlns:a16="http://schemas.microsoft.com/office/drawing/2014/main" xmlns="" id="{EF4393D1-24A8-4578-8866-975D70068F74}"/>
                  </a:ext>
                </a:extLst>
              </p:cNvPr>
              <p:cNvCxnSpPr>
                <a:cxnSpLocks/>
                <a:stCxn id="207" idx="0"/>
                <a:endCxn id="199" idx="2"/>
              </p:cNvCxnSpPr>
              <p:nvPr/>
            </p:nvCxnSpPr>
            <p:spPr bwMode="auto">
              <a:xfrm flipV="1">
                <a:off x="8720054" y="2092331"/>
                <a:ext cx="0" cy="1118821"/>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07" name="图片 206">
                <a:extLst>
                  <a:ext uri="{FF2B5EF4-FFF2-40B4-BE49-F238E27FC236}">
                    <a16:creationId xmlns:a16="http://schemas.microsoft.com/office/drawing/2014/main" xmlns="" id="{2C993B88-A474-4C51-A58D-1D74D5F59954}"/>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457610" y="3211152"/>
                <a:ext cx="524889" cy="442800"/>
              </a:xfrm>
              <a:prstGeom prst="rect">
                <a:avLst/>
              </a:prstGeom>
            </p:spPr>
          </p:pic>
          <p:cxnSp>
            <p:nvCxnSpPr>
              <p:cNvPr id="208" name="Straight Connector 526">
                <a:extLst>
                  <a:ext uri="{FF2B5EF4-FFF2-40B4-BE49-F238E27FC236}">
                    <a16:creationId xmlns:a16="http://schemas.microsoft.com/office/drawing/2014/main" xmlns="" id="{9B850823-17BF-48C6-B590-F601BAC610EC}"/>
                  </a:ext>
                </a:extLst>
              </p:cNvPr>
              <p:cNvCxnSpPr>
                <a:cxnSpLocks/>
                <a:endCxn id="207" idx="1"/>
              </p:cNvCxnSpPr>
              <p:nvPr/>
            </p:nvCxnSpPr>
            <p:spPr bwMode="auto">
              <a:xfrm flipV="1">
                <a:off x="7329024" y="3432552"/>
                <a:ext cx="1128586" cy="1902"/>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09" name="图片 208">
                <a:extLst>
                  <a:ext uri="{FF2B5EF4-FFF2-40B4-BE49-F238E27FC236}">
                    <a16:creationId xmlns:a16="http://schemas.microsoft.com/office/drawing/2014/main" xmlns="" id="{89F5419C-FDA4-4037-8157-3949FD59D1F5}"/>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7187380" y="3211152"/>
                <a:ext cx="524889" cy="442800"/>
              </a:xfrm>
              <a:prstGeom prst="rect">
                <a:avLst/>
              </a:prstGeom>
            </p:spPr>
          </p:pic>
          <p:cxnSp>
            <p:nvCxnSpPr>
              <p:cNvPr id="210" name="Straight Connector 526">
                <a:extLst>
                  <a:ext uri="{FF2B5EF4-FFF2-40B4-BE49-F238E27FC236}">
                    <a16:creationId xmlns:a16="http://schemas.microsoft.com/office/drawing/2014/main" xmlns="" id="{AE691A85-5486-4A2F-9208-AA3450299EE6}"/>
                  </a:ext>
                </a:extLst>
              </p:cNvPr>
              <p:cNvCxnSpPr>
                <a:cxnSpLocks/>
                <a:stCxn id="199" idx="1"/>
                <a:endCxn id="200" idx="3"/>
              </p:cNvCxnSpPr>
              <p:nvPr/>
            </p:nvCxnSpPr>
            <p:spPr bwMode="auto">
              <a:xfrm flipH="1">
                <a:off x="7732595" y="1870931"/>
                <a:ext cx="725014"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11" name="Straight Connector 526">
                <a:extLst>
                  <a:ext uri="{FF2B5EF4-FFF2-40B4-BE49-F238E27FC236}">
                    <a16:creationId xmlns:a16="http://schemas.microsoft.com/office/drawing/2014/main" xmlns="" id="{AD326CE2-C05C-4BA5-9EF2-0FECE0E1793F}"/>
                  </a:ext>
                </a:extLst>
              </p:cNvPr>
              <p:cNvCxnSpPr>
                <a:cxnSpLocks/>
                <a:stCxn id="199" idx="3"/>
                <a:endCxn id="202" idx="1"/>
              </p:cNvCxnSpPr>
              <p:nvPr/>
            </p:nvCxnSpPr>
            <p:spPr bwMode="auto">
              <a:xfrm>
                <a:off x="8982498" y="1870931"/>
                <a:ext cx="752116"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215" name="TextBox 285">
                <a:extLst>
                  <a:ext uri="{FF2B5EF4-FFF2-40B4-BE49-F238E27FC236}">
                    <a16:creationId xmlns:a16="http://schemas.microsoft.com/office/drawing/2014/main" xmlns="" id="{96ADB069-FE5C-4EE6-A38C-3F4B6D3C68AC}"/>
                  </a:ext>
                </a:extLst>
              </p:cNvPr>
              <p:cNvSpPr txBox="1"/>
              <p:nvPr/>
            </p:nvSpPr>
            <p:spPr>
              <a:xfrm>
                <a:off x="6006340" y="2876715"/>
                <a:ext cx="254305" cy="338554"/>
              </a:xfrm>
              <a:prstGeom prst="rect">
                <a:avLst/>
              </a:prstGeom>
              <a:noFill/>
            </p:spPr>
            <p:txBody>
              <a:bodyPr wrap="square" rtlCol="0">
                <a:spAutoFit/>
              </a:bodyPr>
              <a:lstStyle/>
              <a:p>
                <a:r>
                  <a:rPr lang="en-US" sz="1600">
                    <a:ea typeface="+mn-ea"/>
                  </a:rPr>
                  <a:t>A</a:t>
                </a:r>
                <a:endParaRPr lang="en-US" sz="1600" dirty="0">
                  <a:ea typeface="+mn-ea"/>
                </a:endParaRPr>
              </a:p>
            </p:txBody>
          </p:sp>
          <p:cxnSp>
            <p:nvCxnSpPr>
              <p:cNvPr id="216" name="Straight Connector 526">
                <a:extLst>
                  <a:ext uri="{FF2B5EF4-FFF2-40B4-BE49-F238E27FC236}">
                    <a16:creationId xmlns:a16="http://schemas.microsoft.com/office/drawing/2014/main" xmlns="" id="{C4890D66-74E9-4F23-BA39-AC5D21D7432A}"/>
                  </a:ext>
                </a:extLst>
              </p:cNvPr>
              <p:cNvCxnSpPr>
                <a:cxnSpLocks/>
                <a:stCxn id="217" idx="1"/>
                <a:endCxn id="207" idx="3"/>
              </p:cNvCxnSpPr>
              <p:nvPr/>
            </p:nvCxnSpPr>
            <p:spPr bwMode="auto">
              <a:xfrm flipH="1">
                <a:off x="8982498" y="3432552"/>
                <a:ext cx="745341"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17" name="图片 216">
                <a:extLst>
                  <a:ext uri="{FF2B5EF4-FFF2-40B4-BE49-F238E27FC236}">
                    <a16:creationId xmlns:a16="http://schemas.microsoft.com/office/drawing/2014/main" xmlns="" id="{28A458A5-B9EE-42C1-AB47-60FF1C83FAEF}"/>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9727839" y="3211152"/>
                <a:ext cx="524889" cy="442800"/>
              </a:xfrm>
              <a:prstGeom prst="rect">
                <a:avLst/>
              </a:prstGeom>
            </p:spPr>
          </p:pic>
          <p:cxnSp>
            <p:nvCxnSpPr>
              <p:cNvPr id="218" name="Straight Connector 526">
                <a:extLst>
                  <a:ext uri="{FF2B5EF4-FFF2-40B4-BE49-F238E27FC236}">
                    <a16:creationId xmlns:a16="http://schemas.microsoft.com/office/drawing/2014/main" xmlns="" id="{1A31F7DD-97E1-43FD-B9C9-8F60AF07617B}"/>
                  </a:ext>
                </a:extLst>
              </p:cNvPr>
              <p:cNvCxnSpPr>
                <a:cxnSpLocks/>
                <a:stCxn id="220" idx="3"/>
                <a:endCxn id="202" idx="3"/>
              </p:cNvCxnSpPr>
              <p:nvPr/>
            </p:nvCxnSpPr>
            <p:spPr bwMode="auto">
              <a:xfrm flipH="1" flipV="1">
                <a:off x="10259503" y="1870931"/>
                <a:ext cx="1263455" cy="780811"/>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19" name="Straight Connector 526">
                <a:extLst>
                  <a:ext uri="{FF2B5EF4-FFF2-40B4-BE49-F238E27FC236}">
                    <a16:creationId xmlns:a16="http://schemas.microsoft.com/office/drawing/2014/main" xmlns="" id="{6A1D567A-F6C5-46F0-A7F1-E6AF25107DC1}"/>
                  </a:ext>
                </a:extLst>
              </p:cNvPr>
              <p:cNvCxnSpPr>
                <a:cxnSpLocks/>
                <a:stCxn id="220" idx="3"/>
                <a:endCxn id="217" idx="3"/>
              </p:cNvCxnSpPr>
              <p:nvPr/>
            </p:nvCxnSpPr>
            <p:spPr bwMode="auto">
              <a:xfrm flipH="1">
                <a:off x="10252728" y="2651742"/>
                <a:ext cx="1270230" cy="78081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20" name="图片 219">
                <a:extLst>
                  <a:ext uri="{FF2B5EF4-FFF2-40B4-BE49-F238E27FC236}">
                    <a16:creationId xmlns:a16="http://schemas.microsoft.com/office/drawing/2014/main" xmlns="" id="{D10D7731-BA21-4F4D-83B8-87788591CA01}"/>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10998069" y="2430342"/>
                <a:ext cx="524889" cy="442800"/>
              </a:xfrm>
              <a:prstGeom prst="rect">
                <a:avLst/>
              </a:prstGeom>
            </p:spPr>
          </p:pic>
          <p:sp>
            <p:nvSpPr>
              <p:cNvPr id="221" name="TextBox 285">
                <a:extLst>
                  <a:ext uri="{FF2B5EF4-FFF2-40B4-BE49-F238E27FC236}">
                    <a16:creationId xmlns:a16="http://schemas.microsoft.com/office/drawing/2014/main" xmlns="" id="{3696F1DA-929B-41F9-AD76-D0C16E91DF0F}"/>
                  </a:ext>
                </a:extLst>
              </p:cNvPr>
              <p:cNvSpPr txBox="1"/>
              <p:nvPr/>
            </p:nvSpPr>
            <p:spPr>
              <a:xfrm>
                <a:off x="7295211" y="2053908"/>
                <a:ext cx="254305" cy="338554"/>
              </a:xfrm>
              <a:prstGeom prst="rect">
                <a:avLst/>
              </a:prstGeom>
              <a:noFill/>
            </p:spPr>
            <p:txBody>
              <a:bodyPr wrap="square" rtlCol="0">
                <a:spAutoFit/>
              </a:bodyPr>
              <a:lstStyle/>
              <a:p>
                <a:r>
                  <a:rPr lang="en-US" sz="1600">
                    <a:ea typeface="+mn-ea"/>
                  </a:rPr>
                  <a:t>B</a:t>
                </a:r>
                <a:endParaRPr lang="en-US" sz="1600" dirty="0">
                  <a:ea typeface="+mn-ea"/>
                </a:endParaRPr>
              </a:p>
            </p:txBody>
          </p:sp>
          <p:sp>
            <p:nvSpPr>
              <p:cNvPr id="223" name="TextBox 285">
                <a:extLst>
                  <a:ext uri="{FF2B5EF4-FFF2-40B4-BE49-F238E27FC236}">
                    <a16:creationId xmlns:a16="http://schemas.microsoft.com/office/drawing/2014/main" xmlns="" id="{DB9F58BE-44AC-45F1-9EB2-B07EE485F24C}"/>
                  </a:ext>
                </a:extLst>
              </p:cNvPr>
              <p:cNvSpPr txBox="1"/>
              <p:nvPr/>
            </p:nvSpPr>
            <p:spPr>
              <a:xfrm>
                <a:off x="8682648" y="2041479"/>
                <a:ext cx="254305" cy="338554"/>
              </a:xfrm>
              <a:prstGeom prst="rect">
                <a:avLst/>
              </a:prstGeom>
              <a:noFill/>
            </p:spPr>
            <p:txBody>
              <a:bodyPr wrap="square" rtlCol="0">
                <a:spAutoFit/>
              </a:bodyPr>
              <a:lstStyle/>
              <a:p>
                <a:r>
                  <a:rPr lang="en-US" sz="1600">
                    <a:ea typeface="+mn-ea"/>
                  </a:rPr>
                  <a:t>C</a:t>
                </a:r>
                <a:endParaRPr lang="en-US" sz="1600" dirty="0">
                  <a:ea typeface="+mn-ea"/>
                </a:endParaRPr>
              </a:p>
            </p:txBody>
          </p:sp>
          <p:sp>
            <p:nvSpPr>
              <p:cNvPr id="225" name="TextBox 285">
                <a:extLst>
                  <a:ext uri="{FF2B5EF4-FFF2-40B4-BE49-F238E27FC236}">
                    <a16:creationId xmlns:a16="http://schemas.microsoft.com/office/drawing/2014/main" xmlns="" id="{C5572084-5EC7-454A-8D9C-DFFD68E6E0A6}"/>
                  </a:ext>
                </a:extLst>
              </p:cNvPr>
              <p:cNvSpPr txBox="1"/>
              <p:nvPr/>
            </p:nvSpPr>
            <p:spPr>
              <a:xfrm>
                <a:off x="11111782" y="2925265"/>
                <a:ext cx="254305" cy="338554"/>
              </a:xfrm>
              <a:prstGeom prst="rect">
                <a:avLst/>
              </a:prstGeom>
              <a:noFill/>
            </p:spPr>
            <p:txBody>
              <a:bodyPr wrap="square" rtlCol="0">
                <a:spAutoFit/>
              </a:bodyPr>
              <a:lstStyle/>
              <a:p>
                <a:r>
                  <a:rPr lang="en-US" sz="1600">
                    <a:ea typeface="+mn-ea"/>
                  </a:rPr>
                  <a:t>E</a:t>
                </a:r>
                <a:endParaRPr lang="en-US" sz="1600" dirty="0">
                  <a:ea typeface="+mn-ea"/>
                </a:endParaRPr>
              </a:p>
            </p:txBody>
          </p:sp>
          <p:sp>
            <p:nvSpPr>
              <p:cNvPr id="237" name="TextBox 285">
                <a:extLst>
                  <a:ext uri="{FF2B5EF4-FFF2-40B4-BE49-F238E27FC236}">
                    <a16:creationId xmlns:a16="http://schemas.microsoft.com/office/drawing/2014/main" xmlns="" id="{063FCAD5-CAB3-4214-A07A-0C22D52D0911}"/>
                  </a:ext>
                </a:extLst>
              </p:cNvPr>
              <p:cNvSpPr txBox="1"/>
              <p:nvPr/>
            </p:nvSpPr>
            <p:spPr>
              <a:xfrm>
                <a:off x="9888288" y="2053906"/>
                <a:ext cx="254305" cy="338554"/>
              </a:xfrm>
              <a:prstGeom prst="rect">
                <a:avLst/>
              </a:prstGeom>
              <a:noFill/>
            </p:spPr>
            <p:txBody>
              <a:bodyPr wrap="square" rtlCol="0">
                <a:spAutoFit/>
              </a:bodyPr>
              <a:lstStyle/>
              <a:p>
                <a:r>
                  <a:rPr lang="en-US" sz="1600">
                    <a:ea typeface="+mn-ea"/>
                  </a:rPr>
                  <a:t>D</a:t>
                </a:r>
                <a:endParaRPr lang="en-US" sz="1600" dirty="0">
                  <a:ea typeface="+mn-ea"/>
                </a:endParaRPr>
              </a:p>
            </p:txBody>
          </p:sp>
          <p:sp>
            <p:nvSpPr>
              <p:cNvPr id="239" name="TextBox 285">
                <a:extLst>
                  <a:ext uri="{FF2B5EF4-FFF2-40B4-BE49-F238E27FC236}">
                    <a16:creationId xmlns:a16="http://schemas.microsoft.com/office/drawing/2014/main" xmlns="" id="{910F013E-5823-4AF5-913C-CDDDAD43ADD1}"/>
                  </a:ext>
                </a:extLst>
              </p:cNvPr>
              <p:cNvSpPr txBox="1"/>
              <p:nvPr/>
            </p:nvSpPr>
            <p:spPr>
              <a:xfrm>
                <a:off x="7293675" y="2867754"/>
                <a:ext cx="254305" cy="383880"/>
              </a:xfrm>
              <a:prstGeom prst="rect">
                <a:avLst/>
              </a:prstGeom>
              <a:noFill/>
            </p:spPr>
            <p:txBody>
              <a:bodyPr wrap="square" rtlCol="0">
                <a:spAutoFit/>
              </a:bodyPr>
              <a:lstStyle/>
              <a:p>
                <a:r>
                  <a:rPr lang="en-US" sz="1600">
                    <a:ea typeface="+mn-ea"/>
                  </a:rPr>
                  <a:t>F</a:t>
                </a:r>
                <a:endParaRPr lang="en-US" sz="1600" dirty="0">
                  <a:ea typeface="+mn-ea"/>
                </a:endParaRPr>
              </a:p>
            </p:txBody>
          </p:sp>
          <p:sp>
            <p:nvSpPr>
              <p:cNvPr id="240" name="TextBox 285">
                <a:extLst>
                  <a:ext uri="{FF2B5EF4-FFF2-40B4-BE49-F238E27FC236}">
                    <a16:creationId xmlns:a16="http://schemas.microsoft.com/office/drawing/2014/main" xmlns="" id="{2D3AAA7E-FD83-4795-8541-467C3672132C}"/>
                  </a:ext>
                </a:extLst>
              </p:cNvPr>
              <p:cNvSpPr txBox="1"/>
              <p:nvPr/>
            </p:nvSpPr>
            <p:spPr>
              <a:xfrm>
                <a:off x="8718551" y="2867754"/>
                <a:ext cx="254305" cy="383880"/>
              </a:xfrm>
              <a:prstGeom prst="rect">
                <a:avLst/>
              </a:prstGeom>
              <a:noFill/>
            </p:spPr>
            <p:txBody>
              <a:bodyPr wrap="square" rtlCol="0">
                <a:spAutoFit/>
              </a:bodyPr>
              <a:lstStyle/>
              <a:p>
                <a:r>
                  <a:rPr lang="en-US" sz="1600">
                    <a:ea typeface="+mn-ea"/>
                  </a:rPr>
                  <a:t>G</a:t>
                </a:r>
                <a:endParaRPr lang="en-US" sz="1600" dirty="0">
                  <a:ea typeface="+mn-ea"/>
                </a:endParaRPr>
              </a:p>
            </p:txBody>
          </p:sp>
          <p:sp>
            <p:nvSpPr>
              <p:cNvPr id="241" name="TextBox 285">
                <a:extLst>
                  <a:ext uri="{FF2B5EF4-FFF2-40B4-BE49-F238E27FC236}">
                    <a16:creationId xmlns:a16="http://schemas.microsoft.com/office/drawing/2014/main" xmlns="" id="{F2C0ADD6-ACDD-450D-9693-A91DD489EBCF}"/>
                  </a:ext>
                </a:extLst>
              </p:cNvPr>
              <p:cNvSpPr txBox="1"/>
              <p:nvPr/>
            </p:nvSpPr>
            <p:spPr>
              <a:xfrm>
                <a:off x="9837984" y="2867754"/>
                <a:ext cx="254305" cy="383880"/>
              </a:xfrm>
              <a:prstGeom prst="rect">
                <a:avLst/>
              </a:prstGeom>
              <a:noFill/>
            </p:spPr>
            <p:txBody>
              <a:bodyPr wrap="square" rtlCol="0">
                <a:spAutoFit/>
              </a:bodyPr>
              <a:lstStyle/>
              <a:p>
                <a:r>
                  <a:rPr lang="en-US" sz="1600">
                    <a:ea typeface="+mn-ea"/>
                  </a:rPr>
                  <a:t>H</a:t>
                </a:r>
                <a:endParaRPr lang="en-US" sz="1600" dirty="0">
                  <a:ea typeface="+mn-ea"/>
                </a:endParaRPr>
              </a:p>
            </p:txBody>
          </p:sp>
        </p:grpSp>
        <p:sp>
          <p:nvSpPr>
            <p:cNvPr id="190" name="任意多边形: 形状 189">
              <a:extLst>
                <a:ext uri="{FF2B5EF4-FFF2-40B4-BE49-F238E27FC236}">
                  <a16:creationId xmlns:a16="http://schemas.microsoft.com/office/drawing/2014/main" xmlns="" id="{CD7E0440-644F-48C3-9B56-D10C5A1AE69E}"/>
                </a:ext>
              </a:extLst>
            </p:cNvPr>
            <p:cNvSpPr/>
            <p:nvPr/>
          </p:nvSpPr>
          <p:spPr>
            <a:xfrm>
              <a:off x="6547104" y="4372511"/>
              <a:ext cx="4425696" cy="772512"/>
            </a:xfrm>
            <a:custGeom>
              <a:avLst/>
              <a:gdLst>
                <a:gd name="connsiteX0" fmla="*/ 0 w 4425696"/>
                <a:gd name="connsiteY0" fmla="*/ 683754 h 683754"/>
                <a:gd name="connsiteX1" fmla="*/ 987552 w 4425696"/>
                <a:gd name="connsiteY1" fmla="*/ 147306 h 683754"/>
                <a:gd name="connsiteX2" fmla="*/ 2487168 w 4425696"/>
                <a:gd name="connsiteY2" fmla="*/ 1002 h 683754"/>
                <a:gd name="connsiteX3" fmla="*/ 3791712 w 4425696"/>
                <a:gd name="connsiteY3" fmla="*/ 196074 h 683754"/>
                <a:gd name="connsiteX4" fmla="*/ 4425696 w 4425696"/>
                <a:gd name="connsiteY4" fmla="*/ 671562 h 683754"/>
                <a:gd name="connsiteX0" fmla="*/ 0 w 4425696"/>
                <a:gd name="connsiteY0" fmla="*/ 703995 h 703995"/>
                <a:gd name="connsiteX1" fmla="*/ 926592 w 4425696"/>
                <a:gd name="connsiteY1" fmla="*/ 82203 h 703995"/>
                <a:gd name="connsiteX2" fmla="*/ 2487168 w 4425696"/>
                <a:gd name="connsiteY2" fmla="*/ 21243 h 703995"/>
                <a:gd name="connsiteX3" fmla="*/ 3791712 w 4425696"/>
                <a:gd name="connsiteY3" fmla="*/ 216315 h 703995"/>
                <a:gd name="connsiteX4" fmla="*/ 4425696 w 4425696"/>
                <a:gd name="connsiteY4" fmla="*/ 691803 h 703995"/>
                <a:gd name="connsiteX0" fmla="*/ 0 w 4425696"/>
                <a:gd name="connsiteY0" fmla="*/ 773914 h 773914"/>
                <a:gd name="connsiteX1" fmla="*/ 926592 w 4425696"/>
                <a:gd name="connsiteY1" fmla="*/ 152122 h 773914"/>
                <a:gd name="connsiteX2" fmla="*/ 2548128 w 4425696"/>
                <a:gd name="connsiteY2" fmla="*/ 5818 h 773914"/>
                <a:gd name="connsiteX3" fmla="*/ 3791712 w 4425696"/>
                <a:gd name="connsiteY3" fmla="*/ 286234 h 773914"/>
                <a:gd name="connsiteX4" fmla="*/ 4425696 w 4425696"/>
                <a:gd name="connsiteY4" fmla="*/ 761722 h 773914"/>
                <a:gd name="connsiteX0" fmla="*/ 0 w 4425696"/>
                <a:gd name="connsiteY0" fmla="*/ 770390 h 770390"/>
                <a:gd name="connsiteX1" fmla="*/ 987552 w 4425696"/>
                <a:gd name="connsiteY1" fmla="*/ 185174 h 770390"/>
                <a:gd name="connsiteX2" fmla="*/ 2548128 w 4425696"/>
                <a:gd name="connsiteY2" fmla="*/ 2294 h 770390"/>
                <a:gd name="connsiteX3" fmla="*/ 3791712 w 4425696"/>
                <a:gd name="connsiteY3" fmla="*/ 282710 h 770390"/>
                <a:gd name="connsiteX4" fmla="*/ 4425696 w 4425696"/>
                <a:gd name="connsiteY4" fmla="*/ 758198 h 770390"/>
                <a:gd name="connsiteX0" fmla="*/ 0 w 4425696"/>
                <a:gd name="connsiteY0" fmla="*/ 773914 h 773914"/>
                <a:gd name="connsiteX1" fmla="*/ 987552 w 4425696"/>
                <a:gd name="connsiteY1" fmla="*/ 152122 h 773914"/>
                <a:gd name="connsiteX2" fmla="*/ 2548128 w 4425696"/>
                <a:gd name="connsiteY2" fmla="*/ 5818 h 773914"/>
                <a:gd name="connsiteX3" fmla="*/ 3791712 w 4425696"/>
                <a:gd name="connsiteY3" fmla="*/ 286234 h 773914"/>
                <a:gd name="connsiteX4" fmla="*/ 4425696 w 4425696"/>
                <a:gd name="connsiteY4" fmla="*/ 761722 h 773914"/>
                <a:gd name="connsiteX0" fmla="*/ 0 w 4425696"/>
                <a:gd name="connsiteY0" fmla="*/ 772512 h 772512"/>
                <a:gd name="connsiteX1" fmla="*/ 987552 w 4425696"/>
                <a:gd name="connsiteY1" fmla="*/ 150720 h 772512"/>
                <a:gd name="connsiteX2" fmla="*/ 2548128 w 4425696"/>
                <a:gd name="connsiteY2" fmla="*/ 4416 h 772512"/>
                <a:gd name="connsiteX3" fmla="*/ 3779520 w 4425696"/>
                <a:gd name="connsiteY3" fmla="*/ 260448 h 772512"/>
                <a:gd name="connsiteX4" fmla="*/ 4425696 w 4425696"/>
                <a:gd name="connsiteY4" fmla="*/ 760320 h 7725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425696" h="772512">
                  <a:moveTo>
                    <a:pt x="0" y="772512"/>
                  </a:moveTo>
                  <a:cubicBezTo>
                    <a:pt x="286512" y="561184"/>
                    <a:pt x="562864" y="278736"/>
                    <a:pt x="987552" y="150720"/>
                  </a:cubicBezTo>
                  <a:cubicBezTo>
                    <a:pt x="1412240" y="22704"/>
                    <a:pt x="2082800" y="-13872"/>
                    <a:pt x="2548128" y="4416"/>
                  </a:cubicBezTo>
                  <a:cubicBezTo>
                    <a:pt x="3013456" y="22704"/>
                    <a:pt x="3466592" y="134464"/>
                    <a:pt x="3779520" y="260448"/>
                  </a:cubicBezTo>
                  <a:cubicBezTo>
                    <a:pt x="4092448" y="386432"/>
                    <a:pt x="4270248" y="578456"/>
                    <a:pt x="4425696" y="760320"/>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p>
          </p:txBody>
        </p:sp>
        <p:sp>
          <p:nvSpPr>
            <p:cNvPr id="191" name="任意多边形: 形状 190">
              <a:extLst>
                <a:ext uri="{FF2B5EF4-FFF2-40B4-BE49-F238E27FC236}">
                  <a16:creationId xmlns:a16="http://schemas.microsoft.com/office/drawing/2014/main" xmlns="" id="{A5E64A73-57D9-4DDC-AE65-5B17C4C06D02}"/>
                </a:ext>
              </a:extLst>
            </p:cNvPr>
            <p:cNvSpPr/>
            <p:nvPr/>
          </p:nvSpPr>
          <p:spPr>
            <a:xfrm>
              <a:off x="6620256" y="5254752"/>
              <a:ext cx="2060448" cy="654888"/>
            </a:xfrm>
            <a:custGeom>
              <a:avLst/>
              <a:gdLst>
                <a:gd name="connsiteX0" fmla="*/ 0 w 2060448"/>
                <a:gd name="connsiteY0" fmla="*/ 0 h 654888"/>
                <a:gd name="connsiteX1" fmla="*/ 999744 w 2060448"/>
                <a:gd name="connsiteY1" fmla="*/ 597408 h 654888"/>
                <a:gd name="connsiteX2" fmla="*/ 2060448 w 2060448"/>
                <a:gd name="connsiteY2" fmla="*/ 633984 h 654888"/>
              </a:gdLst>
              <a:ahLst/>
              <a:cxnLst>
                <a:cxn ang="0">
                  <a:pos x="connsiteX0" y="connsiteY0"/>
                </a:cxn>
                <a:cxn ang="0">
                  <a:pos x="connsiteX1" y="connsiteY1"/>
                </a:cxn>
                <a:cxn ang="0">
                  <a:pos x="connsiteX2" y="connsiteY2"/>
                </a:cxn>
              </a:cxnLst>
              <a:rect l="l" t="t" r="r" b="b"/>
              <a:pathLst>
                <a:path w="2060448" h="654888">
                  <a:moveTo>
                    <a:pt x="0" y="0"/>
                  </a:moveTo>
                  <a:cubicBezTo>
                    <a:pt x="328168" y="245872"/>
                    <a:pt x="656336" y="491744"/>
                    <a:pt x="999744" y="597408"/>
                  </a:cubicBezTo>
                  <a:cubicBezTo>
                    <a:pt x="1343152" y="703072"/>
                    <a:pt x="1889760" y="629920"/>
                    <a:pt x="2060448" y="633984"/>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p>
          </p:txBody>
        </p:sp>
        <p:sp>
          <p:nvSpPr>
            <p:cNvPr id="192" name="任意多边形: 形状 191">
              <a:extLst>
                <a:ext uri="{FF2B5EF4-FFF2-40B4-BE49-F238E27FC236}">
                  <a16:creationId xmlns:a16="http://schemas.microsoft.com/office/drawing/2014/main" xmlns="" id="{B2BA2EB6-2D56-4C5E-8B1D-895437A21C89}"/>
                </a:ext>
              </a:extLst>
            </p:cNvPr>
            <p:cNvSpPr/>
            <p:nvPr/>
          </p:nvSpPr>
          <p:spPr>
            <a:xfrm>
              <a:off x="8702608" y="4584193"/>
              <a:ext cx="1026608" cy="1273780"/>
            </a:xfrm>
            <a:custGeom>
              <a:avLst/>
              <a:gdLst>
                <a:gd name="connsiteX0" fmla="*/ 105940 w 1008148"/>
                <a:gd name="connsiteY0" fmla="*/ 0 h 1245535"/>
                <a:gd name="connsiteX1" fmla="*/ 81556 w 1008148"/>
                <a:gd name="connsiteY1" fmla="*/ 1085088 h 1245535"/>
                <a:gd name="connsiteX2" fmla="*/ 1008148 w 1008148"/>
                <a:gd name="connsiteY2" fmla="*/ 1219200 h 1245535"/>
                <a:gd name="connsiteX0" fmla="*/ 70907 w 973115"/>
                <a:gd name="connsiteY0" fmla="*/ 0 h 1245535"/>
                <a:gd name="connsiteX1" fmla="*/ 107483 w 973115"/>
                <a:gd name="connsiteY1" fmla="*/ 1085088 h 1245535"/>
                <a:gd name="connsiteX2" fmla="*/ 973115 w 973115"/>
                <a:gd name="connsiteY2" fmla="*/ 1219200 h 1245535"/>
                <a:gd name="connsiteX0" fmla="*/ 98112 w 1000320"/>
                <a:gd name="connsiteY0" fmla="*/ 0 h 1278694"/>
                <a:gd name="connsiteX1" fmla="*/ 85920 w 1000320"/>
                <a:gd name="connsiteY1" fmla="*/ 1158240 h 1278694"/>
                <a:gd name="connsiteX2" fmla="*/ 1000320 w 1000320"/>
                <a:gd name="connsiteY2" fmla="*/ 1219200 h 1278694"/>
                <a:gd name="connsiteX0" fmla="*/ 82712 w 984920"/>
                <a:gd name="connsiteY0" fmla="*/ 0 h 1319621"/>
                <a:gd name="connsiteX1" fmla="*/ 70520 w 984920"/>
                <a:gd name="connsiteY1" fmla="*/ 1158240 h 1319621"/>
                <a:gd name="connsiteX2" fmla="*/ 984920 w 984920"/>
                <a:gd name="connsiteY2" fmla="*/ 1219200 h 1319621"/>
                <a:gd name="connsiteX0" fmla="*/ 124400 w 1026608"/>
                <a:gd name="connsiteY0" fmla="*/ 0 h 1273780"/>
                <a:gd name="connsiteX1" fmla="*/ 112208 w 1026608"/>
                <a:gd name="connsiteY1" fmla="*/ 1158240 h 1273780"/>
                <a:gd name="connsiteX2" fmla="*/ 1026608 w 1026608"/>
                <a:gd name="connsiteY2" fmla="*/ 1219200 h 1273780"/>
              </a:gdLst>
              <a:ahLst/>
              <a:cxnLst>
                <a:cxn ang="0">
                  <a:pos x="connsiteX0" y="connsiteY0"/>
                </a:cxn>
                <a:cxn ang="0">
                  <a:pos x="connsiteX1" y="connsiteY1"/>
                </a:cxn>
                <a:cxn ang="0">
                  <a:pos x="connsiteX2" y="connsiteY2"/>
                </a:cxn>
              </a:cxnLst>
              <a:rect l="l" t="t" r="r" b="b"/>
              <a:pathLst>
                <a:path w="1026608" h="1273780">
                  <a:moveTo>
                    <a:pt x="124400" y="0"/>
                  </a:moveTo>
                  <a:cubicBezTo>
                    <a:pt x="37024" y="440944"/>
                    <a:pt x="-99120" y="967232"/>
                    <a:pt x="112208" y="1158240"/>
                  </a:cubicBezTo>
                  <a:cubicBezTo>
                    <a:pt x="323536" y="1349248"/>
                    <a:pt x="638496" y="1253744"/>
                    <a:pt x="1026608" y="1219200"/>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p>
          </p:txBody>
        </p:sp>
        <p:sp>
          <p:nvSpPr>
            <p:cNvPr id="193" name="Oval 4">
              <a:extLst>
                <a:ext uri="{FF2B5EF4-FFF2-40B4-BE49-F238E27FC236}">
                  <a16:creationId xmlns:a16="http://schemas.microsoft.com/office/drawing/2014/main" xmlns="" id="{928097FA-8F2F-4D9D-90B7-57F5E1135CEC}"/>
                </a:ext>
              </a:extLst>
            </p:cNvPr>
            <p:cNvSpPr>
              <a:spLocks noChangeAspect="1"/>
            </p:cNvSpPr>
            <p:nvPr/>
          </p:nvSpPr>
          <p:spPr>
            <a:xfrm>
              <a:off x="7056666" y="5431756"/>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400" b="1" dirty="0">
                  <a:solidFill>
                    <a:schemeClr val="bg1"/>
                  </a:solidFill>
                  <a:latin typeface="Huawei Sans" panose="020C0503030203020204" pitchFamily="34" charset="0"/>
                  <a:ea typeface="方正兰亭黑简体" panose="02000000000000000000" pitchFamily="2" charset="-122"/>
                </a:rPr>
                <a:t>1</a:t>
              </a:r>
              <a:endParaRPr lang="zh-CN" altLang="en-US" sz="1400" b="1" dirty="0">
                <a:solidFill>
                  <a:schemeClr val="bg1"/>
                </a:solidFill>
                <a:latin typeface="Huawei Sans" panose="020C0503030203020204" pitchFamily="34" charset="0"/>
                <a:ea typeface="方正兰亭黑简体" panose="02000000000000000000" pitchFamily="2" charset="-122"/>
              </a:endParaRPr>
            </a:p>
          </p:txBody>
        </p:sp>
        <p:sp>
          <p:nvSpPr>
            <p:cNvPr id="198" name="Oval 4">
              <a:extLst>
                <a:ext uri="{FF2B5EF4-FFF2-40B4-BE49-F238E27FC236}">
                  <a16:creationId xmlns:a16="http://schemas.microsoft.com/office/drawing/2014/main" xmlns="" id="{3B203ED7-D94A-43D9-A15E-85C0155244DE}"/>
                </a:ext>
              </a:extLst>
            </p:cNvPr>
            <p:cNvSpPr>
              <a:spLocks noChangeAspect="1"/>
            </p:cNvSpPr>
            <p:nvPr/>
          </p:nvSpPr>
          <p:spPr>
            <a:xfrm>
              <a:off x="8653713" y="5095069"/>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400" b="1" dirty="0">
                  <a:solidFill>
                    <a:schemeClr val="bg1"/>
                  </a:solidFill>
                  <a:latin typeface="Huawei Sans" panose="020C0503030203020204" pitchFamily="34" charset="0"/>
                  <a:ea typeface="方正兰亭黑简体" panose="02000000000000000000" pitchFamily="2" charset="-122"/>
                </a:rPr>
                <a:t>3</a:t>
              </a:r>
              <a:endParaRPr lang="zh-CN" altLang="en-US" sz="1400" b="1" dirty="0">
                <a:solidFill>
                  <a:schemeClr val="bg1"/>
                </a:solidFill>
                <a:latin typeface="Huawei Sans" panose="020C0503030203020204" pitchFamily="34" charset="0"/>
                <a:ea typeface="方正兰亭黑简体" panose="02000000000000000000" pitchFamily="2" charset="-122"/>
              </a:endParaRPr>
            </a:p>
          </p:txBody>
        </p:sp>
      </p:grpSp>
      <p:grpSp>
        <p:nvGrpSpPr>
          <p:cNvPr id="242" name="组合 241">
            <a:extLst>
              <a:ext uri="{FF2B5EF4-FFF2-40B4-BE49-F238E27FC236}">
                <a16:creationId xmlns:a16="http://schemas.microsoft.com/office/drawing/2014/main" xmlns="" id="{87F8E624-52B3-454C-98A6-B6977DD6B854}"/>
              </a:ext>
            </a:extLst>
          </p:cNvPr>
          <p:cNvGrpSpPr/>
          <p:nvPr/>
        </p:nvGrpSpPr>
        <p:grpSpPr>
          <a:xfrm>
            <a:off x="6279761" y="2142550"/>
            <a:ext cx="4943919" cy="1780744"/>
            <a:chOff x="6291953" y="2191318"/>
            <a:chExt cx="4943919" cy="1780744"/>
          </a:xfrm>
        </p:grpSpPr>
        <p:grpSp>
          <p:nvGrpSpPr>
            <p:cNvPr id="243" name="组合 242">
              <a:extLst>
                <a:ext uri="{FF2B5EF4-FFF2-40B4-BE49-F238E27FC236}">
                  <a16:creationId xmlns:a16="http://schemas.microsoft.com/office/drawing/2014/main" xmlns="" id="{B4735BEC-4EAD-44D6-A1F9-7C4313A5BE19}"/>
                </a:ext>
              </a:extLst>
            </p:cNvPr>
            <p:cNvGrpSpPr/>
            <p:nvPr/>
          </p:nvGrpSpPr>
          <p:grpSpPr>
            <a:xfrm>
              <a:off x="6291953" y="2204308"/>
              <a:ext cx="4943919" cy="1767754"/>
              <a:chOff x="5917150" y="1649531"/>
              <a:chExt cx="5605808" cy="2004421"/>
            </a:xfrm>
          </p:grpSpPr>
          <p:pic>
            <p:nvPicPr>
              <p:cNvPr id="254" name="图片 253">
                <a:extLst>
                  <a:ext uri="{FF2B5EF4-FFF2-40B4-BE49-F238E27FC236}">
                    <a16:creationId xmlns:a16="http://schemas.microsoft.com/office/drawing/2014/main" xmlns="" id="{4F83FB1C-5905-4B2B-9C48-76A1F71CDE05}"/>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457610" y="1649531"/>
                <a:ext cx="524889" cy="442800"/>
              </a:xfrm>
              <a:prstGeom prst="rect">
                <a:avLst/>
              </a:prstGeom>
            </p:spPr>
          </p:pic>
          <p:pic>
            <p:nvPicPr>
              <p:cNvPr id="255" name="图片 254">
                <a:extLst>
                  <a:ext uri="{FF2B5EF4-FFF2-40B4-BE49-F238E27FC236}">
                    <a16:creationId xmlns:a16="http://schemas.microsoft.com/office/drawing/2014/main" xmlns="" id="{CB17C473-381D-45EC-82D1-BA0532F8B4E0}"/>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7207707" y="1649531"/>
                <a:ext cx="524889" cy="442800"/>
              </a:xfrm>
              <a:prstGeom prst="rect">
                <a:avLst/>
              </a:prstGeom>
            </p:spPr>
          </p:pic>
          <p:pic>
            <p:nvPicPr>
              <p:cNvPr id="256" name="图片 255">
                <a:extLst>
                  <a:ext uri="{FF2B5EF4-FFF2-40B4-BE49-F238E27FC236}">
                    <a16:creationId xmlns:a16="http://schemas.microsoft.com/office/drawing/2014/main" xmlns="" id="{8243E6FB-A0D7-4B3E-8ECF-49ED14B8C538}"/>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9734614" y="1649531"/>
                <a:ext cx="524889" cy="442800"/>
              </a:xfrm>
              <a:prstGeom prst="rect">
                <a:avLst/>
              </a:prstGeom>
            </p:spPr>
          </p:pic>
          <p:cxnSp>
            <p:nvCxnSpPr>
              <p:cNvPr id="257" name="Straight Connector 526">
                <a:extLst>
                  <a:ext uri="{FF2B5EF4-FFF2-40B4-BE49-F238E27FC236}">
                    <a16:creationId xmlns:a16="http://schemas.microsoft.com/office/drawing/2014/main" xmlns="" id="{D9D65A17-A5CC-4E65-A8CE-2A1064E7B49F}"/>
                  </a:ext>
                </a:extLst>
              </p:cNvPr>
              <p:cNvCxnSpPr>
                <a:cxnSpLocks/>
                <a:stCxn id="255" idx="1"/>
                <a:endCxn id="259" idx="1"/>
              </p:cNvCxnSpPr>
              <p:nvPr/>
            </p:nvCxnSpPr>
            <p:spPr bwMode="auto">
              <a:xfrm flipH="1">
                <a:off x="5917150" y="1870931"/>
                <a:ext cx="1290557" cy="780811"/>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58" name="Straight Connector 526">
                <a:extLst>
                  <a:ext uri="{FF2B5EF4-FFF2-40B4-BE49-F238E27FC236}">
                    <a16:creationId xmlns:a16="http://schemas.microsoft.com/office/drawing/2014/main" xmlns="" id="{8C9B90C5-9A44-4642-AEBE-A7570C2526FC}"/>
                  </a:ext>
                </a:extLst>
              </p:cNvPr>
              <p:cNvCxnSpPr>
                <a:cxnSpLocks/>
                <a:stCxn id="259" idx="1"/>
                <a:endCxn id="263" idx="1"/>
              </p:cNvCxnSpPr>
              <p:nvPr/>
            </p:nvCxnSpPr>
            <p:spPr bwMode="auto">
              <a:xfrm>
                <a:off x="5917150" y="2651742"/>
                <a:ext cx="1270230" cy="78081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59" name="图片 258">
                <a:extLst>
                  <a:ext uri="{FF2B5EF4-FFF2-40B4-BE49-F238E27FC236}">
                    <a16:creationId xmlns:a16="http://schemas.microsoft.com/office/drawing/2014/main" xmlns="" id="{6CBCAE79-3F61-48F7-8EF1-DF4B22C80FEA}"/>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5917150" y="2430342"/>
                <a:ext cx="524889" cy="442800"/>
              </a:xfrm>
              <a:prstGeom prst="rect">
                <a:avLst/>
              </a:prstGeom>
            </p:spPr>
          </p:pic>
          <p:cxnSp>
            <p:nvCxnSpPr>
              <p:cNvPr id="260" name="Straight Connector 526">
                <a:extLst>
                  <a:ext uri="{FF2B5EF4-FFF2-40B4-BE49-F238E27FC236}">
                    <a16:creationId xmlns:a16="http://schemas.microsoft.com/office/drawing/2014/main" xmlns="" id="{97945887-0414-4E76-944A-6F29F4D48037}"/>
                  </a:ext>
                </a:extLst>
              </p:cNvPr>
              <p:cNvCxnSpPr>
                <a:cxnSpLocks/>
                <a:stCxn id="261" idx="0"/>
                <a:endCxn id="254" idx="2"/>
              </p:cNvCxnSpPr>
              <p:nvPr/>
            </p:nvCxnSpPr>
            <p:spPr bwMode="auto">
              <a:xfrm flipV="1">
                <a:off x="8720054" y="2092331"/>
                <a:ext cx="0" cy="1118821"/>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61" name="图片 260">
                <a:extLst>
                  <a:ext uri="{FF2B5EF4-FFF2-40B4-BE49-F238E27FC236}">
                    <a16:creationId xmlns:a16="http://schemas.microsoft.com/office/drawing/2014/main" xmlns="" id="{608AF2F0-A9EB-4B56-83AD-F7DB6EC78057}"/>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457610" y="3211152"/>
                <a:ext cx="524889" cy="442800"/>
              </a:xfrm>
              <a:prstGeom prst="rect">
                <a:avLst/>
              </a:prstGeom>
            </p:spPr>
          </p:pic>
          <p:cxnSp>
            <p:nvCxnSpPr>
              <p:cNvPr id="262" name="Straight Connector 526">
                <a:extLst>
                  <a:ext uri="{FF2B5EF4-FFF2-40B4-BE49-F238E27FC236}">
                    <a16:creationId xmlns:a16="http://schemas.microsoft.com/office/drawing/2014/main" xmlns="" id="{0CFBE6BB-2FBB-4690-9D0E-5EFC13C31BB5}"/>
                  </a:ext>
                </a:extLst>
              </p:cNvPr>
              <p:cNvCxnSpPr>
                <a:cxnSpLocks/>
                <a:endCxn id="261" idx="1"/>
              </p:cNvCxnSpPr>
              <p:nvPr/>
            </p:nvCxnSpPr>
            <p:spPr bwMode="auto">
              <a:xfrm flipV="1">
                <a:off x="7329024" y="3432552"/>
                <a:ext cx="1128586" cy="1902"/>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63" name="图片 262">
                <a:extLst>
                  <a:ext uri="{FF2B5EF4-FFF2-40B4-BE49-F238E27FC236}">
                    <a16:creationId xmlns:a16="http://schemas.microsoft.com/office/drawing/2014/main" xmlns="" id="{9B059048-14E5-448D-8FFD-B543998BEFFC}"/>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7187380" y="3211152"/>
                <a:ext cx="524889" cy="442800"/>
              </a:xfrm>
              <a:prstGeom prst="rect">
                <a:avLst/>
              </a:prstGeom>
            </p:spPr>
          </p:pic>
          <p:cxnSp>
            <p:nvCxnSpPr>
              <p:cNvPr id="267" name="Straight Connector 526">
                <a:extLst>
                  <a:ext uri="{FF2B5EF4-FFF2-40B4-BE49-F238E27FC236}">
                    <a16:creationId xmlns:a16="http://schemas.microsoft.com/office/drawing/2014/main" xmlns="" id="{68F8B4F6-14BE-4DCA-8DA9-BAFB9F7CB312}"/>
                  </a:ext>
                </a:extLst>
              </p:cNvPr>
              <p:cNvCxnSpPr>
                <a:cxnSpLocks/>
                <a:stCxn id="254" idx="1"/>
                <a:endCxn id="255" idx="3"/>
              </p:cNvCxnSpPr>
              <p:nvPr/>
            </p:nvCxnSpPr>
            <p:spPr bwMode="auto">
              <a:xfrm flipH="1">
                <a:off x="7732595" y="1870931"/>
                <a:ext cx="725014"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68" name="Straight Connector 526">
                <a:extLst>
                  <a:ext uri="{FF2B5EF4-FFF2-40B4-BE49-F238E27FC236}">
                    <a16:creationId xmlns:a16="http://schemas.microsoft.com/office/drawing/2014/main" xmlns="" id="{3EA3FB70-2C27-471A-9E2D-7BC70F0DD93D}"/>
                  </a:ext>
                </a:extLst>
              </p:cNvPr>
              <p:cNvCxnSpPr>
                <a:cxnSpLocks/>
                <a:stCxn id="254" idx="3"/>
                <a:endCxn id="256" idx="1"/>
              </p:cNvCxnSpPr>
              <p:nvPr/>
            </p:nvCxnSpPr>
            <p:spPr bwMode="auto">
              <a:xfrm>
                <a:off x="8982498" y="1870931"/>
                <a:ext cx="752116"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269" name="TextBox 285">
                <a:extLst>
                  <a:ext uri="{FF2B5EF4-FFF2-40B4-BE49-F238E27FC236}">
                    <a16:creationId xmlns:a16="http://schemas.microsoft.com/office/drawing/2014/main" xmlns="" id="{FD724642-11D5-4347-BD45-FBAB32BAF810}"/>
                  </a:ext>
                </a:extLst>
              </p:cNvPr>
              <p:cNvSpPr txBox="1"/>
              <p:nvPr/>
            </p:nvSpPr>
            <p:spPr>
              <a:xfrm>
                <a:off x="6006340" y="2876715"/>
                <a:ext cx="254305" cy="338554"/>
              </a:xfrm>
              <a:prstGeom prst="rect">
                <a:avLst/>
              </a:prstGeom>
              <a:noFill/>
            </p:spPr>
            <p:txBody>
              <a:bodyPr wrap="square" rtlCol="0">
                <a:spAutoFit/>
              </a:bodyPr>
              <a:lstStyle/>
              <a:p>
                <a:r>
                  <a:rPr lang="en-US" sz="1600">
                    <a:ea typeface="+mn-ea"/>
                  </a:rPr>
                  <a:t>A</a:t>
                </a:r>
                <a:endParaRPr lang="en-US" sz="1600" dirty="0">
                  <a:ea typeface="+mn-ea"/>
                </a:endParaRPr>
              </a:p>
            </p:txBody>
          </p:sp>
          <p:cxnSp>
            <p:nvCxnSpPr>
              <p:cNvPr id="270" name="Straight Connector 526">
                <a:extLst>
                  <a:ext uri="{FF2B5EF4-FFF2-40B4-BE49-F238E27FC236}">
                    <a16:creationId xmlns:a16="http://schemas.microsoft.com/office/drawing/2014/main" xmlns="" id="{00F238A9-BFCA-42CB-86C1-4AF8D32AA9D7}"/>
                  </a:ext>
                </a:extLst>
              </p:cNvPr>
              <p:cNvCxnSpPr>
                <a:cxnSpLocks/>
                <a:stCxn id="271" idx="1"/>
                <a:endCxn id="261" idx="3"/>
              </p:cNvCxnSpPr>
              <p:nvPr/>
            </p:nvCxnSpPr>
            <p:spPr bwMode="auto">
              <a:xfrm flipH="1">
                <a:off x="8982498" y="3432552"/>
                <a:ext cx="745341"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71" name="图片 270">
                <a:extLst>
                  <a:ext uri="{FF2B5EF4-FFF2-40B4-BE49-F238E27FC236}">
                    <a16:creationId xmlns:a16="http://schemas.microsoft.com/office/drawing/2014/main" xmlns="" id="{7E82F42C-96C2-4705-9D23-2D8BA8FF3B7B}"/>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9727839" y="3211152"/>
                <a:ext cx="524889" cy="442800"/>
              </a:xfrm>
              <a:prstGeom prst="rect">
                <a:avLst/>
              </a:prstGeom>
            </p:spPr>
          </p:pic>
          <p:cxnSp>
            <p:nvCxnSpPr>
              <p:cNvPr id="272" name="Straight Connector 526">
                <a:extLst>
                  <a:ext uri="{FF2B5EF4-FFF2-40B4-BE49-F238E27FC236}">
                    <a16:creationId xmlns:a16="http://schemas.microsoft.com/office/drawing/2014/main" xmlns="" id="{9AAC38E0-2928-443B-B03C-2ECB427A2D17}"/>
                  </a:ext>
                </a:extLst>
              </p:cNvPr>
              <p:cNvCxnSpPr>
                <a:cxnSpLocks/>
                <a:stCxn id="274" idx="3"/>
                <a:endCxn id="256" idx="3"/>
              </p:cNvCxnSpPr>
              <p:nvPr/>
            </p:nvCxnSpPr>
            <p:spPr bwMode="auto">
              <a:xfrm flipH="1" flipV="1">
                <a:off x="10259503" y="1870931"/>
                <a:ext cx="1263455" cy="780811"/>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73" name="Straight Connector 526">
                <a:extLst>
                  <a:ext uri="{FF2B5EF4-FFF2-40B4-BE49-F238E27FC236}">
                    <a16:creationId xmlns:a16="http://schemas.microsoft.com/office/drawing/2014/main" xmlns="" id="{081421E9-649E-4F55-BC49-49FB0E06BE0F}"/>
                  </a:ext>
                </a:extLst>
              </p:cNvPr>
              <p:cNvCxnSpPr>
                <a:cxnSpLocks/>
                <a:stCxn id="274" idx="3"/>
                <a:endCxn id="271" idx="3"/>
              </p:cNvCxnSpPr>
              <p:nvPr/>
            </p:nvCxnSpPr>
            <p:spPr bwMode="auto">
              <a:xfrm flipH="1">
                <a:off x="10252728" y="2651742"/>
                <a:ext cx="1270230" cy="78081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74" name="图片 273">
                <a:extLst>
                  <a:ext uri="{FF2B5EF4-FFF2-40B4-BE49-F238E27FC236}">
                    <a16:creationId xmlns:a16="http://schemas.microsoft.com/office/drawing/2014/main" xmlns="" id="{CE58F94E-2493-4133-9AE6-F50305501843}"/>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10998069" y="2430342"/>
                <a:ext cx="524889" cy="442800"/>
              </a:xfrm>
              <a:prstGeom prst="rect">
                <a:avLst/>
              </a:prstGeom>
            </p:spPr>
          </p:pic>
          <p:sp>
            <p:nvSpPr>
              <p:cNvPr id="277" name="TextBox 285">
                <a:extLst>
                  <a:ext uri="{FF2B5EF4-FFF2-40B4-BE49-F238E27FC236}">
                    <a16:creationId xmlns:a16="http://schemas.microsoft.com/office/drawing/2014/main" xmlns="" id="{21B1E42F-8588-4BB4-9AE3-48B3EC529FC9}"/>
                  </a:ext>
                </a:extLst>
              </p:cNvPr>
              <p:cNvSpPr txBox="1"/>
              <p:nvPr/>
            </p:nvSpPr>
            <p:spPr>
              <a:xfrm>
                <a:off x="7295211" y="2053908"/>
                <a:ext cx="254305" cy="338554"/>
              </a:xfrm>
              <a:prstGeom prst="rect">
                <a:avLst/>
              </a:prstGeom>
              <a:noFill/>
            </p:spPr>
            <p:txBody>
              <a:bodyPr wrap="square" rtlCol="0">
                <a:spAutoFit/>
              </a:bodyPr>
              <a:lstStyle/>
              <a:p>
                <a:r>
                  <a:rPr lang="en-US" sz="1600">
                    <a:ea typeface="+mn-ea"/>
                  </a:rPr>
                  <a:t>B</a:t>
                </a:r>
                <a:endParaRPr lang="en-US" sz="1600" dirty="0">
                  <a:ea typeface="+mn-ea"/>
                </a:endParaRPr>
              </a:p>
            </p:txBody>
          </p:sp>
          <p:sp>
            <p:nvSpPr>
              <p:cNvPr id="278" name="TextBox 285">
                <a:extLst>
                  <a:ext uri="{FF2B5EF4-FFF2-40B4-BE49-F238E27FC236}">
                    <a16:creationId xmlns:a16="http://schemas.microsoft.com/office/drawing/2014/main" xmlns="" id="{A2EA03A1-AFCE-4296-95DD-87F66738BB2D}"/>
                  </a:ext>
                </a:extLst>
              </p:cNvPr>
              <p:cNvSpPr txBox="1"/>
              <p:nvPr/>
            </p:nvSpPr>
            <p:spPr>
              <a:xfrm>
                <a:off x="8682648" y="2041479"/>
                <a:ext cx="254305" cy="338554"/>
              </a:xfrm>
              <a:prstGeom prst="rect">
                <a:avLst/>
              </a:prstGeom>
              <a:noFill/>
            </p:spPr>
            <p:txBody>
              <a:bodyPr wrap="square" rtlCol="0">
                <a:spAutoFit/>
              </a:bodyPr>
              <a:lstStyle/>
              <a:p>
                <a:r>
                  <a:rPr lang="en-US" sz="1600">
                    <a:ea typeface="+mn-ea"/>
                  </a:rPr>
                  <a:t>C</a:t>
                </a:r>
                <a:endParaRPr lang="en-US" sz="1600" dirty="0">
                  <a:ea typeface="+mn-ea"/>
                </a:endParaRPr>
              </a:p>
            </p:txBody>
          </p:sp>
          <p:sp>
            <p:nvSpPr>
              <p:cNvPr id="279" name="TextBox 285">
                <a:extLst>
                  <a:ext uri="{FF2B5EF4-FFF2-40B4-BE49-F238E27FC236}">
                    <a16:creationId xmlns:a16="http://schemas.microsoft.com/office/drawing/2014/main" xmlns="" id="{3E5146D0-8EE8-4089-BA41-425DEBF4ACEA}"/>
                  </a:ext>
                </a:extLst>
              </p:cNvPr>
              <p:cNvSpPr txBox="1"/>
              <p:nvPr/>
            </p:nvSpPr>
            <p:spPr>
              <a:xfrm>
                <a:off x="11111782" y="2925265"/>
                <a:ext cx="254305" cy="338554"/>
              </a:xfrm>
              <a:prstGeom prst="rect">
                <a:avLst/>
              </a:prstGeom>
              <a:noFill/>
            </p:spPr>
            <p:txBody>
              <a:bodyPr wrap="square" rtlCol="0">
                <a:spAutoFit/>
              </a:bodyPr>
              <a:lstStyle/>
              <a:p>
                <a:r>
                  <a:rPr lang="en-US" sz="1600">
                    <a:ea typeface="+mn-ea"/>
                  </a:rPr>
                  <a:t>E</a:t>
                </a:r>
                <a:endParaRPr lang="en-US" sz="1600" dirty="0">
                  <a:ea typeface="+mn-ea"/>
                </a:endParaRPr>
              </a:p>
            </p:txBody>
          </p:sp>
          <p:sp>
            <p:nvSpPr>
              <p:cNvPr id="280" name="TextBox 285">
                <a:extLst>
                  <a:ext uri="{FF2B5EF4-FFF2-40B4-BE49-F238E27FC236}">
                    <a16:creationId xmlns:a16="http://schemas.microsoft.com/office/drawing/2014/main" xmlns="" id="{AFA68121-1051-4B48-BB87-365B4BD16397}"/>
                  </a:ext>
                </a:extLst>
              </p:cNvPr>
              <p:cNvSpPr txBox="1"/>
              <p:nvPr/>
            </p:nvSpPr>
            <p:spPr>
              <a:xfrm>
                <a:off x="9888288" y="2053906"/>
                <a:ext cx="254305" cy="338554"/>
              </a:xfrm>
              <a:prstGeom prst="rect">
                <a:avLst/>
              </a:prstGeom>
              <a:noFill/>
            </p:spPr>
            <p:txBody>
              <a:bodyPr wrap="square" rtlCol="0">
                <a:spAutoFit/>
              </a:bodyPr>
              <a:lstStyle/>
              <a:p>
                <a:r>
                  <a:rPr lang="en-US" sz="1600">
                    <a:ea typeface="+mn-ea"/>
                  </a:rPr>
                  <a:t>D</a:t>
                </a:r>
                <a:endParaRPr lang="en-US" sz="1600" dirty="0">
                  <a:ea typeface="+mn-ea"/>
                </a:endParaRPr>
              </a:p>
            </p:txBody>
          </p:sp>
          <p:sp>
            <p:nvSpPr>
              <p:cNvPr id="281" name="TextBox 285">
                <a:extLst>
                  <a:ext uri="{FF2B5EF4-FFF2-40B4-BE49-F238E27FC236}">
                    <a16:creationId xmlns:a16="http://schemas.microsoft.com/office/drawing/2014/main" xmlns="" id="{E0EFA6A4-9EB6-450C-AC7D-9ECA21DC2A93}"/>
                  </a:ext>
                </a:extLst>
              </p:cNvPr>
              <p:cNvSpPr txBox="1"/>
              <p:nvPr/>
            </p:nvSpPr>
            <p:spPr>
              <a:xfrm>
                <a:off x="7293675" y="2867754"/>
                <a:ext cx="254305" cy="383880"/>
              </a:xfrm>
              <a:prstGeom prst="rect">
                <a:avLst/>
              </a:prstGeom>
              <a:noFill/>
            </p:spPr>
            <p:txBody>
              <a:bodyPr wrap="square" rtlCol="0">
                <a:spAutoFit/>
              </a:bodyPr>
              <a:lstStyle/>
              <a:p>
                <a:r>
                  <a:rPr lang="en-US" sz="1600">
                    <a:ea typeface="+mn-ea"/>
                  </a:rPr>
                  <a:t>F</a:t>
                </a:r>
                <a:endParaRPr lang="en-US" sz="1600" dirty="0">
                  <a:ea typeface="+mn-ea"/>
                </a:endParaRPr>
              </a:p>
            </p:txBody>
          </p:sp>
          <p:sp>
            <p:nvSpPr>
              <p:cNvPr id="284" name="TextBox 285">
                <a:extLst>
                  <a:ext uri="{FF2B5EF4-FFF2-40B4-BE49-F238E27FC236}">
                    <a16:creationId xmlns:a16="http://schemas.microsoft.com/office/drawing/2014/main" xmlns="" id="{184CDC38-0CE8-42A9-B1FE-FAEA17A3A7FE}"/>
                  </a:ext>
                </a:extLst>
              </p:cNvPr>
              <p:cNvSpPr txBox="1"/>
              <p:nvPr/>
            </p:nvSpPr>
            <p:spPr>
              <a:xfrm>
                <a:off x="8718551" y="2867754"/>
                <a:ext cx="254305" cy="383880"/>
              </a:xfrm>
              <a:prstGeom prst="rect">
                <a:avLst/>
              </a:prstGeom>
              <a:noFill/>
            </p:spPr>
            <p:txBody>
              <a:bodyPr wrap="square" rtlCol="0">
                <a:spAutoFit/>
              </a:bodyPr>
              <a:lstStyle/>
              <a:p>
                <a:r>
                  <a:rPr lang="en-US" sz="1600">
                    <a:ea typeface="+mn-ea"/>
                  </a:rPr>
                  <a:t>G</a:t>
                </a:r>
                <a:endParaRPr lang="en-US" sz="1600" dirty="0">
                  <a:ea typeface="+mn-ea"/>
                </a:endParaRPr>
              </a:p>
            </p:txBody>
          </p:sp>
          <p:sp>
            <p:nvSpPr>
              <p:cNvPr id="285" name="TextBox 285">
                <a:extLst>
                  <a:ext uri="{FF2B5EF4-FFF2-40B4-BE49-F238E27FC236}">
                    <a16:creationId xmlns:a16="http://schemas.microsoft.com/office/drawing/2014/main" xmlns="" id="{696A3F70-6E5B-4A6D-85EC-17B690F0C278}"/>
                  </a:ext>
                </a:extLst>
              </p:cNvPr>
              <p:cNvSpPr txBox="1"/>
              <p:nvPr/>
            </p:nvSpPr>
            <p:spPr>
              <a:xfrm>
                <a:off x="9837984" y="2867754"/>
                <a:ext cx="254305" cy="383880"/>
              </a:xfrm>
              <a:prstGeom prst="rect">
                <a:avLst/>
              </a:prstGeom>
              <a:noFill/>
            </p:spPr>
            <p:txBody>
              <a:bodyPr wrap="square" rtlCol="0">
                <a:spAutoFit/>
              </a:bodyPr>
              <a:lstStyle/>
              <a:p>
                <a:r>
                  <a:rPr lang="en-US" sz="1600">
                    <a:ea typeface="+mn-ea"/>
                  </a:rPr>
                  <a:t>H</a:t>
                </a:r>
                <a:endParaRPr lang="en-US" sz="1600" dirty="0">
                  <a:ea typeface="+mn-ea"/>
                </a:endParaRPr>
              </a:p>
            </p:txBody>
          </p:sp>
        </p:grpSp>
        <p:sp>
          <p:nvSpPr>
            <p:cNvPr id="244" name="任意多边形: 形状 243">
              <a:extLst>
                <a:ext uri="{FF2B5EF4-FFF2-40B4-BE49-F238E27FC236}">
                  <a16:creationId xmlns:a16="http://schemas.microsoft.com/office/drawing/2014/main" xmlns="" id="{419385D3-93F1-4917-8C89-9B45F1C7D3B3}"/>
                </a:ext>
              </a:extLst>
            </p:cNvPr>
            <p:cNvSpPr/>
            <p:nvPr/>
          </p:nvSpPr>
          <p:spPr>
            <a:xfrm>
              <a:off x="6559296" y="3084576"/>
              <a:ext cx="4437888" cy="722047"/>
            </a:xfrm>
            <a:custGeom>
              <a:avLst/>
              <a:gdLst>
                <a:gd name="connsiteX0" fmla="*/ 0 w 4437888"/>
                <a:gd name="connsiteY0" fmla="*/ 0 h 722047"/>
                <a:gd name="connsiteX1" fmla="*/ 1243584 w 4437888"/>
                <a:gd name="connsiteY1" fmla="*/ 633984 h 722047"/>
                <a:gd name="connsiteX2" fmla="*/ 3572256 w 4437888"/>
                <a:gd name="connsiteY2" fmla="*/ 658368 h 722047"/>
                <a:gd name="connsiteX3" fmla="*/ 4437888 w 4437888"/>
                <a:gd name="connsiteY3" fmla="*/ 85344 h 722047"/>
              </a:gdLst>
              <a:ahLst/>
              <a:cxnLst>
                <a:cxn ang="0">
                  <a:pos x="connsiteX0" y="connsiteY0"/>
                </a:cxn>
                <a:cxn ang="0">
                  <a:pos x="connsiteX1" y="connsiteY1"/>
                </a:cxn>
                <a:cxn ang="0">
                  <a:pos x="connsiteX2" y="connsiteY2"/>
                </a:cxn>
                <a:cxn ang="0">
                  <a:pos x="connsiteX3" y="connsiteY3"/>
                </a:cxn>
              </a:cxnLst>
              <a:rect l="l" t="t" r="r" b="b"/>
              <a:pathLst>
                <a:path w="4437888" h="722047">
                  <a:moveTo>
                    <a:pt x="0" y="0"/>
                  </a:moveTo>
                  <a:cubicBezTo>
                    <a:pt x="324104" y="262128"/>
                    <a:pt x="648208" y="524256"/>
                    <a:pt x="1243584" y="633984"/>
                  </a:cubicBezTo>
                  <a:cubicBezTo>
                    <a:pt x="1838960" y="743712"/>
                    <a:pt x="3039872" y="749808"/>
                    <a:pt x="3572256" y="658368"/>
                  </a:cubicBezTo>
                  <a:cubicBezTo>
                    <a:pt x="4104640" y="566928"/>
                    <a:pt x="4271264" y="326136"/>
                    <a:pt x="4437888" y="85344"/>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45" name="任意多边形: 形状 244">
              <a:extLst>
                <a:ext uri="{FF2B5EF4-FFF2-40B4-BE49-F238E27FC236}">
                  <a16:creationId xmlns:a16="http://schemas.microsoft.com/office/drawing/2014/main" xmlns="" id="{2EADE6D8-3918-4725-99D2-7AD27307BFE7}"/>
                </a:ext>
              </a:extLst>
            </p:cNvPr>
            <p:cNvSpPr/>
            <p:nvPr/>
          </p:nvSpPr>
          <p:spPr>
            <a:xfrm>
              <a:off x="6548397" y="2354945"/>
              <a:ext cx="2220383" cy="1119948"/>
            </a:xfrm>
            <a:custGeom>
              <a:avLst/>
              <a:gdLst>
                <a:gd name="connsiteX0" fmla="*/ 0 w 2197214"/>
                <a:gd name="connsiteY0" fmla="*/ 583918 h 1022830"/>
                <a:gd name="connsiteX1" fmla="*/ 1011936 w 2197214"/>
                <a:gd name="connsiteY1" fmla="*/ 84046 h 1022830"/>
                <a:gd name="connsiteX2" fmla="*/ 2011680 w 2197214"/>
                <a:gd name="connsiteY2" fmla="*/ 96238 h 1022830"/>
                <a:gd name="connsiteX3" fmla="*/ 2194560 w 2197214"/>
                <a:gd name="connsiteY3" fmla="*/ 1022830 h 1022830"/>
              </a:gdLst>
              <a:ahLst/>
              <a:cxnLst>
                <a:cxn ang="0">
                  <a:pos x="connsiteX0" y="connsiteY0"/>
                </a:cxn>
                <a:cxn ang="0">
                  <a:pos x="connsiteX1" y="connsiteY1"/>
                </a:cxn>
                <a:cxn ang="0">
                  <a:pos x="connsiteX2" y="connsiteY2"/>
                </a:cxn>
                <a:cxn ang="0">
                  <a:pos x="connsiteX3" y="connsiteY3"/>
                </a:cxn>
              </a:cxnLst>
              <a:rect l="l" t="t" r="r" b="b"/>
              <a:pathLst>
                <a:path w="2197214" h="1022830">
                  <a:moveTo>
                    <a:pt x="0" y="583918"/>
                  </a:moveTo>
                  <a:cubicBezTo>
                    <a:pt x="338328" y="374622"/>
                    <a:pt x="676656" y="165326"/>
                    <a:pt x="1011936" y="84046"/>
                  </a:cubicBezTo>
                  <a:cubicBezTo>
                    <a:pt x="1347216" y="2766"/>
                    <a:pt x="1814576" y="-60226"/>
                    <a:pt x="2011680" y="96238"/>
                  </a:cubicBezTo>
                  <a:cubicBezTo>
                    <a:pt x="2208784" y="252702"/>
                    <a:pt x="2201672" y="637766"/>
                    <a:pt x="2194560" y="1022830"/>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p>
          </p:txBody>
        </p:sp>
        <p:sp>
          <p:nvSpPr>
            <p:cNvPr id="249" name="任意多边形: 形状 248">
              <a:extLst>
                <a:ext uri="{FF2B5EF4-FFF2-40B4-BE49-F238E27FC236}">
                  <a16:creationId xmlns:a16="http://schemas.microsoft.com/office/drawing/2014/main" xmlns="" id="{AB04B0E9-42D1-4F16-85CC-BB8D69FB51B4}"/>
                </a:ext>
              </a:extLst>
            </p:cNvPr>
            <p:cNvSpPr/>
            <p:nvPr/>
          </p:nvSpPr>
          <p:spPr>
            <a:xfrm>
              <a:off x="8950838" y="2391407"/>
              <a:ext cx="1878355" cy="1120954"/>
            </a:xfrm>
            <a:custGeom>
              <a:avLst/>
              <a:gdLst>
                <a:gd name="connsiteX0" fmla="*/ 0 w 1672214"/>
                <a:gd name="connsiteY0" fmla="*/ 46750 h 1058686"/>
                <a:gd name="connsiteX1" fmla="*/ 950976 w 1672214"/>
                <a:gd name="connsiteY1" fmla="*/ 22366 h 1058686"/>
                <a:gd name="connsiteX2" fmla="*/ 1621536 w 1672214"/>
                <a:gd name="connsiteY2" fmla="*/ 327166 h 1058686"/>
                <a:gd name="connsiteX3" fmla="*/ 1572768 w 1672214"/>
                <a:gd name="connsiteY3" fmla="*/ 936766 h 1058686"/>
                <a:gd name="connsiteX4" fmla="*/ 1158240 w 1672214"/>
                <a:gd name="connsiteY4" fmla="*/ 1058686 h 1058686"/>
                <a:gd name="connsiteX0" fmla="*/ 0 w 1638173"/>
                <a:gd name="connsiteY0" fmla="*/ 46750 h 1058686"/>
                <a:gd name="connsiteX1" fmla="*/ 950976 w 1638173"/>
                <a:gd name="connsiteY1" fmla="*/ 22366 h 1058686"/>
                <a:gd name="connsiteX2" fmla="*/ 1572768 w 1638173"/>
                <a:gd name="connsiteY2" fmla="*/ 327166 h 1058686"/>
                <a:gd name="connsiteX3" fmla="*/ 1572768 w 1638173"/>
                <a:gd name="connsiteY3" fmla="*/ 936766 h 1058686"/>
                <a:gd name="connsiteX4" fmla="*/ 1158240 w 1638173"/>
                <a:gd name="connsiteY4" fmla="*/ 1058686 h 1058686"/>
                <a:gd name="connsiteX0" fmla="*/ 0 w 1684886"/>
                <a:gd name="connsiteY0" fmla="*/ 46750 h 1058686"/>
                <a:gd name="connsiteX1" fmla="*/ 950976 w 1684886"/>
                <a:gd name="connsiteY1" fmla="*/ 22366 h 1058686"/>
                <a:gd name="connsiteX2" fmla="*/ 1572768 w 1684886"/>
                <a:gd name="connsiteY2" fmla="*/ 327166 h 1058686"/>
                <a:gd name="connsiteX3" fmla="*/ 1572768 w 1684886"/>
                <a:gd name="connsiteY3" fmla="*/ 936766 h 1058686"/>
                <a:gd name="connsiteX4" fmla="*/ 1158240 w 1684886"/>
                <a:gd name="connsiteY4" fmla="*/ 1058686 h 1058686"/>
                <a:gd name="connsiteX0" fmla="*/ 0 w 1695520"/>
                <a:gd name="connsiteY0" fmla="*/ 46750 h 1058686"/>
                <a:gd name="connsiteX1" fmla="*/ 950976 w 1695520"/>
                <a:gd name="connsiteY1" fmla="*/ 22366 h 1058686"/>
                <a:gd name="connsiteX2" fmla="*/ 1572768 w 1695520"/>
                <a:gd name="connsiteY2" fmla="*/ 327166 h 1058686"/>
                <a:gd name="connsiteX3" fmla="*/ 1572768 w 1695520"/>
                <a:gd name="connsiteY3" fmla="*/ 936766 h 1058686"/>
                <a:gd name="connsiteX4" fmla="*/ 1158240 w 1695520"/>
                <a:gd name="connsiteY4" fmla="*/ 1058686 h 1058686"/>
                <a:gd name="connsiteX0" fmla="*/ 0 w 1633255"/>
                <a:gd name="connsiteY0" fmla="*/ 97870 h 1109806"/>
                <a:gd name="connsiteX1" fmla="*/ 1024128 w 1633255"/>
                <a:gd name="connsiteY1" fmla="*/ 12526 h 1109806"/>
                <a:gd name="connsiteX2" fmla="*/ 1572768 w 1633255"/>
                <a:gd name="connsiteY2" fmla="*/ 378286 h 1109806"/>
                <a:gd name="connsiteX3" fmla="*/ 1572768 w 1633255"/>
                <a:gd name="connsiteY3" fmla="*/ 987886 h 1109806"/>
                <a:gd name="connsiteX4" fmla="*/ 1158240 w 1633255"/>
                <a:gd name="connsiteY4" fmla="*/ 1109806 h 1109806"/>
                <a:gd name="connsiteX0" fmla="*/ 0 w 1748258"/>
                <a:gd name="connsiteY0" fmla="*/ 95637 h 1107573"/>
                <a:gd name="connsiteX1" fmla="*/ 1024128 w 1748258"/>
                <a:gd name="connsiteY1" fmla="*/ 10293 h 1107573"/>
                <a:gd name="connsiteX2" fmla="*/ 1719072 w 1748258"/>
                <a:gd name="connsiteY2" fmla="*/ 339477 h 1107573"/>
                <a:gd name="connsiteX3" fmla="*/ 1572768 w 1748258"/>
                <a:gd name="connsiteY3" fmla="*/ 985653 h 1107573"/>
                <a:gd name="connsiteX4" fmla="*/ 1158240 w 1748258"/>
                <a:gd name="connsiteY4" fmla="*/ 1107573 h 1107573"/>
                <a:gd name="connsiteX0" fmla="*/ 0 w 1771099"/>
                <a:gd name="connsiteY0" fmla="*/ 95637 h 1107573"/>
                <a:gd name="connsiteX1" fmla="*/ 1024128 w 1771099"/>
                <a:gd name="connsiteY1" fmla="*/ 10293 h 1107573"/>
                <a:gd name="connsiteX2" fmla="*/ 1719072 w 1771099"/>
                <a:gd name="connsiteY2" fmla="*/ 339477 h 1107573"/>
                <a:gd name="connsiteX3" fmla="*/ 1658112 w 1771099"/>
                <a:gd name="connsiteY3" fmla="*/ 936885 h 1107573"/>
                <a:gd name="connsiteX4" fmla="*/ 1158240 w 1771099"/>
                <a:gd name="connsiteY4" fmla="*/ 1107573 h 1107573"/>
                <a:gd name="connsiteX0" fmla="*/ 0 w 1830733"/>
                <a:gd name="connsiteY0" fmla="*/ 96372 h 1108308"/>
                <a:gd name="connsiteX1" fmla="*/ 1024128 w 1830733"/>
                <a:gd name="connsiteY1" fmla="*/ 11028 h 1108308"/>
                <a:gd name="connsiteX2" fmla="*/ 1792224 w 1830733"/>
                <a:gd name="connsiteY2" fmla="*/ 352404 h 1108308"/>
                <a:gd name="connsiteX3" fmla="*/ 1658112 w 1830733"/>
                <a:gd name="connsiteY3" fmla="*/ 937620 h 1108308"/>
                <a:gd name="connsiteX4" fmla="*/ 1158240 w 1830733"/>
                <a:gd name="connsiteY4" fmla="*/ 1108308 h 1108308"/>
                <a:gd name="connsiteX0" fmla="*/ 0 w 1872983"/>
                <a:gd name="connsiteY0" fmla="*/ 96372 h 1108308"/>
                <a:gd name="connsiteX1" fmla="*/ 1024128 w 1872983"/>
                <a:gd name="connsiteY1" fmla="*/ 11028 h 1108308"/>
                <a:gd name="connsiteX2" fmla="*/ 1792224 w 1872983"/>
                <a:gd name="connsiteY2" fmla="*/ 352404 h 1108308"/>
                <a:gd name="connsiteX3" fmla="*/ 1658112 w 1872983"/>
                <a:gd name="connsiteY3" fmla="*/ 937620 h 1108308"/>
                <a:gd name="connsiteX4" fmla="*/ 1158240 w 1872983"/>
                <a:gd name="connsiteY4" fmla="*/ 1108308 h 1108308"/>
                <a:gd name="connsiteX0" fmla="*/ 0 w 1823848"/>
                <a:gd name="connsiteY0" fmla="*/ 107598 h 1119534"/>
                <a:gd name="connsiteX1" fmla="*/ 1121664 w 1823848"/>
                <a:gd name="connsiteY1" fmla="*/ 10062 h 1119534"/>
                <a:gd name="connsiteX2" fmla="*/ 1792224 w 1823848"/>
                <a:gd name="connsiteY2" fmla="*/ 363630 h 1119534"/>
                <a:gd name="connsiteX3" fmla="*/ 1658112 w 1823848"/>
                <a:gd name="connsiteY3" fmla="*/ 948846 h 1119534"/>
                <a:gd name="connsiteX4" fmla="*/ 1158240 w 1823848"/>
                <a:gd name="connsiteY4" fmla="*/ 1119534 h 1119534"/>
                <a:gd name="connsiteX0" fmla="*/ 0 w 1878355"/>
                <a:gd name="connsiteY0" fmla="*/ 109018 h 1120954"/>
                <a:gd name="connsiteX1" fmla="*/ 1121664 w 1878355"/>
                <a:gd name="connsiteY1" fmla="*/ 11482 h 1120954"/>
                <a:gd name="connsiteX2" fmla="*/ 1853184 w 1878355"/>
                <a:gd name="connsiteY2" fmla="*/ 389434 h 1120954"/>
                <a:gd name="connsiteX3" fmla="*/ 1658112 w 1878355"/>
                <a:gd name="connsiteY3" fmla="*/ 950266 h 1120954"/>
                <a:gd name="connsiteX4" fmla="*/ 1158240 w 1878355"/>
                <a:gd name="connsiteY4" fmla="*/ 1120954 h 112095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878355" h="1120954">
                  <a:moveTo>
                    <a:pt x="0" y="109018"/>
                  </a:moveTo>
                  <a:cubicBezTo>
                    <a:pt x="340360" y="73458"/>
                    <a:pt x="812800" y="-35254"/>
                    <a:pt x="1121664" y="11482"/>
                  </a:cubicBezTo>
                  <a:cubicBezTo>
                    <a:pt x="1430528" y="58218"/>
                    <a:pt x="1763776" y="232970"/>
                    <a:pt x="1853184" y="389434"/>
                  </a:cubicBezTo>
                  <a:cubicBezTo>
                    <a:pt x="1942592" y="545898"/>
                    <a:pt x="1773936" y="828346"/>
                    <a:pt x="1658112" y="950266"/>
                  </a:cubicBezTo>
                  <a:cubicBezTo>
                    <a:pt x="1542288" y="1072186"/>
                    <a:pt x="1062736" y="1108762"/>
                    <a:pt x="1158240" y="1120954"/>
                  </a:cubicBezTo>
                </a:path>
              </a:pathLst>
            </a:custGeom>
            <a:noFill/>
            <a:ln w="57150">
              <a:solidFill>
                <a:srgbClr val="EC7061"/>
              </a:solidFill>
              <a:prstDash val="dash"/>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p>
          </p:txBody>
        </p:sp>
        <p:sp>
          <p:nvSpPr>
            <p:cNvPr id="250" name="Oval 4">
              <a:extLst>
                <a:ext uri="{FF2B5EF4-FFF2-40B4-BE49-F238E27FC236}">
                  <a16:creationId xmlns:a16="http://schemas.microsoft.com/office/drawing/2014/main" xmlns="" id="{F597D23E-8A0B-4159-AABA-F7FFAA332298}"/>
                </a:ext>
              </a:extLst>
            </p:cNvPr>
            <p:cNvSpPr>
              <a:spLocks noChangeAspect="1"/>
            </p:cNvSpPr>
            <p:nvPr/>
          </p:nvSpPr>
          <p:spPr>
            <a:xfrm>
              <a:off x="8141822" y="3592692"/>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400" b="1" dirty="0">
                  <a:solidFill>
                    <a:schemeClr val="bg1"/>
                  </a:solidFill>
                  <a:latin typeface="Huawei Sans" panose="020C0503030203020204" pitchFamily="34" charset="0"/>
                  <a:ea typeface="方正兰亭黑简体" panose="02000000000000000000" pitchFamily="2" charset="-122"/>
                </a:rPr>
                <a:t>1</a:t>
              </a:r>
              <a:endParaRPr lang="zh-CN" altLang="en-US" sz="1400" b="1" dirty="0">
                <a:solidFill>
                  <a:schemeClr val="bg1"/>
                </a:solidFill>
                <a:latin typeface="Huawei Sans" panose="020C0503030203020204" pitchFamily="34" charset="0"/>
                <a:ea typeface="方正兰亭黑简体" panose="02000000000000000000" pitchFamily="2" charset="-122"/>
              </a:endParaRPr>
            </a:p>
          </p:txBody>
        </p:sp>
        <p:sp>
          <p:nvSpPr>
            <p:cNvPr id="251" name="Oval 4">
              <a:extLst>
                <a:ext uri="{FF2B5EF4-FFF2-40B4-BE49-F238E27FC236}">
                  <a16:creationId xmlns:a16="http://schemas.microsoft.com/office/drawing/2014/main" xmlns="" id="{161EC250-2D1D-4F23-9B87-E9915C265F36}"/>
                </a:ext>
              </a:extLst>
            </p:cNvPr>
            <p:cNvSpPr>
              <a:spLocks noChangeAspect="1"/>
            </p:cNvSpPr>
            <p:nvPr/>
          </p:nvSpPr>
          <p:spPr>
            <a:xfrm>
              <a:off x="8089343" y="2191318"/>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400" b="1" dirty="0">
                  <a:solidFill>
                    <a:schemeClr val="bg1"/>
                  </a:solidFill>
                  <a:latin typeface="Huawei Sans" panose="020C0503030203020204" pitchFamily="34" charset="0"/>
                  <a:ea typeface="方正兰亭黑简体" panose="02000000000000000000" pitchFamily="2" charset="-122"/>
                </a:rPr>
                <a:t>2</a:t>
              </a:r>
              <a:endParaRPr lang="zh-CN" altLang="en-US" sz="1400" b="1" dirty="0">
                <a:solidFill>
                  <a:schemeClr val="bg1"/>
                </a:solidFill>
                <a:latin typeface="Huawei Sans" panose="020C0503030203020204" pitchFamily="34" charset="0"/>
                <a:ea typeface="方正兰亭黑简体" panose="02000000000000000000" pitchFamily="2" charset="-122"/>
              </a:endParaRPr>
            </a:p>
          </p:txBody>
        </p:sp>
        <p:sp>
          <p:nvSpPr>
            <p:cNvPr id="252" name="Oval 4">
              <a:extLst>
                <a:ext uri="{FF2B5EF4-FFF2-40B4-BE49-F238E27FC236}">
                  <a16:creationId xmlns:a16="http://schemas.microsoft.com/office/drawing/2014/main" xmlns="" id="{F7A436DE-C432-4710-9697-18AE497471C9}"/>
                </a:ext>
              </a:extLst>
            </p:cNvPr>
            <p:cNvSpPr>
              <a:spLocks noChangeAspect="1"/>
            </p:cNvSpPr>
            <p:nvPr/>
          </p:nvSpPr>
          <p:spPr>
            <a:xfrm>
              <a:off x="10393604" y="2241795"/>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400" b="1" dirty="0">
                  <a:solidFill>
                    <a:schemeClr val="bg1"/>
                  </a:solidFill>
                  <a:latin typeface="Huawei Sans" panose="020C0503030203020204" pitchFamily="34" charset="0"/>
                  <a:ea typeface="方正兰亭黑简体" panose="02000000000000000000" pitchFamily="2" charset="-122"/>
                </a:rPr>
                <a:t>3</a:t>
              </a:r>
              <a:endParaRPr lang="zh-CN" altLang="en-US" sz="1400" b="1" dirty="0">
                <a:solidFill>
                  <a:schemeClr val="bg1"/>
                </a:solidFill>
                <a:latin typeface="Huawei Sans" panose="020C0503030203020204" pitchFamily="34" charset="0"/>
                <a:ea typeface="方正兰亭黑简体" panose="02000000000000000000" pitchFamily="2" charset="-122"/>
              </a:endParaRPr>
            </a:p>
          </p:txBody>
        </p:sp>
        <p:sp>
          <p:nvSpPr>
            <p:cNvPr id="253" name="十字形 252">
              <a:extLst>
                <a:ext uri="{FF2B5EF4-FFF2-40B4-BE49-F238E27FC236}">
                  <a16:creationId xmlns:a16="http://schemas.microsoft.com/office/drawing/2014/main" xmlns="" id="{1AD41AC4-143C-43AA-A675-08247BA71BE5}"/>
                </a:ext>
              </a:extLst>
            </p:cNvPr>
            <p:cNvSpPr/>
            <p:nvPr/>
          </p:nvSpPr>
          <p:spPr>
            <a:xfrm rot="2785165">
              <a:off x="10690338" y="2230792"/>
              <a:ext cx="345945" cy="345945"/>
            </a:xfrm>
            <a:prstGeom prst="plus">
              <a:avLst>
                <a:gd name="adj" fmla="val 39697"/>
              </a:avLst>
            </a:prstGeom>
            <a:solidFill>
              <a:srgbClr val="EC7061"/>
            </a:solidFill>
            <a:ln>
              <a:solidFill>
                <a:srgbClr val="EC706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zh-CN" altLang="en-US" sz="900">
                <a:solidFill>
                  <a:prstClr val="white"/>
                </a:solidFill>
              </a:endParaRPr>
            </a:p>
          </p:txBody>
        </p:sp>
      </p:grpSp>
    </p:spTree>
    <p:extLst>
      <p:ext uri="{BB962C8B-B14F-4D97-AF65-F5344CB8AC3E}">
        <p14:creationId xmlns:p14="http://schemas.microsoft.com/office/powerpoint/2010/main" val="202196301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99EAD3C1-EB7D-45AC-921A-1310162A616B}"/>
              </a:ext>
            </a:extLst>
          </p:cNvPr>
          <p:cNvSpPr>
            <a:spLocks noGrp="1"/>
          </p:cNvSpPr>
          <p:nvPr>
            <p:ph type="title"/>
          </p:nvPr>
        </p:nvSpPr>
        <p:spPr/>
        <p:txBody>
          <a:bodyPr/>
          <a:lstStyle/>
          <a:p>
            <a:r>
              <a:rPr lang="zh-CN" altLang="en-US"/>
              <a:t>网络技术太复杂</a:t>
            </a:r>
          </a:p>
        </p:txBody>
      </p:sp>
      <p:sp>
        <p:nvSpPr>
          <p:cNvPr id="3" name="Content Placeholder 2">
            <a:extLst>
              <a:ext uri="{FF2B5EF4-FFF2-40B4-BE49-F238E27FC236}">
                <a16:creationId xmlns:a16="http://schemas.microsoft.com/office/drawing/2014/main" xmlns="" id="{D336344B-D447-4E10-8F4E-59FD29CCE863}"/>
              </a:ext>
            </a:extLst>
          </p:cNvPr>
          <p:cNvSpPr txBox="1">
            <a:spLocks/>
          </p:cNvSpPr>
          <p:nvPr/>
        </p:nvSpPr>
        <p:spPr>
          <a:xfrm>
            <a:off x="617252" y="1243133"/>
            <a:ext cx="5075703" cy="1639918"/>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pPr marL="0" indent="0">
              <a:buNone/>
            </a:pPr>
            <a:r>
              <a:rPr lang="zh-CN" altLang="en-US" sz="1800" b="1" dirty="0">
                <a:sym typeface="Arial" charset="0"/>
              </a:rPr>
              <a:t>网络协议多</a:t>
            </a:r>
            <a:r>
              <a:rPr lang="zh-CN" altLang="en-US" sz="1800" dirty="0">
                <a:sym typeface="Arial" charset="0"/>
              </a:rPr>
              <a:t>：如果您准备成为一名网络技术专家， 您需要阅读网络设备相关</a:t>
            </a:r>
            <a:r>
              <a:rPr lang="en-US" altLang="zh-CN" sz="1800" dirty="0">
                <a:sym typeface="Arial" charset="0"/>
              </a:rPr>
              <a:t>RFC 2500</a:t>
            </a:r>
            <a:r>
              <a:rPr lang="zh-CN" altLang="en-US" sz="1800" dirty="0">
                <a:sym typeface="Arial" charset="0"/>
              </a:rPr>
              <a:t>篇。如果一天阅读一篇，需要长达</a:t>
            </a:r>
            <a:r>
              <a:rPr lang="en-US" altLang="zh-CN" sz="1800" dirty="0">
                <a:sym typeface="Arial" charset="0"/>
              </a:rPr>
              <a:t>6</a:t>
            </a:r>
            <a:r>
              <a:rPr lang="zh-CN" altLang="en-US" sz="1800" dirty="0">
                <a:sym typeface="Arial" charset="0"/>
              </a:rPr>
              <a:t>年时间， 而这只是整个</a:t>
            </a:r>
            <a:r>
              <a:rPr lang="en-US" altLang="zh-CN" sz="1800" dirty="0">
                <a:sym typeface="Arial" charset="0"/>
              </a:rPr>
              <a:t>RFC</a:t>
            </a:r>
            <a:r>
              <a:rPr lang="zh-CN" altLang="en-US" sz="1800" dirty="0">
                <a:sym typeface="Arial" charset="0"/>
              </a:rPr>
              <a:t>的 </a:t>
            </a:r>
            <a:r>
              <a:rPr lang="en-US" altLang="zh-CN" sz="1800" dirty="0">
                <a:sym typeface="Arial" charset="0"/>
              </a:rPr>
              <a:t>1/3</a:t>
            </a:r>
            <a:r>
              <a:rPr lang="zh-CN" altLang="en-US" sz="1800" dirty="0">
                <a:sym typeface="Arial" charset="0"/>
              </a:rPr>
              <a:t>，其数量还在持续增加。</a:t>
            </a:r>
            <a:endParaRPr lang="en-US" altLang="zh-CN" sz="1800" dirty="0">
              <a:sym typeface="Arial" charset="0"/>
            </a:endParaRPr>
          </a:p>
          <a:p>
            <a:endParaRPr lang="en-US" sz="1800" dirty="0"/>
          </a:p>
        </p:txBody>
      </p:sp>
      <p:graphicFrame>
        <p:nvGraphicFramePr>
          <p:cNvPr id="4" name="图表 3">
            <a:extLst>
              <a:ext uri="{FF2B5EF4-FFF2-40B4-BE49-F238E27FC236}">
                <a16:creationId xmlns:a16="http://schemas.microsoft.com/office/drawing/2014/main" xmlns="" id="{205C9CFC-8CCE-4756-A50C-99B136A0C0BE}"/>
              </a:ext>
            </a:extLst>
          </p:cNvPr>
          <p:cNvGraphicFramePr/>
          <p:nvPr/>
        </p:nvGraphicFramePr>
        <p:xfrm>
          <a:off x="912285" y="3163391"/>
          <a:ext cx="4644516" cy="2628292"/>
        </p:xfrm>
        <a:graphic>
          <a:graphicData uri="http://schemas.openxmlformats.org/drawingml/2006/chart">
            <c:chart xmlns:c="http://schemas.openxmlformats.org/drawingml/2006/chart" xmlns:r="http://schemas.openxmlformats.org/officeDocument/2006/relationships" r:id="rId3"/>
          </a:graphicData>
        </a:graphic>
      </p:graphicFrame>
      <p:sp>
        <p:nvSpPr>
          <p:cNvPr id="5" name="Content Placeholder 2">
            <a:extLst>
              <a:ext uri="{FF2B5EF4-FFF2-40B4-BE49-F238E27FC236}">
                <a16:creationId xmlns:a16="http://schemas.microsoft.com/office/drawing/2014/main" xmlns="" id="{108208DE-0006-401E-8413-126262854EF3}"/>
              </a:ext>
            </a:extLst>
          </p:cNvPr>
          <p:cNvSpPr txBox="1">
            <a:spLocks/>
          </p:cNvSpPr>
          <p:nvPr/>
        </p:nvSpPr>
        <p:spPr bwMode="auto">
          <a:xfrm>
            <a:off x="6096000" y="1243133"/>
            <a:ext cx="5376863" cy="1595145"/>
          </a:xfrm>
          <a:prstGeom prst="rect">
            <a:avLst/>
          </a:prstGeom>
        </p:spPr>
        <p:txBody>
          <a:bodyPr/>
          <a:lstStyle>
            <a:defPPr>
              <a:defRPr lang="en-US"/>
            </a:defPPr>
            <a:lvl1pPr marL="302279" indent="-302279" defTabSz="914034">
              <a:lnSpc>
                <a:spcPct val="140000"/>
              </a:lnSpc>
              <a:spcBef>
                <a:spcPts val="792"/>
              </a:spcBef>
              <a:buFont typeface="Arial" panose="020B0604020202020204" pitchFamily="34" charset="0"/>
              <a:buChar char="•"/>
            </a:lvl1pPr>
            <a:lvl2pPr marL="654938" indent="-251899" defTabSz="914034">
              <a:lnSpc>
                <a:spcPct val="140000"/>
              </a:lnSpc>
              <a:spcBef>
                <a:spcPts val="720"/>
              </a:spcBef>
              <a:buClrTx/>
              <a:buFont typeface="Huawei Sans" panose="020C0503030203020204" pitchFamily="34" charset="0"/>
              <a:buChar char="▫"/>
              <a:defRPr sz="1999"/>
            </a:lvl2pPr>
            <a:lvl3pPr marL="1003998" indent="-201519" defTabSz="914034">
              <a:lnSpc>
                <a:spcPct val="140000"/>
              </a:lnSpc>
              <a:spcBef>
                <a:spcPts val="648"/>
              </a:spcBef>
              <a:buClrTx/>
              <a:buFont typeface="微软雅黑" panose="020B0503020204020204" pitchFamily="34" charset="-122"/>
              <a:buChar char="▪"/>
              <a:defRPr sz="1799"/>
            </a:lvl3pPr>
            <a:lvl4pPr marL="1399840" indent="-197921" defTabSz="914034">
              <a:lnSpc>
                <a:spcPct val="140000"/>
              </a:lnSpc>
              <a:spcBef>
                <a:spcPts val="576"/>
              </a:spcBef>
              <a:buFont typeface="Huawei Sans" panose="020C0503030203020204" pitchFamily="34" charset="0"/>
              <a:buChar char="−"/>
              <a:defRPr sz="1599"/>
            </a:lvl4pPr>
            <a:lvl5pPr marL="1802879" indent="-201519" defTabSz="914034">
              <a:lnSpc>
                <a:spcPct val="140000"/>
              </a:lnSpc>
              <a:spcBef>
                <a:spcPts val="576"/>
              </a:spcBef>
              <a:buFont typeface="Huawei Sans" panose="020C0503030203020204" pitchFamily="34" charset="0"/>
              <a:buChar char="~"/>
              <a:defRPr sz="1399"/>
            </a:lvl5pPr>
            <a:lvl6pPr marL="2513594" indent="-228509" defTabSz="914034">
              <a:lnSpc>
                <a:spcPct val="90000"/>
              </a:lnSpc>
              <a:spcBef>
                <a:spcPts val="500"/>
              </a:spcBef>
              <a:buFont typeface="Arial" panose="020B0604020202020204" pitchFamily="34" charset="0"/>
              <a:buChar char="•"/>
              <a:defRPr sz="1799"/>
            </a:lvl6pPr>
            <a:lvl7pPr marL="2970611" indent="-228509" defTabSz="914034">
              <a:lnSpc>
                <a:spcPct val="90000"/>
              </a:lnSpc>
              <a:spcBef>
                <a:spcPts val="500"/>
              </a:spcBef>
              <a:buFont typeface="Arial" panose="020B0604020202020204" pitchFamily="34" charset="0"/>
              <a:buChar char="•"/>
              <a:defRPr sz="1799"/>
            </a:lvl7pPr>
            <a:lvl8pPr marL="3427628" indent="-228509" defTabSz="914034">
              <a:lnSpc>
                <a:spcPct val="90000"/>
              </a:lnSpc>
              <a:spcBef>
                <a:spcPts val="500"/>
              </a:spcBef>
              <a:buFont typeface="Arial" panose="020B0604020202020204" pitchFamily="34" charset="0"/>
              <a:buChar char="•"/>
              <a:defRPr sz="1799"/>
            </a:lvl8pPr>
            <a:lvl9pPr marL="3884646" indent="-228509" defTabSz="914034">
              <a:lnSpc>
                <a:spcPct val="90000"/>
              </a:lnSpc>
              <a:spcBef>
                <a:spcPts val="500"/>
              </a:spcBef>
              <a:buFont typeface="Arial" panose="020B0604020202020204" pitchFamily="34" charset="0"/>
              <a:buChar char="•"/>
              <a:defRPr sz="1799"/>
            </a:lvl9pPr>
          </a:lstStyle>
          <a:p>
            <a:pPr marL="0" indent="0">
              <a:buNone/>
            </a:pPr>
            <a:r>
              <a:rPr lang="zh-CN" altLang="en-US" b="1" dirty="0">
                <a:sym typeface="Arial" charset="0"/>
              </a:rPr>
              <a:t>网络配置难</a:t>
            </a:r>
            <a:r>
              <a:rPr lang="zh-CN" altLang="en-US" dirty="0">
                <a:sym typeface="Arial" charset="0"/>
              </a:rPr>
              <a:t>：如果您准备成为某个设备商设备的百事通，您需要掌握的命令行超过</a:t>
            </a:r>
            <a:r>
              <a:rPr lang="en-US" altLang="zh-CN" dirty="0">
                <a:solidFill>
                  <a:srgbClr val="EC7061"/>
                </a:solidFill>
                <a:sym typeface="Arial" charset="0"/>
              </a:rPr>
              <a:t>10000</a:t>
            </a:r>
            <a:r>
              <a:rPr lang="zh-CN" altLang="en-US" dirty="0">
                <a:solidFill>
                  <a:srgbClr val="EC7061"/>
                </a:solidFill>
                <a:sym typeface="Arial" charset="0"/>
              </a:rPr>
              <a:t>条</a:t>
            </a:r>
            <a:r>
              <a:rPr lang="zh-CN" altLang="en-US" dirty="0">
                <a:sym typeface="Arial" charset="0"/>
              </a:rPr>
              <a:t>，而其数量还在增加。</a:t>
            </a:r>
            <a:endParaRPr lang="en-US" dirty="0"/>
          </a:p>
        </p:txBody>
      </p:sp>
      <p:grpSp>
        <p:nvGrpSpPr>
          <p:cNvPr id="6" name="组合 412">
            <a:extLst>
              <a:ext uri="{FF2B5EF4-FFF2-40B4-BE49-F238E27FC236}">
                <a16:creationId xmlns:a16="http://schemas.microsoft.com/office/drawing/2014/main" xmlns="" id="{F534CCCF-D896-47F0-91F1-4882F6152B74}"/>
              </a:ext>
            </a:extLst>
          </p:cNvPr>
          <p:cNvGrpSpPr>
            <a:grpSpLocks/>
          </p:cNvGrpSpPr>
          <p:nvPr/>
        </p:nvGrpSpPr>
        <p:grpSpPr bwMode="auto">
          <a:xfrm>
            <a:off x="7506289" y="3235399"/>
            <a:ext cx="2556284" cy="2484276"/>
            <a:chOff x="5959797" y="2784420"/>
            <a:chExt cx="1774503" cy="1610959"/>
          </a:xfrm>
          <a:solidFill>
            <a:schemeClr val="bg2">
              <a:lumMod val="90000"/>
            </a:schemeClr>
          </a:solidFill>
        </p:grpSpPr>
        <p:sp>
          <p:nvSpPr>
            <p:cNvPr id="7" name="Freeform 54">
              <a:extLst>
                <a:ext uri="{FF2B5EF4-FFF2-40B4-BE49-F238E27FC236}">
                  <a16:creationId xmlns:a16="http://schemas.microsoft.com/office/drawing/2014/main" xmlns="" id="{714B99FC-2A7E-433A-9603-FD27E46BC1A3}"/>
                </a:ext>
              </a:extLst>
            </p:cNvPr>
            <p:cNvSpPr>
              <a:spLocks noEditPoints="1"/>
            </p:cNvSpPr>
            <p:nvPr/>
          </p:nvSpPr>
          <p:spPr bwMode="auto">
            <a:xfrm>
              <a:off x="5959797" y="2784420"/>
              <a:ext cx="1774503" cy="1610959"/>
            </a:xfrm>
            <a:custGeom>
              <a:avLst/>
              <a:gdLst/>
              <a:ahLst/>
              <a:cxnLst>
                <a:cxn ang="0">
                  <a:pos x="1827" y="14183"/>
                </a:cxn>
                <a:cxn ang="0">
                  <a:pos x="2096" y="14451"/>
                </a:cxn>
                <a:cxn ang="0">
                  <a:pos x="5256" y="14490"/>
                </a:cxn>
                <a:cxn ang="0">
                  <a:pos x="5337" y="16217"/>
                </a:cxn>
                <a:cxn ang="0">
                  <a:pos x="5647" y="16422"/>
                </a:cxn>
                <a:cxn ang="0">
                  <a:pos x="12686" y="16401"/>
                </a:cxn>
                <a:cxn ang="0">
                  <a:pos x="12933" y="16136"/>
                </a:cxn>
                <a:cxn ang="0">
                  <a:pos x="13282" y="12208"/>
                </a:cxn>
                <a:cxn ang="0">
                  <a:pos x="14329" y="11060"/>
                </a:cxn>
                <a:cxn ang="0">
                  <a:pos x="15109" y="9722"/>
                </a:cxn>
                <a:cxn ang="0">
                  <a:pos x="15560" y="8181"/>
                </a:cxn>
                <a:cxn ang="0">
                  <a:pos x="15663" y="6599"/>
                </a:cxn>
                <a:cxn ang="0">
                  <a:pos x="15458" y="5221"/>
                </a:cxn>
                <a:cxn ang="0">
                  <a:pos x="14988" y="3946"/>
                </a:cxn>
                <a:cxn ang="0">
                  <a:pos x="14290" y="2796"/>
                </a:cxn>
                <a:cxn ang="0">
                  <a:pos x="13408" y="1809"/>
                </a:cxn>
                <a:cxn ang="0">
                  <a:pos x="12338" y="1007"/>
                </a:cxn>
                <a:cxn ang="0">
                  <a:pos x="11128" y="431"/>
                </a:cxn>
                <a:cxn ang="0">
                  <a:pos x="9793" y="81"/>
                </a:cxn>
                <a:cxn ang="0">
                  <a:pos x="8374" y="21"/>
                </a:cxn>
                <a:cxn ang="0">
                  <a:pos x="7041" y="205"/>
                </a:cxn>
                <a:cxn ang="0">
                  <a:pos x="5809" y="657"/>
                </a:cxn>
                <a:cxn ang="0">
                  <a:pos x="4702" y="1296"/>
                </a:cxn>
                <a:cxn ang="0">
                  <a:pos x="3718" y="2138"/>
                </a:cxn>
                <a:cxn ang="0">
                  <a:pos x="2915" y="3165"/>
                </a:cxn>
                <a:cxn ang="0">
                  <a:pos x="2321" y="4295"/>
                </a:cxn>
                <a:cxn ang="0">
                  <a:pos x="1930" y="5571"/>
                </a:cxn>
                <a:cxn ang="0">
                  <a:pos x="1788" y="6555"/>
                </a:cxn>
                <a:cxn ang="0">
                  <a:pos x="1500" y="7747"/>
                </a:cxn>
                <a:cxn ang="0">
                  <a:pos x="677" y="8962"/>
                </a:cxn>
                <a:cxn ang="0">
                  <a:pos x="42" y="9703"/>
                </a:cxn>
                <a:cxn ang="0">
                  <a:pos x="42" y="10071"/>
                </a:cxn>
                <a:cxn ang="0">
                  <a:pos x="536" y="10604"/>
                </a:cxn>
                <a:cxn ang="0">
                  <a:pos x="1355" y="11142"/>
                </a:cxn>
                <a:cxn ang="0">
                  <a:pos x="4621" y="4133"/>
                </a:cxn>
                <a:cxn ang="0">
                  <a:pos x="5482" y="3328"/>
                </a:cxn>
                <a:cxn ang="0">
                  <a:pos x="6571" y="2734"/>
                </a:cxn>
                <a:cxn ang="0">
                  <a:pos x="7823" y="2385"/>
                </a:cxn>
                <a:cxn ang="0">
                  <a:pos x="9320" y="2300"/>
                </a:cxn>
                <a:cxn ang="0">
                  <a:pos x="11107" y="2774"/>
                </a:cxn>
                <a:cxn ang="0">
                  <a:pos x="12525" y="3741"/>
                </a:cxn>
                <a:cxn ang="0">
                  <a:pos x="13408" y="5098"/>
                </a:cxn>
                <a:cxn ang="0">
                  <a:pos x="13612" y="6288"/>
                </a:cxn>
                <a:cxn ang="0">
                  <a:pos x="13469" y="7358"/>
                </a:cxn>
                <a:cxn ang="0">
                  <a:pos x="12974" y="8263"/>
                </a:cxn>
                <a:cxn ang="0">
                  <a:pos x="12072" y="9106"/>
                </a:cxn>
                <a:cxn ang="0">
                  <a:pos x="11373" y="9188"/>
                </a:cxn>
                <a:cxn ang="0">
                  <a:pos x="10860" y="8962"/>
                </a:cxn>
                <a:cxn ang="0">
                  <a:pos x="11291" y="10668"/>
                </a:cxn>
                <a:cxn ang="0">
                  <a:pos x="11147" y="10976"/>
                </a:cxn>
                <a:cxn ang="0">
                  <a:pos x="10636" y="10936"/>
                </a:cxn>
                <a:cxn ang="0">
                  <a:pos x="9136" y="8818"/>
                </a:cxn>
                <a:cxn ang="0">
                  <a:pos x="8540" y="8818"/>
                </a:cxn>
                <a:cxn ang="0">
                  <a:pos x="7658" y="9043"/>
                </a:cxn>
                <a:cxn ang="0">
                  <a:pos x="6571" y="8796"/>
                </a:cxn>
                <a:cxn ang="0">
                  <a:pos x="5852" y="8097"/>
                </a:cxn>
                <a:cxn ang="0">
                  <a:pos x="5749" y="7563"/>
                </a:cxn>
                <a:cxn ang="0">
                  <a:pos x="5256" y="7481"/>
                </a:cxn>
                <a:cxn ang="0">
                  <a:pos x="4434" y="7051"/>
                </a:cxn>
                <a:cxn ang="0">
                  <a:pos x="3986" y="6146"/>
                </a:cxn>
                <a:cxn ang="0">
                  <a:pos x="4107" y="4975"/>
                </a:cxn>
              </a:cxnLst>
              <a:rect l="0" t="0" r="r" b="b"/>
              <a:pathLst>
                <a:path w="15663" h="16444">
                  <a:moveTo>
                    <a:pt x="1788" y="11307"/>
                  </a:moveTo>
                  <a:lnTo>
                    <a:pt x="1788" y="13999"/>
                  </a:lnTo>
                  <a:lnTo>
                    <a:pt x="1805" y="14102"/>
                  </a:lnTo>
                  <a:lnTo>
                    <a:pt x="1827" y="14183"/>
                  </a:lnTo>
                  <a:lnTo>
                    <a:pt x="1868" y="14265"/>
                  </a:lnTo>
                  <a:lnTo>
                    <a:pt x="1930" y="14348"/>
                  </a:lnTo>
                  <a:lnTo>
                    <a:pt x="2015" y="14409"/>
                  </a:lnTo>
                  <a:lnTo>
                    <a:pt x="2096" y="14451"/>
                  </a:lnTo>
                  <a:lnTo>
                    <a:pt x="2177" y="14470"/>
                  </a:lnTo>
                  <a:lnTo>
                    <a:pt x="2280" y="14490"/>
                  </a:lnTo>
                  <a:lnTo>
                    <a:pt x="3121" y="14490"/>
                  </a:lnTo>
                  <a:lnTo>
                    <a:pt x="5256" y="14490"/>
                  </a:lnTo>
                  <a:lnTo>
                    <a:pt x="5256" y="15950"/>
                  </a:lnTo>
                  <a:lnTo>
                    <a:pt x="5256" y="16034"/>
                  </a:lnTo>
                  <a:lnTo>
                    <a:pt x="5277" y="16136"/>
                  </a:lnTo>
                  <a:lnTo>
                    <a:pt x="5337" y="16217"/>
                  </a:lnTo>
                  <a:lnTo>
                    <a:pt x="5401" y="16299"/>
                  </a:lnTo>
                  <a:lnTo>
                    <a:pt x="5464" y="16362"/>
                  </a:lnTo>
                  <a:lnTo>
                    <a:pt x="5543" y="16401"/>
                  </a:lnTo>
                  <a:lnTo>
                    <a:pt x="5647" y="16422"/>
                  </a:lnTo>
                  <a:lnTo>
                    <a:pt x="5749" y="16444"/>
                  </a:lnTo>
                  <a:lnTo>
                    <a:pt x="12483" y="16444"/>
                  </a:lnTo>
                  <a:lnTo>
                    <a:pt x="12583" y="16422"/>
                  </a:lnTo>
                  <a:lnTo>
                    <a:pt x="12686" y="16401"/>
                  </a:lnTo>
                  <a:lnTo>
                    <a:pt x="12770" y="16362"/>
                  </a:lnTo>
                  <a:lnTo>
                    <a:pt x="12830" y="16299"/>
                  </a:lnTo>
                  <a:lnTo>
                    <a:pt x="12893" y="16217"/>
                  </a:lnTo>
                  <a:lnTo>
                    <a:pt x="12933" y="16136"/>
                  </a:lnTo>
                  <a:lnTo>
                    <a:pt x="12974" y="16034"/>
                  </a:lnTo>
                  <a:lnTo>
                    <a:pt x="12974" y="15950"/>
                  </a:lnTo>
                  <a:lnTo>
                    <a:pt x="12974" y="12456"/>
                  </a:lnTo>
                  <a:lnTo>
                    <a:pt x="13282" y="12208"/>
                  </a:lnTo>
                  <a:lnTo>
                    <a:pt x="13570" y="11943"/>
                  </a:lnTo>
                  <a:lnTo>
                    <a:pt x="13838" y="11675"/>
                  </a:lnTo>
                  <a:lnTo>
                    <a:pt x="14082" y="11367"/>
                  </a:lnTo>
                  <a:lnTo>
                    <a:pt x="14329" y="11060"/>
                  </a:lnTo>
                  <a:lnTo>
                    <a:pt x="14554" y="10750"/>
                  </a:lnTo>
                  <a:lnTo>
                    <a:pt x="14759" y="10420"/>
                  </a:lnTo>
                  <a:lnTo>
                    <a:pt x="14947" y="10071"/>
                  </a:lnTo>
                  <a:lnTo>
                    <a:pt x="15109" y="9722"/>
                  </a:lnTo>
                  <a:lnTo>
                    <a:pt x="15253" y="9353"/>
                  </a:lnTo>
                  <a:lnTo>
                    <a:pt x="15379" y="8962"/>
                  </a:lnTo>
                  <a:lnTo>
                    <a:pt x="15479" y="8592"/>
                  </a:lnTo>
                  <a:lnTo>
                    <a:pt x="15560" y="8181"/>
                  </a:lnTo>
                  <a:lnTo>
                    <a:pt x="15623" y="7789"/>
                  </a:lnTo>
                  <a:lnTo>
                    <a:pt x="15663" y="7379"/>
                  </a:lnTo>
                  <a:lnTo>
                    <a:pt x="15663" y="6967"/>
                  </a:lnTo>
                  <a:lnTo>
                    <a:pt x="15663" y="6599"/>
                  </a:lnTo>
                  <a:lnTo>
                    <a:pt x="15641" y="6249"/>
                  </a:lnTo>
                  <a:lnTo>
                    <a:pt x="15601" y="5899"/>
                  </a:lnTo>
                  <a:lnTo>
                    <a:pt x="15539" y="5550"/>
                  </a:lnTo>
                  <a:lnTo>
                    <a:pt x="15458" y="5221"/>
                  </a:lnTo>
                  <a:lnTo>
                    <a:pt x="15355" y="4890"/>
                  </a:lnTo>
                  <a:lnTo>
                    <a:pt x="15253" y="4561"/>
                  </a:lnTo>
                  <a:lnTo>
                    <a:pt x="15132" y="4254"/>
                  </a:lnTo>
                  <a:lnTo>
                    <a:pt x="14988" y="3946"/>
                  </a:lnTo>
                  <a:lnTo>
                    <a:pt x="14844" y="3638"/>
                  </a:lnTo>
                  <a:lnTo>
                    <a:pt x="14678" y="3349"/>
                  </a:lnTo>
                  <a:lnTo>
                    <a:pt x="14494" y="3081"/>
                  </a:lnTo>
                  <a:lnTo>
                    <a:pt x="14290" y="2796"/>
                  </a:lnTo>
                  <a:lnTo>
                    <a:pt x="14082" y="2528"/>
                  </a:lnTo>
                  <a:lnTo>
                    <a:pt x="13878" y="2282"/>
                  </a:lnTo>
                  <a:lnTo>
                    <a:pt x="13631" y="2034"/>
                  </a:lnTo>
                  <a:lnTo>
                    <a:pt x="13408" y="1809"/>
                  </a:lnTo>
                  <a:lnTo>
                    <a:pt x="13139" y="1600"/>
                  </a:lnTo>
                  <a:lnTo>
                    <a:pt x="12893" y="1399"/>
                  </a:lnTo>
                  <a:lnTo>
                    <a:pt x="12604" y="1191"/>
                  </a:lnTo>
                  <a:lnTo>
                    <a:pt x="12338" y="1007"/>
                  </a:lnTo>
                  <a:lnTo>
                    <a:pt x="12033" y="841"/>
                  </a:lnTo>
                  <a:lnTo>
                    <a:pt x="11742" y="699"/>
                  </a:lnTo>
                  <a:lnTo>
                    <a:pt x="11436" y="555"/>
                  </a:lnTo>
                  <a:lnTo>
                    <a:pt x="11128" y="431"/>
                  </a:lnTo>
                  <a:lnTo>
                    <a:pt x="10798" y="326"/>
                  </a:lnTo>
                  <a:lnTo>
                    <a:pt x="10469" y="223"/>
                  </a:lnTo>
                  <a:lnTo>
                    <a:pt x="10120" y="142"/>
                  </a:lnTo>
                  <a:lnTo>
                    <a:pt x="9793" y="81"/>
                  </a:lnTo>
                  <a:lnTo>
                    <a:pt x="9444" y="40"/>
                  </a:lnTo>
                  <a:lnTo>
                    <a:pt x="9094" y="21"/>
                  </a:lnTo>
                  <a:lnTo>
                    <a:pt x="8723" y="0"/>
                  </a:lnTo>
                  <a:lnTo>
                    <a:pt x="8374" y="21"/>
                  </a:lnTo>
                  <a:lnTo>
                    <a:pt x="8049" y="40"/>
                  </a:lnTo>
                  <a:lnTo>
                    <a:pt x="7700" y="81"/>
                  </a:lnTo>
                  <a:lnTo>
                    <a:pt x="7372" y="142"/>
                  </a:lnTo>
                  <a:lnTo>
                    <a:pt x="7041" y="205"/>
                  </a:lnTo>
                  <a:lnTo>
                    <a:pt x="6734" y="307"/>
                  </a:lnTo>
                  <a:lnTo>
                    <a:pt x="6426" y="410"/>
                  </a:lnTo>
                  <a:lnTo>
                    <a:pt x="6117" y="513"/>
                  </a:lnTo>
                  <a:lnTo>
                    <a:pt x="5809" y="657"/>
                  </a:lnTo>
                  <a:lnTo>
                    <a:pt x="5521" y="802"/>
                  </a:lnTo>
                  <a:lnTo>
                    <a:pt x="5236" y="945"/>
                  </a:lnTo>
                  <a:lnTo>
                    <a:pt x="4970" y="1131"/>
                  </a:lnTo>
                  <a:lnTo>
                    <a:pt x="4702" y="1296"/>
                  </a:lnTo>
                  <a:lnTo>
                    <a:pt x="4434" y="1501"/>
                  </a:lnTo>
                  <a:lnTo>
                    <a:pt x="4188" y="1703"/>
                  </a:lnTo>
                  <a:lnTo>
                    <a:pt x="3942" y="1911"/>
                  </a:lnTo>
                  <a:lnTo>
                    <a:pt x="3718" y="2138"/>
                  </a:lnTo>
                  <a:lnTo>
                    <a:pt x="3510" y="2385"/>
                  </a:lnTo>
                  <a:lnTo>
                    <a:pt x="3305" y="2631"/>
                  </a:lnTo>
                  <a:lnTo>
                    <a:pt x="3100" y="2896"/>
                  </a:lnTo>
                  <a:lnTo>
                    <a:pt x="2915" y="3165"/>
                  </a:lnTo>
                  <a:lnTo>
                    <a:pt x="2751" y="3431"/>
                  </a:lnTo>
                  <a:lnTo>
                    <a:pt x="2589" y="3721"/>
                  </a:lnTo>
                  <a:lnTo>
                    <a:pt x="2445" y="4006"/>
                  </a:lnTo>
                  <a:lnTo>
                    <a:pt x="2321" y="4295"/>
                  </a:lnTo>
                  <a:lnTo>
                    <a:pt x="2199" y="4604"/>
                  </a:lnTo>
                  <a:lnTo>
                    <a:pt x="2096" y="4931"/>
                  </a:lnTo>
                  <a:lnTo>
                    <a:pt x="2015" y="5240"/>
                  </a:lnTo>
                  <a:lnTo>
                    <a:pt x="1930" y="5571"/>
                  </a:lnTo>
                  <a:lnTo>
                    <a:pt x="1868" y="5899"/>
                  </a:lnTo>
                  <a:lnTo>
                    <a:pt x="1827" y="6228"/>
                  </a:lnTo>
                  <a:lnTo>
                    <a:pt x="1805" y="6578"/>
                  </a:lnTo>
                  <a:lnTo>
                    <a:pt x="1788" y="6555"/>
                  </a:lnTo>
                  <a:lnTo>
                    <a:pt x="1788" y="6967"/>
                  </a:lnTo>
                  <a:lnTo>
                    <a:pt x="1788" y="7132"/>
                  </a:lnTo>
                  <a:lnTo>
                    <a:pt x="1643" y="7440"/>
                  </a:lnTo>
                  <a:lnTo>
                    <a:pt x="1500" y="7747"/>
                  </a:lnTo>
                  <a:lnTo>
                    <a:pt x="1313" y="8057"/>
                  </a:lnTo>
                  <a:lnTo>
                    <a:pt x="1131" y="8365"/>
                  </a:lnTo>
                  <a:lnTo>
                    <a:pt x="924" y="8652"/>
                  </a:lnTo>
                  <a:lnTo>
                    <a:pt x="677" y="8962"/>
                  </a:lnTo>
                  <a:lnTo>
                    <a:pt x="430" y="9248"/>
                  </a:lnTo>
                  <a:lnTo>
                    <a:pt x="165" y="9537"/>
                  </a:lnTo>
                  <a:lnTo>
                    <a:pt x="81" y="9620"/>
                  </a:lnTo>
                  <a:lnTo>
                    <a:pt x="42" y="9703"/>
                  </a:lnTo>
                  <a:lnTo>
                    <a:pt x="22" y="9805"/>
                  </a:lnTo>
                  <a:lnTo>
                    <a:pt x="0" y="9888"/>
                  </a:lnTo>
                  <a:lnTo>
                    <a:pt x="22" y="9989"/>
                  </a:lnTo>
                  <a:lnTo>
                    <a:pt x="42" y="10071"/>
                  </a:lnTo>
                  <a:lnTo>
                    <a:pt x="81" y="10173"/>
                  </a:lnTo>
                  <a:lnTo>
                    <a:pt x="145" y="10235"/>
                  </a:lnTo>
                  <a:lnTo>
                    <a:pt x="349" y="10442"/>
                  </a:lnTo>
                  <a:lnTo>
                    <a:pt x="536" y="10604"/>
                  </a:lnTo>
                  <a:lnTo>
                    <a:pt x="740" y="10770"/>
                  </a:lnTo>
                  <a:lnTo>
                    <a:pt x="945" y="10914"/>
                  </a:lnTo>
                  <a:lnTo>
                    <a:pt x="1152" y="11039"/>
                  </a:lnTo>
                  <a:lnTo>
                    <a:pt x="1355" y="11142"/>
                  </a:lnTo>
                  <a:lnTo>
                    <a:pt x="1581" y="11223"/>
                  </a:lnTo>
                  <a:lnTo>
                    <a:pt x="1788" y="11307"/>
                  </a:lnTo>
                  <a:close/>
                  <a:moveTo>
                    <a:pt x="4456" y="4356"/>
                  </a:moveTo>
                  <a:lnTo>
                    <a:pt x="4621" y="4133"/>
                  </a:lnTo>
                  <a:lnTo>
                    <a:pt x="4826" y="3905"/>
                  </a:lnTo>
                  <a:lnTo>
                    <a:pt x="5030" y="3698"/>
                  </a:lnTo>
                  <a:lnTo>
                    <a:pt x="5236" y="3514"/>
                  </a:lnTo>
                  <a:lnTo>
                    <a:pt x="5482" y="3328"/>
                  </a:lnTo>
                  <a:lnTo>
                    <a:pt x="5728" y="3165"/>
                  </a:lnTo>
                  <a:lnTo>
                    <a:pt x="5996" y="2999"/>
                  </a:lnTo>
                  <a:lnTo>
                    <a:pt x="6283" y="2857"/>
                  </a:lnTo>
                  <a:lnTo>
                    <a:pt x="6571" y="2734"/>
                  </a:lnTo>
                  <a:lnTo>
                    <a:pt x="6857" y="2631"/>
                  </a:lnTo>
                  <a:lnTo>
                    <a:pt x="7164" y="2528"/>
                  </a:lnTo>
                  <a:lnTo>
                    <a:pt x="7493" y="2445"/>
                  </a:lnTo>
                  <a:lnTo>
                    <a:pt x="7823" y="2385"/>
                  </a:lnTo>
                  <a:lnTo>
                    <a:pt x="8152" y="2321"/>
                  </a:lnTo>
                  <a:lnTo>
                    <a:pt x="8477" y="2300"/>
                  </a:lnTo>
                  <a:lnTo>
                    <a:pt x="8830" y="2282"/>
                  </a:lnTo>
                  <a:lnTo>
                    <a:pt x="9320" y="2300"/>
                  </a:lnTo>
                  <a:lnTo>
                    <a:pt x="9793" y="2364"/>
                  </a:lnTo>
                  <a:lnTo>
                    <a:pt x="10245" y="2466"/>
                  </a:lnTo>
                  <a:lnTo>
                    <a:pt x="10696" y="2611"/>
                  </a:lnTo>
                  <a:lnTo>
                    <a:pt x="11107" y="2774"/>
                  </a:lnTo>
                  <a:lnTo>
                    <a:pt x="11496" y="2979"/>
                  </a:lnTo>
                  <a:lnTo>
                    <a:pt x="11866" y="3205"/>
                  </a:lnTo>
                  <a:lnTo>
                    <a:pt x="12216" y="3451"/>
                  </a:lnTo>
                  <a:lnTo>
                    <a:pt x="12525" y="3741"/>
                  </a:lnTo>
                  <a:lnTo>
                    <a:pt x="12812" y="4049"/>
                  </a:lnTo>
                  <a:lnTo>
                    <a:pt x="13034" y="4376"/>
                  </a:lnTo>
                  <a:lnTo>
                    <a:pt x="13242" y="4726"/>
                  </a:lnTo>
                  <a:lnTo>
                    <a:pt x="13408" y="5098"/>
                  </a:lnTo>
                  <a:lnTo>
                    <a:pt x="13528" y="5468"/>
                  </a:lnTo>
                  <a:lnTo>
                    <a:pt x="13592" y="5878"/>
                  </a:lnTo>
                  <a:lnTo>
                    <a:pt x="13612" y="6084"/>
                  </a:lnTo>
                  <a:lnTo>
                    <a:pt x="13612" y="6288"/>
                  </a:lnTo>
                  <a:lnTo>
                    <a:pt x="13612" y="6578"/>
                  </a:lnTo>
                  <a:lnTo>
                    <a:pt x="13570" y="6845"/>
                  </a:lnTo>
                  <a:lnTo>
                    <a:pt x="13528" y="7111"/>
                  </a:lnTo>
                  <a:lnTo>
                    <a:pt x="13469" y="7358"/>
                  </a:lnTo>
                  <a:lnTo>
                    <a:pt x="13366" y="7605"/>
                  </a:lnTo>
                  <a:lnTo>
                    <a:pt x="13263" y="7832"/>
                  </a:lnTo>
                  <a:lnTo>
                    <a:pt x="13139" y="8038"/>
                  </a:lnTo>
                  <a:lnTo>
                    <a:pt x="12974" y="8263"/>
                  </a:lnTo>
                  <a:lnTo>
                    <a:pt x="12788" y="8470"/>
                  </a:lnTo>
                  <a:lnTo>
                    <a:pt x="12583" y="8693"/>
                  </a:lnTo>
                  <a:lnTo>
                    <a:pt x="12338" y="8899"/>
                  </a:lnTo>
                  <a:lnTo>
                    <a:pt x="12072" y="9106"/>
                  </a:lnTo>
                  <a:lnTo>
                    <a:pt x="11888" y="9167"/>
                  </a:lnTo>
                  <a:lnTo>
                    <a:pt x="11701" y="9209"/>
                  </a:lnTo>
                  <a:lnTo>
                    <a:pt x="11538" y="9209"/>
                  </a:lnTo>
                  <a:lnTo>
                    <a:pt x="11373" y="9188"/>
                  </a:lnTo>
                  <a:lnTo>
                    <a:pt x="11229" y="9146"/>
                  </a:lnTo>
                  <a:lnTo>
                    <a:pt x="11087" y="9106"/>
                  </a:lnTo>
                  <a:lnTo>
                    <a:pt x="10963" y="9023"/>
                  </a:lnTo>
                  <a:lnTo>
                    <a:pt x="10860" y="8962"/>
                  </a:lnTo>
                  <a:lnTo>
                    <a:pt x="10657" y="8796"/>
                  </a:lnTo>
                  <a:lnTo>
                    <a:pt x="10511" y="8631"/>
                  </a:lnTo>
                  <a:lnTo>
                    <a:pt x="10389" y="8470"/>
                  </a:lnTo>
                  <a:lnTo>
                    <a:pt x="11291" y="10668"/>
                  </a:lnTo>
                  <a:lnTo>
                    <a:pt x="11311" y="10770"/>
                  </a:lnTo>
                  <a:lnTo>
                    <a:pt x="11291" y="10853"/>
                  </a:lnTo>
                  <a:lnTo>
                    <a:pt x="11229" y="10936"/>
                  </a:lnTo>
                  <a:lnTo>
                    <a:pt x="11147" y="10976"/>
                  </a:lnTo>
                  <a:lnTo>
                    <a:pt x="10985" y="11017"/>
                  </a:lnTo>
                  <a:lnTo>
                    <a:pt x="10860" y="11039"/>
                  </a:lnTo>
                  <a:lnTo>
                    <a:pt x="10738" y="10998"/>
                  </a:lnTo>
                  <a:lnTo>
                    <a:pt x="10636" y="10936"/>
                  </a:lnTo>
                  <a:lnTo>
                    <a:pt x="10555" y="10831"/>
                  </a:lnTo>
                  <a:lnTo>
                    <a:pt x="9527" y="9023"/>
                  </a:lnTo>
                  <a:lnTo>
                    <a:pt x="9320" y="8940"/>
                  </a:lnTo>
                  <a:lnTo>
                    <a:pt x="9136" y="8818"/>
                  </a:lnTo>
                  <a:lnTo>
                    <a:pt x="8970" y="8693"/>
                  </a:lnTo>
                  <a:lnTo>
                    <a:pt x="8848" y="8551"/>
                  </a:lnTo>
                  <a:lnTo>
                    <a:pt x="8705" y="8693"/>
                  </a:lnTo>
                  <a:lnTo>
                    <a:pt x="8540" y="8818"/>
                  </a:lnTo>
                  <a:lnTo>
                    <a:pt x="8335" y="8920"/>
                  </a:lnTo>
                  <a:lnTo>
                    <a:pt x="8131" y="8983"/>
                  </a:lnTo>
                  <a:lnTo>
                    <a:pt x="7905" y="9043"/>
                  </a:lnTo>
                  <a:lnTo>
                    <a:pt x="7658" y="9043"/>
                  </a:lnTo>
                  <a:lnTo>
                    <a:pt x="7390" y="9043"/>
                  </a:lnTo>
                  <a:lnTo>
                    <a:pt x="7124" y="9002"/>
                  </a:lnTo>
                  <a:lnTo>
                    <a:pt x="6839" y="8920"/>
                  </a:lnTo>
                  <a:lnTo>
                    <a:pt x="6571" y="8796"/>
                  </a:lnTo>
                  <a:lnTo>
                    <a:pt x="6345" y="8652"/>
                  </a:lnTo>
                  <a:lnTo>
                    <a:pt x="6138" y="8489"/>
                  </a:lnTo>
                  <a:lnTo>
                    <a:pt x="5975" y="8305"/>
                  </a:lnTo>
                  <a:lnTo>
                    <a:pt x="5852" y="8097"/>
                  </a:lnTo>
                  <a:lnTo>
                    <a:pt x="5767" y="7892"/>
                  </a:lnTo>
                  <a:lnTo>
                    <a:pt x="5749" y="7770"/>
                  </a:lnTo>
                  <a:lnTo>
                    <a:pt x="5728" y="7665"/>
                  </a:lnTo>
                  <a:lnTo>
                    <a:pt x="5749" y="7563"/>
                  </a:lnTo>
                  <a:lnTo>
                    <a:pt x="5749" y="7440"/>
                  </a:lnTo>
                  <a:lnTo>
                    <a:pt x="5767" y="7440"/>
                  </a:lnTo>
                  <a:lnTo>
                    <a:pt x="5503" y="7481"/>
                  </a:lnTo>
                  <a:lnTo>
                    <a:pt x="5256" y="7481"/>
                  </a:lnTo>
                  <a:lnTo>
                    <a:pt x="5030" y="7440"/>
                  </a:lnTo>
                  <a:lnTo>
                    <a:pt x="4805" y="7338"/>
                  </a:lnTo>
                  <a:lnTo>
                    <a:pt x="4621" y="7213"/>
                  </a:lnTo>
                  <a:lnTo>
                    <a:pt x="4434" y="7051"/>
                  </a:lnTo>
                  <a:lnTo>
                    <a:pt x="4272" y="6864"/>
                  </a:lnTo>
                  <a:lnTo>
                    <a:pt x="4146" y="6639"/>
                  </a:lnTo>
                  <a:lnTo>
                    <a:pt x="4067" y="6412"/>
                  </a:lnTo>
                  <a:lnTo>
                    <a:pt x="3986" y="6146"/>
                  </a:lnTo>
                  <a:lnTo>
                    <a:pt x="3964" y="5858"/>
                  </a:lnTo>
                  <a:lnTo>
                    <a:pt x="3964" y="5571"/>
                  </a:lnTo>
                  <a:lnTo>
                    <a:pt x="4026" y="5282"/>
                  </a:lnTo>
                  <a:lnTo>
                    <a:pt x="4107" y="4975"/>
                  </a:lnTo>
                  <a:lnTo>
                    <a:pt x="4250" y="4666"/>
                  </a:lnTo>
                  <a:lnTo>
                    <a:pt x="4456" y="4356"/>
                  </a:lnTo>
                  <a:close/>
                </a:path>
              </a:pathLst>
            </a:custGeom>
            <a:grpFill/>
            <a:ln w="9525">
              <a:solidFill>
                <a:srgbClr val="99DFF9"/>
              </a:solidFill>
              <a:round/>
              <a:headEnd/>
              <a:tailEnd/>
            </a:ln>
            <a:effectLst/>
          </p:spPr>
          <p:txBody>
            <a:bodyPr/>
            <a:lstStyle/>
            <a:p>
              <a:pPr>
                <a:defRPr/>
              </a:pPr>
              <a:endParaRPr lang="en-US" altLang="zh-CN" sz="750" dirty="0"/>
            </a:p>
          </p:txBody>
        </p:sp>
        <p:pic>
          <p:nvPicPr>
            <p:cNvPr id="8" name="Picture 2" descr="C:\Users\h66450\Desktop\图片1.png">
              <a:extLst>
                <a:ext uri="{FF2B5EF4-FFF2-40B4-BE49-F238E27FC236}">
                  <a16:creationId xmlns:a16="http://schemas.microsoft.com/office/drawing/2014/main" xmlns="" id="{33967FB2-253C-4FBA-8444-46333510FAEF}"/>
                </a:ext>
              </a:extLst>
            </p:cNvPr>
            <p:cNvPicPr>
              <a:picLocks noChangeAspect="1" noChangeArrowheads="1"/>
            </p:cNvPicPr>
            <p:nvPr/>
          </p:nvPicPr>
          <p:blipFill>
            <a:blip r:embed="rId4" cstate="print">
              <a:lum bright="-100000" contrast="7000"/>
            </a:blip>
            <a:srcRect/>
            <a:stretch>
              <a:fillRect/>
            </a:stretch>
          </p:blipFill>
          <p:spPr bwMode="auto">
            <a:xfrm rot="1121697">
              <a:off x="6429410" y="3039244"/>
              <a:ext cx="1228137" cy="873118"/>
            </a:xfrm>
            <a:prstGeom prst="star7">
              <a:avLst/>
            </a:prstGeom>
            <a:grpFill/>
          </p:spPr>
        </p:pic>
        <p:sp>
          <p:nvSpPr>
            <p:cNvPr id="9" name="矩形 411">
              <a:extLst>
                <a:ext uri="{FF2B5EF4-FFF2-40B4-BE49-F238E27FC236}">
                  <a16:creationId xmlns:a16="http://schemas.microsoft.com/office/drawing/2014/main" xmlns="" id="{BA46A5A8-3DBC-487C-8E21-C6E6B8086BD1}"/>
                </a:ext>
              </a:extLst>
            </p:cNvPr>
            <p:cNvSpPr>
              <a:spLocks noChangeArrowheads="1"/>
            </p:cNvSpPr>
            <p:nvPr/>
          </p:nvSpPr>
          <p:spPr bwMode="auto">
            <a:xfrm rot="1859951">
              <a:off x="6750247" y="3293389"/>
              <a:ext cx="431974" cy="142202"/>
            </a:xfrm>
            <a:prstGeom prst="rect">
              <a:avLst/>
            </a:prstGeom>
            <a:grpFill/>
            <a:ln w="9525">
              <a:noFill/>
              <a:miter lim="800000"/>
              <a:headEnd/>
              <a:tailEnd/>
            </a:ln>
          </p:spPr>
          <p:txBody>
            <a:bodyPr wrap="none">
              <a:spAutoFit/>
            </a:bodyPr>
            <a:lstStyle/>
            <a:p>
              <a:r>
                <a:rPr lang="en-US" altLang="zh-CN" sz="825" dirty="0"/>
                <a:t>1 0 0 0 0</a:t>
              </a:r>
            </a:p>
          </p:txBody>
        </p:sp>
      </p:grpSp>
      <p:sp>
        <p:nvSpPr>
          <p:cNvPr id="10" name="五边形 24">
            <a:extLst>
              <a:ext uri="{FF2B5EF4-FFF2-40B4-BE49-F238E27FC236}">
                <a16:creationId xmlns:a16="http://schemas.microsoft.com/office/drawing/2014/main" xmlns="" id="{83E5DF34-5E9E-42FD-8C35-DBE97C0564AD}"/>
              </a:ext>
            </a:extLst>
          </p:cNvPr>
          <p:cNvSpPr/>
          <p:nvPr/>
        </p:nvSpPr>
        <p:spPr bwMode="auto">
          <a:xfrm>
            <a:off x="8616902" y="124239"/>
            <a:ext cx="888968" cy="213120"/>
          </a:xfrm>
          <a:prstGeom prst="homePlate">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zh-CN" altLang="en-US" sz="1200" kern="0"/>
              <a:t>网络易拥塞</a:t>
            </a:r>
            <a:endParaRPr lang="zh-CN" altLang="en-US" sz="1200" kern="0" dirty="0"/>
          </a:p>
        </p:txBody>
      </p:sp>
      <p:sp>
        <p:nvSpPr>
          <p:cNvPr id="11" name="燕尾形 25">
            <a:extLst>
              <a:ext uri="{FF2B5EF4-FFF2-40B4-BE49-F238E27FC236}">
                <a16:creationId xmlns:a16="http://schemas.microsoft.com/office/drawing/2014/main" xmlns="" id="{42574137-DC59-4727-AF14-21DA4F8F2EB7}"/>
              </a:ext>
            </a:extLst>
          </p:cNvPr>
          <p:cNvSpPr/>
          <p:nvPr/>
        </p:nvSpPr>
        <p:spPr bwMode="auto">
          <a:xfrm>
            <a:off x="9425647"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zh-CN" altLang="en-US" sz="1200" b="1" kern="0">
                <a:solidFill>
                  <a:srgbClr val="FFFFFF"/>
                </a:solidFill>
              </a:rPr>
              <a:t>技术复杂</a:t>
            </a:r>
            <a:endParaRPr lang="en-US" altLang="zh-CN" sz="1200" b="1" kern="0">
              <a:solidFill>
                <a:srgbClr val="FFFFFF"/>
              </a:solidFill>
            </a:endParaRPr>
          </a:p>
        </p:txBody>
      </p:sp>
      <p:sp>
        <p:nvSpPr>
          <p:cNvPr id="12" name="燕尾形 26">
            <a:extLst>
              <a:ext uri="{FF2B5EF4-FFF2-40B4-BE49-F238E27FC236}">
                <a16:creationId xmlns:a16="http://schemas.microsoft.com/office/drawing/2014/main" xmlns="" id="{DA7F5F2C-FD6B-4EA8-8FFB-39146BBD2C68}"/>
              </a:ext>
            </a:extLst>
          </p:cNvPr>
          <p:cNvSpPr/>
          <p:nvPr/>
        </p:nvSpPr>
        <p:spPr bwMode="auto">
          <a:xfrm>
            <a:off x="10234392"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zh-CN" altLang="en-US" sz="1200" kern="0"/>
              <a:t>运维困难</a:t>
            </a:r>
            <a:endParaRPr lang="en-US" altLang="zh-CN" sz="1200" kern="0"/>
          </a:p>
        </p:txBody>
      </p:sp>
      <p:sp>
        <p:nvSpPr>
          <p:cNvPr id="13" name="燕尾形 27">
            <a:extLst>
              <a:ext uri="{FF2B5EF4-FFF2-40B4-BE49-F238E27FC236}">
                <a16:creationId xmlns:a16="http://schemas.microsoft.com/office/drawing/2014/main" xmlns="" id="{BA73A3B9-DDBF-476A-B3B1-EB955932247B}"/>
              </a:ext>
            </a:extLst>
          </p:cNvPr>
          <p:cNvSpPr/>
          <p:nvPr/>
        </p:nvSpPr>
        <p:spPr bwMode="auto">
          <a:xfrm>
            <a:off x="11043138" y="124239"/>
            <a:ext cx="1008107"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defRPr/>
            </a:pPr>
            <a:r>
              <a:rPr lang="zh-CN" altLang="en-US" sz="1200" kern="0"/>
              <a:t>业务部署慢</a:t>
            </a:r>
            <a:endParaRPr lang="en-US" altLang="zh-CN" sz="1200" kern="0"/>
          </a:p>
        </p:txBody>
      </p:sp>
    </p:spTree>
    <p:extLst>
      <p:ext uri="{BB962C8B-B14F-4D97-AF65-F5344CB8AC3E}">
        <p14:creationId xmlns:p14="http://schemas.microsoft.com/office/powerpoint/2010/main" val="411839753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159C0079-D24D-4035-AE13-E2E86172000B}"/>
              </a:ext>
            </a:extLst>
          </p:cNvPr>
          <p:cNvSpPr>
            <a:spLocks noGrp="1"/>
          </p:cNvSpPr>
          <p:nvPr>
            <p:ph type="title"/>
          </p:nvPr>
        </p:nvSpPr>
        <p:spPr/>
        <p:txBody>
          <a:bodyPr/>
          <a:lstStyle/>
          <a:p>
            <a:r>
              <a:rPr lang="zh-CN" altLang="en-US" dirty="0"/>
              <a:t>网络故障定位、诊断困难</a:t>
            </a:r>
          </a:p>
        </p:txBody>
      </p:sp>
      <p:sp>
        <p:nvSpPr>
          <p:cNvPr id="550" name="五边形 24">
            <a:extLst>
              <a:ext uri="{FF2B5EF4-FFF2-40B4-BE49-F238E27FC236}">
                <a16:creationId xmlns:a16="http://schemas.microsoft.com/office/drawing/2014/main" xmlns="" id="{D388632A-D11C-409A-81E9-F1203D7F2E58}"/>
              </a:ext>
            </a:extLst>
          </p:cNvPr>
          <p:cNvSpPr/>
          <p:nvPr/>
        </p:nvSpPr>
        <p:spPr bwMode="auto">
          <a:xfrm>
            <a:off x="8616902" y="124239"/>
            <a:ext cx="888968" cy="213120"/>
          </a:xfrm>
          <a:prstGeom prst="homePlate">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zh-CN" altLang="en-US" sz="1200" kern="0"/>
              <a:t>网络易拥塞</a:t>
            </a:r>
            <a:endParaRPr lang="zh-CN" altLang="en-US" sz="1200" kern="0" dirty="0"/>
          </a:p>
        </p:txBody>
      </p:sp>
      <p:sp>
        <p:nvSpPr>
          <p:cNvPr id="551" name="燕尾形 25">
            <a:extLst>
              <a:ext uri="{FF2B5EF4-FFF2-40B4-BE49-F238E27FC236}">
                <a16:creationId xmlns:a16="http://schemas.microsoft.com/office/drawing/2014/main" xmlns="" id="{3301F663-6F72-4D4B-B225-1A50A528F4BC}"/>
              </a:ext>
            </a:extLst>
          </p:cNvPr>
          <p:cNvSpPr/>
          <p:nvPr/>
        </p:nvSpPr>
        <p:spPr bwMode="auto">
          <a:xfrm>
            <a:off x="9425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技术复杂</a:t>
            </a:r>
            <a:endParaRPr lang="en-US" altLang="zh-CN" sz="1200" kern="0"/>
          </a:p>
        </p:txBody>
      </p:sp>
      <p:sp>
        <p:nvSpPr>
          <p:cNvPr id="552" name="燕尾形 26">
            <a:extLst>
              <a:ext uri="{FF2B5EF4-FFF2-40B4-BE49-F238E27FC236}">
                <a16:creationId xmlns:a16="http://schemas.microsoft.com/office/drawing/2014/main" xmlns="" id="{7BAB902D-76B2-4E89-BDD7-6651B3C004C6}"/>
              </a:ext>
            </a:extLst>
          </p:cNvPr>
          <p:cNvSpPr/>
          <p:nvPr/>
        </p:nvSpPr>
        <p:spPr bwMode="auto">
          <a:xfrm>
            <a:off x="10234392"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运维困难</a:t>
            </a:r>
            <a:endParaRPr lang="en-US" altLang="zh-CN" sz="1200" b="1" kern="0">
              <a:solidFill>
                <a:srgbClr val="FFFFFF"/>
              </a:solidFill>
            </a:endParaRPr>
          </a:p>
        </p:txBody>
      </p:sp>
      <p:sp>
        <p:nvSpPr>
          <p:cNvPr id="553" name="燕尾形 27">
            <a:extLst>
              <a:ext uri="{FF2B5EF4-FFF2-40B4-BE49-F238E27FC236}">
                <a16:creationId xmlns:a16="http://schemas.microsoft.com/office/drawing/2014/main" xmlns="" id="{F6A76258-CB44-4AB0-992E-7DE622DF56C6}"/>
              </a:ext>
            </a:extLst>
          </p:cNvPr>
          <p:cNvSpPr/>
          <p:nvPr/>
        </p:nvSpPr>
        <p:spPr bwMode="auto">
          <a:xfrm>
            <a:off x="11043138" y="124239"/>
            <a:ext cx="1008107"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defRPr/>
            </a:pPr>
            <a:r>
              <a:rPr lang="zh-CN" altLang="en-US" sz="1200" kern="0"/>
              <a:t>业务部署慢</a:t>
            </a:r>
            <a:endParaRPr lang="en-US" altLang="zh-CN" sz="1200" kern="0"/>
          </a:p>
        </p:txBody>
      </p:sp>
      <p:sp>
        <p:nvSpPr>
          <p:cNvPr id="86" name="Freeform 17">
            <a:extLst>
              <a:ext uri="{FF2B5EF4-FFF2-40B4-BE49-F238E27FC236}">
                <a16:creationId xmlns:a16="http://schemas.microsoft.com/office/drawing/2014/main" xmlns="" id="{CCEF389A-5A33-4896-843C-042902072457}"/>
              </a:ext>
            </a:extLst>
          </p:cNvPr>
          <p:cNvSpPr>
            <a:spLocks noChangeAspect="1" noEditPoints="1"/>
          </p:cNvSpPr>
          <p:nvPr/>
        </p:nvSpPr>
        <p:spPr bwMode="auto">
          <a:xfrm>
            <a:off x="1128261" y="2504235"/>
            <a:ext cx="618811" cy="669425"/>
          </a:xfrm>
          <a:custGeom>
            <a:avLst/>
            <a:gdLst/>
            <a:ahLst/>
            <a:cxnLst>
              <a:cxn ang="0">
                <a:pos x="67" y="85"/>
              </a:cxn>
              <a:cxn ang="0">
                <a:pos x="151" y="0"/>
              </a:cxn>
              <a:cxn ang="0">
                <a:pos x="235" y="85"/>
              </a:cxn>
              <a:cxn ang="0">
                <a:pos x="151" y="169"/>
              </a:cxn>
              <a:cxn ang="0">
                <a:pos x="67" y="85"/>
              </a:cxn>
              <a:cxn ang="0">
                <a:pos x="213" y="394"/>
              </a:cxn>
              <a:cxn ang="0">
                <a:pos x="151" y="395"/>
              </a:cxn>
              <a:cxn ang="0">
                <a:pos x="15" y="389"/>
              </a:cxn>
              <a:cxn ang="0">
                <a:pos x="0" y="327"/>
              </a:cxn>
              <a:cxn ang="0">
                <a:pos x="151" y="186"/>
              </a:cxn>
              <a:cxn ang="0">
                <a:pos x="279" y="251"/>
              </a:cxn>
              <a:cxn ang="0">
                <a:pos x="225" y="284"/>
              </a:cxn>
              <a:cxn ang="0">
                <a:pos x="213" y="394"/>
              </a:cxn>
              <a:cxn ang="0">
                <a:pos x="122" y="219"/>
              </a:cxn>
              <a:cxn ang="0">
                <a:pos x="144" y="240"/>
              </a:cxn>
              <a:cxn ang="0">
                <a:pos x="158" y="240"/>
              </a:cxn>
              <a:cxn ang="0">
                <a:pos x="180" y="219"/>
              </a:cxn>
              <a:cxn ang="0">
                <a:pos x="177" y="212"/>
              </a:cxn>
              <a:cxn ang="0">
                <a:pos x="125" y="212"/>
              </a:cxn>
              <a:cxn ang="0">
                <a:pos x="122" y="219"/>
              </a:cxn>
              <a:cxn ang="0">
                <a:pos x="183" y="332"/>
              </a:cxn>
              <a:cxn ang="0">
                <a:pos x="155" y="258"/>
              </a:cxn>
              <a:cxn ang="0">
                <a:pos x="147" y="258"/>
              </a:cxn>
              <a:cxn ang="0">
                <a:pos x="119" y="332"/>
              </a:cxn>
              <a:cxn ang="0">
                <a:pos x="122" y="348"/>
              </a:cxn>
              <a:cxn ang="0">
                <a:pos x="144" y="370"/>
              </a:cxn>
              <a:cxn ang="0">
                <a:pos x="158" y="370"/>
              </a:cxn>
              <a:cxn ang="0">
                <a:pos x="180" y="348"/>
              </a:cxn>
              <a:cxn ang="0">
                <a:pos x="183" y="332"/>
              </a:cxn>
              <a:cxn ang="0">
                <a:pos x="363" y="401"/>
              </a:cxn>
              <a:cxn ang="0">
                <a:pos x="300" y="430"/>
              </a:cxn>
              <a:cxn ang="0">
                <a:pos x="237" y="401"/>
              </a:cxn>
              <a:cxn ang="0">
                <a:pos x="237" y="294"/>
              </a:cxn>
              <a:cxn ang="0">
                <a:pos x="300" y="265"/>
              </a:cxn>
              <a:cxn ang="0">
                <a:pos x="363" y="294"/>
              </a:cxn>
              <a:cxn ang="0">
                <a:pos x="363" y="401"/>
              </a:cxn>
              <a:cxn ang="0">
                <a:pos x="359" y="358"/>
              </a:cxn>
              <a:cxn ang="0">
                <a:pos x="359" y="338"/>
              </a:cxn>
              <a:cxn ang="0">
                <a:pos x="355" y="333"/>
              </a:cxn>
              <a:cxn ang="0">
                <a:pos x="315" y="333"/>
              </a:cxn>
              <a:cxn ang="0">
                <a:pos x="315" y="293"/>
              </a:cxn>
              <a:cxn ang="0">
                <a:pos x="310" y="288"/>
              </a:cxn>
              <a:cxn ang="0">
                <a:pos x="290" y="288"/>
              </a:cxn>
              <a:cxn ang="0">
                <a:pos x="286" y="293"/>
              </a:cxn>
              <a:cxn ang="0">
                <a:pos x="286" y="333"/>
              </a:cxn>
              <a:cxn ang="0">
                <a:pos x="246" y="333"/>
              </a:cxn>
              <a:cxn ang="0">
                <a:pos x="241" y="338"/>
              </a:cxn>
              <a:cxn ang="0">
                <a:pos x="241" y="338"/>
              </a:cxn>
              <a:cxn ang="0">
                <a:pos x="241" y="358"/>
              </a:cxn>
              <a:cxn ang="0">
                <a:pos x="246" y="362"/>
              </a:cxn>
              <a:cxn ang="0">
                <a:pos x="286" y="362"/>
              </a:cxn>
              <a:cxn ang="0">
                <a:pos x="286" y="402"/>
              </a:cxn>
              <a:cxn ang="0">
                <a:pos x="290" y="407"/>
              </a:cxn>
              <a:cxn ang="0">
                <a:pos x="310" y="407"/>
              </a:cxn>
              <a:cxn ang="0">
                <a:pos x="315" y="402"/>
              </a:cxn>
              <a:cxn ang="0">
                <a:pos x="315" y="362"/>
              </a:cxn>
              <a:cxn ang="0">
                <a:pos x="355" y="362"/>
              </a:cxn>
              <a:cxn ang="0">
                <a:pos x="359" y="358"/>
              </a:cxn>
            </a:cxnLst>
            <a:rect l="0" t="0" r="r" b="b"/>
            <a:pathLst>
              <a:path w="389" h="430">
                <a:moveTo>
                  <a:pt x="67" y="85"/>
                </a:moveTo>
                <a:cubicBezTo>
                  <a:pt x="67" y="38"/>
                  <a:pt x="105" y="0"/>
                  <a:pt x="151" y="0"/>
                </a:cubicBezTo>
                <a:cubicBezTo>
                  <a:pt x="198" y="0"/>
                  <a:pt x="235" y="38"/>
                  <a:pt x="235" y="85"/>
                </a:cubicBezTo>
                <a:cubicBezTo>
                  <a:pt x="235" y="131"/>
                  <a:pt x="198" y="169"/>
                  <a:pt x="151" y="169"/>
                </a:cubicBezTo>
                <a:cubicBezTo>
                  <a:pt x="105" y="169"/>
                  <a:pt x="67" y="131"/>
                  <a:pt x="67" y="85"/>
                </a:cubicBezTo>
                <a:close/>
                <a:moveTo>
                  <a:pt x="213" y="394"/>
                </a:moveTo>
                <a:cubicBezTo>
                  <a:pt x="193" y="395"/>
                  <a:pt x="172" y="395"/>
                  <a:pt x="151" y="395"/>
                </a:cubicBezTo>
                <a:cubicBezTo>
                  <a:pt x="104" y="395"/>
                  <a:pt x="59" y="393"/>
                  <a:pt x="15" y="389"/>
                </a:cubicBezTo>
                <a:cubicBezTo>
                  <a:pt x="5" y="370"/>
                  <a:pt x="0" y="349"/>
                  <a:pt x="0" y="327"/>
                </a:cubicBezTo>
                <a:cubicBezTo>
                  <a:pt x="0" y="249"/>
                  <a:pt x="67" y="186"/>
                  <a:pt x="151" y="186"/>
                </a:cubicBezTo>
                <a:cubicBezTo>
                  <a:pt x="205" y="186"/>
                  <a:pt x="252" y="212"/>
                  <a:pt x="279" y="251"/>
                </a:cubicBezTo>
                <a:cubicBezTo>
                  <a:pt x="258" y="256"/>
                  <a:pt x="239" y="267"/>
                  <a:pt x="225" y="284"/>
                </a:cubicBezTo>
                <a:cubicBezTo>
                  <a:pt x="199" y="315"/>
                  <a:pt x="195" y="359"/>
                  <a:pt x="213" y="394"/>
                </a:cubicBezTo>
                <a:close/>
                <a:moveTo>
                  <a:pt x="122" y="219"/>
                </a:moveTo>
                <a:cubicBezTo>
                  <a:pt x="144" y="240"/>
                  <a:pt x="144" y="240"/>
                  <a:pt x="144" y="240"/>
                </a:cubicBezTo>
                <a:cubicBezTo>
                  <a:pt x="148" y="244"/>
                  <a:pt x="154" y="244"/>
                  <a:pt x="158" y="240"/>
                </a:cubicBezTo>
                <a:cubicBezTo>
                  <a:pt x="180" y="219"/>
                  <a:pt x="180" y="219"/>
                  <a:pt x="180" y="219"/>
                </a:cubicBezTo>
                <a:cubicBezTo>
                  <a:pt x="184" y="215"/>
                  <a:pt x="182" y="212"/>
                  <a:pt x="177" y="212"/>
                </a:cubicBezTo>
                <a:cubicBezTo>
                  <a:pt x="125" y="212"/>
                  <a:pt x="125" y="212"/>
                  <a:pt x="125" y="212"/>
                </a:cubicBezTo>
                <a:cubicBezTo>
                  <a:pt x="120" y="212"/>
                  <a:pt x="118" y="215"/>
                  <a:pt x="122" y="219"/>
                </a:cubicBezTo>
                <a:close/>
                <a:moveTo>
                  <a:pt x="183" y="332"/>
                </a:moveTo>
                <a:cubicBezTo>
                  <a:pt x="155" y="258"/>
                  <a:pt x="155" y="258"/>
                  <a:pt x="155" y="258"/>
                </a:cubicBezTo>
                <a:cubicBezTo>
                  <a:pt x="153" y="253"/>
                  <a:pt x="149" y="253"/>
                  <a:pt x="147" y="258"/>
                </a:cubicBezTo>
                <a:cubicBezTo>
                  <a:pt x="119" y="332"/>
                  <a:pt x="119" y="332"/>
                  <a:pt x="119" y="332"/>
                </a:cubicBezTo>
                <a:cubicBezTo>
                  <a:pt x="117" y="337"/>
                  <a:pt x="118" y="344"/>
                  <a:pt x="122" y="348"/>
                </a:cubicBezTo>
                <a:cubicBezTo>
                  <a:pt x="144" y="370"/>
                  <a:pt x="144" y="370"/>
                  <a:pt x="144" y="370"/>
                </a:cubicBezTo>
                <a:cubicBezTo>
                  <a:pt x="148" y="374"/>
                  <a:pt x="154" y="374"/>
                  <a:pt x="158" y="370"/>
                </a:cubicBezTo>
                <a:cubicBezTo>
                  <a:pt x="180" y="348"/>
                  <a:pt x="180" y="348"/>
                  <a:pt x="180" y="348"/>
                </a:cubicBezTo>
                <a:cubicBezTo>
                  <a:pt x="184" y="344"/>
                  <a:pt x="185" y="337"/>
                  <a:pt x="183" y="332"/>
                </a:cubicBezTo>
                <a:close/>
                <a:moveTo>
                  <a:pt x="363" y="401"/>
                </a:moveTo>
                <a:cubicBezTo>
                  <a:pt x="346" y="420"/>
                  <a:pt x="323" y="430"/>
                  <a:pt x="300" y="430"/>
                </a:cubicBezTo>
                <a:cubicBezTo>
                  <a:pt x="277" y="430"/>
                  <a:pt x="254" y="420"/>
                  <a:pt x="237" y="401"/>
                </a:cubicBezTo>
                <a:cubicBezTo>
                  <a:pt x="211" y="371"/>
                  <a:pt x="211" y="325"/>
                  <a:pt x="237" y="294"/>
                </a:cubicBezTo>
                <a:cubicBezTo>
                  <a:pt x="254" y="275"/>
                  <a:pt x="277" y="265"/>
                  <a:pt x="300" y="265"/>
                </a:cubicBezTo>
                <a:cubicBezTo>
                  <a:pt x="323" y="265"/>
                  <a:pt x="346" y="275"/>
                  <a:pt x="363" y="294"/>
                </a:cubicBezTo>
                <a:cubicBezTo>
                  <a:pt x="389" y="325"/>
                  <a:pt x="389" y="370"/>
                  <a:pt x="363" y="401"/>
                </a:cubicBezTo>
                <a:close/>
                <a:moveTo>
                  <a:pt x="359" y="358"/>
                </a:moveTo>
                <a:cubicBezTo>
                  <a:pt x="359" y="338"/>
                  <a:pt x="359" y="338"/>
                  <a:pt x="359" y="338"/>
                </a:cubicBezTo>
                <a:cubicBezTo>
                  <a:pt x="359" y="335"/>
                  <a:pt x="357" y="333"/>
                  <a:pt x="355" y="333"/>
                </a:cubicBezTo>
                <a:cubicBezTo>
                  <a:pt x="315" y="333"/>
                  <a:pt x="315" y="333"/>
                  <a:pt x="315" y="333"/>
                </a:cubicBezTo>
                <a:cubicBezTo>
                  <a:pt x="315" y="293"/>
                  <a:pt x="315" y="293"/>
                  <a:pt x="315" y="293"/>
                </a:cubicBezTo>
                <a:cubicBezTo>
                  <a:pt x="315" y="290"/>
                  <a:pt x="313" y="288"/>
                  <a:pt x="310" y="288"/>
                </a:cubicBezTo>
                <a:cubicBezTo>
                  <a:pt x="290" y="288"/>
                  <a:pt x="290" y="288"/>
                  <a:pt x="290" y="288"/>
                </a:cubicBezTo>
                <a:cubicBezTo>
                  <a:pt x="288" y="288"/>
                  <a:pt x="286" y="290"/>
                  <a:pt x="286" y="293"/>
                </a:cubicBezTo>
                <a:cubicBezTo>
                  <a:pt x="286" y="333"/>
                  <a:pt x="286" y="333"/>
                  <a:pt x="286" y="333"/>
                </a:cubicBezTo>
                <a:cubicBezTo>
                  <a:pt x="246" y="333"/>
                  <a:pt x="246" y="333"/>
                  <a:pt x="246" y="333"/>
                </a:cubicBezTo>
                <a:cubicBezTo>
                  <a:pt x="243" y="333"/>
                  <a:pt x="241" y="335"/>
                  <a:pt x="241" y="338"/>
                </a:cubicBezTo>
                <a:cubicBezTo>
                  <a:pt x="241" y="338"/>
                  <a:pt x="241" y="338"/>
                  <a:pt x="241" y="338"/>
                </a:cubicBezTo>
                <a:cubicBezTo>
                  <a:pt x="241" y="358"/>
                  <a:pt x="241" y="358"/>
                  <a:pt x="241" y="358"/>
                </a:cubicBezTo>
                <a:cubicBezTo>
                  <a:pt x="241" y="360"/>
                  <a:pt x="243" y="362"/>
                  <a:pt x="246" y="362"/>
                </a:cubicBezTo>
                <a:cubicBezTo>
                  <a:pt x="286" y="362"/>
                  <a:pt x="286" y="362"/>
                  <a:pt x="286" y="362"/>
                </a:cubicBezTo>
                <a:cubicBezTo>
                  <a:pt x="286" y="402"/>
                  <a:pt x="286" y="402"/>
                  <a:pt x="286" y="402"/>
                </a:cubicBezTo>
                <a:cubicBezTo>
                  <a:pt x="286" y="405"/>
                  <a:pt x="288" y="407"/>
                  <a:pt x="290" y="407"/>
                </a:cubicBezTo>
                <a:cubicBezTo>
                  <a:pt x="310" y="407"/>
                  <a:pt x="310" y="407"/>
                  <a:pt x="310" y="407"/>
                </a:cubicBezTo>
                <a:cubicBezTo>
                  <a:pt x="313" y="407"/>
                  <a:pt x="315" y="405"/>
                  <a:pt x="315" y="402"/>
                </a:cubicBezTo>
                <a:cubicBezTo>
                  <a:pt x="315" y="362"/>
                  <a:pt x="315" y="362"/>
                  <a:pt x="315" y="362"/>
                </a:cubicBezTo>
                <a:cubicBezTo>
                  <a:pt x="355" y="362"/>
                  <a:pt x="355" y="362"/>
                  <a:pt x="355" y="362"/>
                </a:cubicBezTo>
                <a:cubicBezTo>
                  <a:pt x="357" y="362"/>
                  <a:pt x="359" y="360"/>
                  <a:pt x="359" y="358"/>
                </a:cubicBezTo>
                <a:close/>
              </a:path>
            </a:pathLst>
          </a:custGeom>
          <a:solidFill>
            <a:schemeClr val="bg1"/>
          </a:solidFill>
          <a:ln w="19050">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grpSp>
        <p:nvGrpSpPr>
          <p:cNvPr id="88" name="组合 87">
            <a:extLst>
              <a:ext uri="{FF2B5EF4-FFF2-40B4-BE49-F238E27FC236}">
                <a16:creationId xmlns:a16="http://schemas.microsoft.com/office/drawing/2014/main" xmlns="" id="{70D072D6-1586-4442-9194-76BE817D8A4B}"/>
              </a:ext>
            </a:extLst>
          </p:cNvPr>
          <p:cNvGrpSpPr>
            <a:grpSpLocks noChangeAspect="1"/>
          </p:cNvGrpSpPr>
          <p:nvPr/>
        </p:nvGrpSpPr>
        <p:grpSpPr>
          <a:xfrm>
            <a:off x="1853142" y="4047861"/>
            <a:ext cx="370003" cy="450823"/>
            <a:chOff x="1397953" y="4507548"/>
            <a:chExt cx="579437" cy="663575"/>
          </a:xfrm>
          <a:solidFill>
            <a:schemeClr val="bg1">
              <a:lumMod val="40000"/>
              <a:lumOff val="60000"/>
            </a:schemeClr>
          </a:solidFill>
        </p:grpSpPr>
        <p:sp>
          <p:nvSpPr>
            <p:cNvPr id="89" name="Freeform 1356">
              <a:extLst>
                <a:ext uri="{FF2B5EF4-FFF2-40B4-BE49-F238E27FC236}">
                  <a16:creationId xmlns:a16="http://schemas.microsoft.com/office/drawing/2014/main" xmlns="" id="{8C4D446D-2C64-4527-92C2-8B01ED4BB5AF}"/>
                </a:ext>
              </a:extLst>
            </p:cNvPr>
            <p:cNvSpPr>
              <a:spLocks/>
            </p:cNvSpPr>
            <p:nvPr/>
          </p:nvSpPr>
          <p:spPr bwMode="auto">
            <a:xfrm>
              <a:off x="1517015" y="4507548"/>
              <a:ext cx="460375" cy="588963"/>
            </a:xfrm>
            <a:custGeom>
              <a:avLst/>
              <a:gdLst/>
              <a:ahLst/>
              <a:cxnLst>
                <a:cxn ang="0">
                  <a:pos x="222" y="354"/>
                </a:cxn>
                <a:cxn ang="0">
                  <a:pos x="222" y="340"/>
                </a:cxn>
                <a:cxn ang="0">
                  <a:pos x="29" y="340"/>
                </a:cxn>
                <a:cxn ang="0">
                  <a:pos x="29" y="30"/>
                </a:cxn>
                <a:cxn ang="0">
                  <a:pos x="259" y="30"/>
                </a:cxn>
                <a:cxn ang="0">
                  <a:pos x="259" y="297"/>
                </a:cxn>
                <a:cxn ang="0">
                  <a:pos x="212" y="344"/>
                </a:cxn>
                <a:cxn ang="0">
                  <a:pos x="222" y="354"/>
                </a:cxn>
                <a:cxn ang="0">
                  <a:pos x="222" y="340"/>
                </a:cxn>
                <a:cxn ang="0">
                  <a:pos x="222" y="354"/>
                </a:cxn>
                <a:cxn ang="0">
                  <a:pos x="233" y="367"/>
                </a:cxn>
                <a:cxn ang="0">
                  <a:pos x="290" y="312"/>
                </a:cxn>
                <a:cxn ang="0">
                  <a:pos x="290" y="0"/>
                </a:cxn>
                <a:cxn ang="0">
                  <a:pos x="0" y="0"/>
                </a:cxn>
                <a:cxn ang="0">
                  <a:pos x="0" y="371"/>
                </a:cxn>
                <a:cxn ang="0">
                  <a:pos x="229" y="371"/>
                </a:cxn>
                <a:cxn ang="0">
                  <a:pos x="233" y="367"/>
                </a:cxn>
                <a:cxn ang="0">
                  <a:pos x="222" y="354"/>
                </a:cxn>
              </a:cxnLst>
              <a:rect l="0" t="0" r="r" b="b"/>
              <a:pathLst>
                <a:path w="290" h="371">
                  <a:moveTo>
                    <a:pt x="222" y="354"/>
                  </a:moveTo>
                  <a:lnTo>
                    <a:pt x="222" y="340"/>
                  </a:lnTo>
                  <a:lnTo>
                    <a:pt x="29" y="340"/>
                  </a:lnTo>
                  <a:lnTo>
                    <a:pt x="29" y="30"/>
                  </a:lnTo>
                  <a:lnTo>
                    <a:pt x="259" y="30"/>
                  </a:lnTo>
                  <a:lnTo>
                    <a:pt x="259" y="297"/>
                  </a:lnTo>
                  <a:lnTo>
                    <a:pt x="212" y="344"/>
                  </a:lnTo>
                  <a:lnTo>
                    <a:pt x="222" y="354"/>
                  </a:lnTo>
                  <a:lnTo>
                    <a:pt x="222" y="340"/>
                  </a:lnTo>
                  <a:lnTo>
                    <a:pt x="222" y="354"/>
                  </a:lnTo>
                  <a:lnTo>
                    <a:pt x="233" y="367"/>
                  </a:lnTo>
                  <a:lnTo>
                    <a:pt x="290" y="312"/>
                  </a:lnTo>
                  <a:lnTo>
                    <a:pt x="290" y="0"/>
                  </a:lnTo>
                  <a:lnTo>
                    <a:pt x="0" y="0"/>
                  </a:lnTo>
                  <a:lnTo>
                    <a:pt x="0" y="371"/>
                  </a:lnTo>
                  <a:lnTo>
                    <a:pt x="229" y="371"/>
                  </a:lnTo>
                  <a:lnTo>
                    <a:pt x="233" y="367"/>
                  </a:lnTo>
                  <a:lnTo>
                    <a:pt x="222" y="354"/>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0" name="Freeform 1360">
              <a:extLst>
                <a:ext uri="{FF2B5EF4-FFF2-40B4-BE49-F238E27FC236}">
                  <a16:creationId xmlns:a16="http://schemas.microsoft.com/office/drawing/2014/main" xmlns="" id="{5CFF483F-60CF-4037-9C6C-A7DFF32B126E}"/>
                </a:ext>
              </a:extLst>
            </p:cNvPr>
            <p:cNvSpPr>
              <a:spLocks/>
            </p:cNvSpPr>
            <p:nvPr/>
          </p:nvSpPr>
          <p:spPr bwMode="auto">
            <a:xfrm>
              <a:off x="1851977" y="4975860"/>
              <a:ext cx="96838" cy="96838"/>
            </a:xfrm>
            <a:custGeom>
              <a:avLst/>
              <a:gdLst/>
              <a:ahLst/>
              <a:cxnLst>
                <a:cxn ang="0">
                  <a:pos x="61" y="0"/>
                </a:cxn>
                <a:cxn ang="0">
                  <a:pos x="0" y="0"/>
                </a:cxn>
                <a:cxn ang="0">
                  <a:pos x="0" y="61"/>
                </a:cxn>
                <a:cxn ang="0">
                  <a:pos x="12" y="61"/>
                </a:cxn>
                <a:cxn ang="0">
                  <a:pos x="10" y="11"/>
                </a:cxn>
                <a:cxn ang="0">
                  <a:pos x="61" y="11"/>
                </a:cxn>
                <a:cxn ang="0">
                  <a:pos x="61" y="0"/>
                </a:cxn>
                <a:cxn ang="0">
                  <a:pos x="61" y="0"/>
                </a:cxn>
              </a:cxnLst>
              <a:rect l="0" t="0" r="r" b="b"/>
              <a:pathLst>
                <a:path w="61" h="61">
                  <a:moveTo>
                    <a:pt x="61" y="0"/>
                  </a:moveTo>
                  <a:lnTo>
                    <a:pt x="0" y="0"/>
                  </a:lnTo>
                  <a:lnTo>
                    <a:pt x="0" y="61"/>
                  </a:lnTo>
                  <a:lnTo>
                    <a:pt x="12" y="61"/>
                  </a:lnTo>
                  <a:lnTo>
                    <a:pt x="10" y="11"/>
                  </a:lnTo>
                  <a:lnTo>
                    <a:pt x="61" y="11"/>
                  </a:lnTo>
                  <a:lnTo>
                    <a:pt x="61" y="0"/>
                  </a:lnTo>
                  <a:lnTo>
                    <a:pt x="61"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1" name="Freeform 1361">
              <a:extLst>
                <a:ext uri="{FF2B5EF4-FFF2-40B4-BE49-F238E27FC236}">
                  <a16:creationId xmlns:a16="http://schemas.microsoft.com/office/drawing/2014/main" xmlns="" id="{258B1534-A8DE-431C-952C-327422895F19}"/>
                </a:ext>
              </a:extLst>
            </p:cNvPr>
            <p:cNvSpPr>
              <a:spLocks/>
            </p:cNvSpPr>
            <p:nvPr/>
          </p:nvSpPr>
          <p:spPr bwMode="auto">
            <a:xfrm>
              <a:off x="1620203" y="462343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2" name="Line 1362">
              <a:extLst>
                <a:ext uri="{FF2B5EF4-FFF2-40B4-BE49-F238E27FC236}">
                  <a16:creationId xmlns:a16="http://schemas.microsoft.com/office/drawing/2014/main" xmlns="" id="{E87A529B-5C98-40E8-8997-F375F69C7DD7}"/>
                </a:ext>
              </a:extLst>
            </p:cNvPr>
            <p:cNvSpPr>
              <a:spLocks noChangeShapeType="1"/>
            </p:cNvSpPr>
            <p:nvPr/>
          </p:nvSpPr>
          <p:spPr bwMode="auto">
            <a:xfrm>
              <a:off x="1620203" y="462343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3" name="Rectangle 1363">
              <a:extLst>
                <a:ext uri="{FF2B5EF4-FFF2-40B4-BE49-F238E27FC236}">
                  <a16:creationId xmlns:a16="http://schemas.microsoft.com/office/drawing/2014/main" xmlns="" id="{F2E78546-2EDC-4115-9C7D-EA47867C1FFD}"/>
                </a:ext>
              </a:extLst>
            </p:cNvPr>
            <p:cNvSpPr>
              <a:spLocks noChangeArrowheads="1"/>
            </p:cNvSpPr>
            <p:nvPr/>
          </p:nvSpPr>
          <p:spPr bwMode="auto">
            <a:xfrm>
              <a:off x="1620203" y="461708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4" name="Freeform 1364">
              <a:extLst>
                <a:ext uri="{FF2B5EF4-FFF2-40B4-BE49-F238E27FC236}">
                  <a16:creationId xmlns:a16="http://schemas.microsoft.com/office/drawing/2014/main" xmlns="" id="{00B2FF02-C6F9-4F13-A755-872CE241E9BB}"/>
                </a:ext>
              </a:extLst>
            </p:cNvPr>
            <p:cNvSpPr>
              <a:spLocks/>
            </p:cNvSpPr>
            <p:nvPr/>
          </p:nvSpPr>
          <p:spPr bwMode="auto">
            <a:xfrm>
              <a:off x="1620203" y="4617085"/>
              <a:ext cx="255588" cy="9525"/>
            </a:xfrm>
            <a:custGeom>
              <a:avLst/>
              <a:gdLst/>
              <a:ahLst/>
              <a:cxnLst>
                <a:cxn ang="0">
                  <a:pos x="0" y="6"/>
                </a:cxn>
                <a:cxn ang="0">
                  <a:pos x="161" y="6"/>
                </a:cxn>
                <a:cxn ang="0">
                  <a:pos x="161" y="0"/>
                </a:cxn>
                <a:cxn ang="0">
                  <a:pos x="0" y="0"/>
                </a:cxn>
              </a:cxnLst>
              <a:rect l="0" t="0" r="r" b="b"/>
              <a:pathLst>
                <a:path w="161" h="6">
                  <a:moveTo>
                    <a:pt x="0" y="6"/>
                  </a:moveTo>
                  <a:lnTo>
                    <a:pt x="161" y="6"/>
                  </a:lnTo>
                  <a:lnTo>
                    <a:pt x="161" y="0"/>
                  </a:lnTo>
                  <a:lnTo>
                    <a:pt x="0" y="0"/>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5" name="Freeform 1365">
              <a:extLst>
                <a:ext uri="{FF2B5EF4-FFF2-40B4-BE49-F238E27FC236}">
                  <a16:creationId xmlns:a16="http://schemas.microsoft.com/office/drawing/2014/main" xmlns="" id="{06DA4046-CF26-457D-9A1E-25AA4408041D}"/>
                </a:ext>
              </a:extLst>
            </p:cNvPr>
            <p:cNvSpPr>
              <a:spLocks/>
            </p:cNvSpPr>
            <p:nvPr/>
          </p:nvSpPr>
          <p:spPr bwMode="auto">
            <a:xfrm>
              <a:off x="1620203" y="4688523"/>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6" name="Line 1366">
              <a:extLst>
                <a:ext uri="{FF2B5EF4-FFF2-40B4-BE49-F238E27FC236}">
                  <a16:creationId xmlns:a16="http://schemas.microsoft.com/office/drawing/2014/main" xmlns="" id="{13CECE97-1E75-4327-A37A-F051ABB2CF00}"/>
                </a:ext>
              </a:extLst>
            </p:cNvPr>
            <p:cNvSpPr>
              <a:spLocks noChangeShapeType="1"/>
            </p:cNvSpPr>
            <p:nvPr/>
          </p:nvSpPr>
          <p:spPr bwMode="auto">
            <a:xfrm>
              <a:off x="1620203" y="4688523"/>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7" name="Rectangle 1367">
              <a:extLst>
                <a:ext uri="{FF2B5EF4-FFF2-40B4-BE49-F238E27FC236}">
                  <a16:creationId xmlns:a16="http://schemas.microsoft.com/office/drawing/2014/main" xmlns="" id="{EF50CA40-8B67-4706-88A3-1CDBF5D2B626}"/>
                </a:ext>
              </a:extLst>
            </p:cNvPr>
            <p:cNvSpPr>
              <a:spLocks noChangeArrowheads="1"/>
            </p:cNvSpPr>
            <p:nvPr/>
          </p:nvSpPr>
          <p:spPr bwMode="auto">
            <a:xfrm>
              <a:off x="1620203" y="468534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8" name="Freeform 1369">
              <a:extLst>
                <a:ext uri="{FF2B5EF4-FFF2-40B4-BE49-F238E27FC236}">
                  <a16:creationId xmlns:a16="http://schemas.microsoft.com/office/drawing/2014/main" xmlns="" id="{C1975B77-1AF6-49A5-8A41-71A7C0B66C8F}"/>
                </a:ext>
              </a:extLst>
            </p:cNvPr>
            <p:cNvSpPr>
              <a:spLocks/>
            </p:cNvSpPr>
            <p:nvPr/>
          </p:nvSpPr>
          <p:spPr bwMode="auto">
            <a:xfrm>
              <a:off x="1620203" y="47567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99" name="Line 1370">
              <a:extLst>
                <a:ext uri="{FF2B5EF4-FFF2-40B4-BE49-F238E27FC236}">
                  <a16:creationId xmlns:a16="http://schemas.microsoft.com/office/drawing/2014/main" xmlns="" id="{9723418F-BB8E-4165-8E18-CE49834B3BA1}"/>
                </a:ext>
              </a:extLst>
            </p:cNvPr>
            <p:cNvSpPr>
              <a:spLocks noChangeShapeType="1"/>
            </p:cNvSpPr>
            <p:nvPr/>
          </p:nvSpPr>
          <p:spPr bwMode="auto">
            <a:xfrm>
              <a:off x="1620203" y="47567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00" name="Rectangle 1371">
              <a:extLst>
                <a:ext uri="{FF2B5EF4-FFF2-40B4-BE49-F238E27FC236}">
                  <a16:creationId xmlns:a16="http://schemas.microsoft.com/office/drawing/2014/main" xmlns="" id="{645E7E42-D85C-4532-ABDD-A4F9C6629A0B}"/>
                </a:ext>
              </a:extLst>
            </p:cNvPr>
            <p:cNvSpPr>
              <a:spLocks noChangeArrowheads="1"/>
            </p:cNvSpPr>
            <p:nvPr/>
          </p:nvSpPr>
          <p:spPr bwMode="auto">
            <a:xfrm>
              <a:off x="1620203" y="475043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01" name="Freeform 1373">
              <a:extLst>
                <a:ext uri="{FF2B5EF4-FFF2-40B4-BE49-F238E27FC236}">
                  <a16:creationId xmlns:a16="http://schemas.microsoft.com/office/drawing/2014/main" xmlns="" id="{5D8138B2-BAB9-4E83-B545-6FEEC585E341}"/>
                </a:ext>
              </a:extLst>
            </p:cNvPr>
            <p:cNvSpPr>
              <a:spLocks/>
            </p:cNvSpPr>
            <p:nvPr/>
          </p:nvSpPr>
          <p:spPr bwMode="auto">
            <a:xfrm>
              <a:off x="1620203" y="48202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02" name="Line 1374">
              <a:extLst>
                <a:ext uri="{FF2B5EF4-FFF2-40B4-BE49-F238E27FC236}">
                  <a16:creationId xmlns:a16="http://schemas.microsoft.com/office/drawing/2014/main" xmlns="" id="{F4380C2C-6C0B-47CA-B9C9-468CD59423DE}"/>
                </a:ext>
              </a:extLst>
            </p:cNvPr>
            <p:cNvSpPr>
              <a:spLocks noChangeShapeType="1"/>
            </p:cNvSpPr>
            <p:nvPr/>
          </p:nvSpPr>
          <p:spPr bwMode="auto">
            <a:xfrm>
              <a:off x="1620203" y="48202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03" name="Rectangle 1375">
              <a:extLst>
                <a:ext uri="{FF2B5EF4-FFF2-40B4-BE49-F238E27FC236}">
                  <a16:creationId xmlns:a16="http://schemas.microsoft.com/office/drawing/2014/main" xmlns="" id="{30479F64-483E-4AC3-8483-27A1FCB54D92}"/>
                </a:ext>
              </a:extLst>
            </p:cNvPr>
            <p:cNvSpPr>
              <a:spLocks noChangeArrowheads="1"/>
            </p:cNvSpPr>
            <p:nvPr/>
          </p:nvSpPr>
          <p:spPr bwMode="auto">
            <a:xfrm>
              <a:off x="1620203" y="4817110"/>
              <a:ext cx="255588" cy="11113"/>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04" name="Freeform 1377">
              <a:extLst>
                <a:ext uri="{FF2B5EF4-FFF2-40B4-BE49-F238E27FC236}">
                  <a16:creationId xmlns:a16="http://schemas.microsoft.com/office/drawing/2014/main" xmlns="" id="{6F238C46-8D75-47C0-92D7-EC112384AD68}"/>
                </a:ext>
              </a:extLst>
            </p:cNvPr>
            <p:cNvSpPr>
              <a:spLocks/>
            </p:cNvSpPr>
            <p:nvPr/>
          </p:nvSpPr>
          <p:spPr bwMode="auto">
            <a:xfrm>
              <a:off x="1620203" y="4888548"/>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05" name="Line 1378">
              <a:extLst>
                <a:ext uri="{FF2B5EF4-FFF2-40B4-BE49-F238E27FC236}">
                  <a16:creationId xmlns:a16="http://schemas.microsoft.com/office/drawing/2014/main" xmlns="" id="{8A17F0AF-2200-4FA4-9342-B3ABE4DDDCAD}"/>
                </a:ext>
              </a:extLst>
            </p:cNvPr>
            <p:cNvSpPr>
              <a:spLocks noChangeShapeType="1"/>
            </p:cNvSpPr>
            <p:nvPr/>
          </p:nvSpPr>
          <p:spPr bwMode="auto">
            <a:xfrm>
              <a:off x="1620203" y="4888548"/>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06" name="Rectangle 1379">
              <a:extLst>
                <a:ext uri="{FF2B5EF4-FFF2-40B4-BE49-F238E27FC236}">
                  <a16:creationId xmlns:a16="http://schemas.microsoft.com/office/drawing/2014/main" xmlns="" id="{63B13D94-843B-4CEC-9D71-A75B8578E8C3}"/>
                </a:ext>
              </a:extLst>
            </p:cNvPr>
            <p:cNvSpPr>
              <a:spLocks noChangeArrowheads="1"/>
            </p:cNvSpPr>
            <p:nvPr/>
          </p:nvSpPr>
          <p:spPr bwMode="auto">
            <a:xfrm>
              <a:off x="1620203" y="488219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07" name="Freeform 1382">
              <a:extLst>
                <a:ext uri="{FF2B5EF4-FFF2-40B4-BE49-F238E27FC236}">
                  <a16:creationId xmlns:a16="http://schemas.microsoft.com/office/drawing/2014/main" xmlns="" id="{E3916A55-D664-4A50-B683-E5F684E49AE7}"/>
                </a:ext>
              </a:extLst>
            </p:cNvPr>
            <p:cNvSpPr>
              <a:spLocks/>
            </p:cNvSpPr>
            <p:nvPr/>
          </p:nvSpPr>
          <p:spPr bwMode="auto">
            <a:xfrm flipV="1">
              <a:off x="1397953" y="4821873"/>
              <a:ext cx="280988" cy="349250"/>
            </a:xfrm>
            <a:custGeom>
              <a:avLst/>
              <a:gdLst/>
              <a:ahLst/>
              <a:cxnLst>
                <a:cxn ang="0">
                  <a:pos x="83" y="2"/>
                </a:cxn>
                <a:cxn ang="0">
                  <a:pos x="83" y="2"/>
                </a:cxn>
                <a:cxn ang="0">
                  <a:pos x="88" y="0"/>
                </a:cxn>
                <a:cxn ang="0">
                  <a:pos x="94" y="2"/>
                </a:cxn>
                <a:cxn ang="0">
                  <a:pos x="177" y="100"/>
                </a:cxn>
                <a:cxn ang="0">
                  <a:pos x="177" y="100"/>
                </a:cxn>
                <a:cxn ang="0">
                  <a:pos x="177" y="104"/>
                </a:cxn>
                <a:cxn ang="0">
                  <a:pos x="173" y="106"/>
                </a:cxn>
                <a:cxn ang="0">
                  <a:pos x="155" y="106"/>
                </a:cxn>
                <a:cxn ang="0">
                  <a:pos x="155" y="106"/>
                </a:cxn>
                <a:cxn ang="0">
                  <a:pos x="151" y="108"/>
                </a:cxn>
                <a:cxn ang="0">
                  <a:pos x="149" y="112"/>
                </a:cxn>
                <a:cxn ang="0">
                  <a:pos x="149" y="212"/>
                </a:cxn>
                <a:cxn ang="0">
                  <a:pos x="149" y="212"/>
                </a:cxn>
                <a:cxn ang="0">
                  <a:pos x="147" y="218"/>
                </a:cxn>
                <a:cxn ang="0">
                  <a:pos x="141" y="220"/>
                </a:cxn>
                <a:cxn ang="0">
                  <a:pos x="37" y="220"/>
                </a:cxn>
                <a:cxn ang="0">
                  <a:pos x="37" y="220"/>
                </a:cxn>
                <a:cxn ang="0">
                  <a:pos x="30" y="218"/>
                </a:cxn>
                <a:cxn ang="0">
                  <a:pos x="28" y="212"/>
                </a:cxn>
                <a:cxn ang="0">
                  <a:pos x="28" y="112"/>
                </a:cxn>
                <a:cxn ang="0">
                  <a:pos x="28" y="112"/>
                </a:cxn>
                <a:cxn ang="0">
                  <a:pos x="26" y="108"/>
                </a:cxn>
                <a:cxn ang="0">
                  <a:pos x="22" y="106"/>
                </a:cxn>
                <a:cxn ang="0">
                  <a:pos x="4" y="106"/>
                </a:cxn>
                <a:cxn ang="0">
                  <a:pos x="4" y="106"/>
                </a:cxn>
                <a:cxn ang="0">
                  <a:pos x="0" y="104"/>
                </a:cxn>
                <a:cxn ang="0">
                  <a:pos x="0" y="100"/>
                </a:cxn>
                <a:cxn ang="0">
                  <a:pos x="83" y="2"/>
                </a:cxn>
              </a:cxnLst>
              <a:rect l="0" t="0" r="r" b="b"/>
              <a:pathLst>
                <a:path w="177" h="220">
                  <a:moveTo>
                    <a:pt x="83" y="2"/>
                  </a:moveTo>
                  <a:lnTo>
                    <a:pt x="83" y="2"/>
                  </a:lnTo>
                  <a:lnTo>
                    <a:pt x="88" y="0"/>
                  </a:lnTo>
                  <a:lnTo>
                    <a:pt x="94" y="2"/>
                  </a:lnTo>
                  <a:lnTo>
                    <a:pt x="177" y="100"/>
                  </a:lnTo>
                  <a:lnTo>
                    <a:pt x="177" y="100"/>
                  </a:lnTo>
                  <a:lnTo>
                    <a:pt x="177" y="104"/>
                  </a:lnTo>
                  <a:lnTo>
                    <a:pt x="173" y="106"/>
                  </a:lnTo>
                  <a:lnTo>
                    <a:pt x="155" y="106"/>
                  </a:lnTo>
                  <a:lnTo>
                    <a:pt x="155" y="106"/>
                  </a:lnTo>
                  <a:lnTo>
                    <a:pt x="151" y="108"/>
                  </a:lnTo>
                  <a:lnTo>
                    <a:pt x="149" y="112"/>
                  </a:lnTo>
                  <a:lnTo>
                    <a:pt x="149" y="212"/>
                  </a:lnTo>
                  <a:lnTo>
                    <a:pt x="149" y="212"/>
                  </a:lnTo>
                  <a:lnTo>
                    <a:pt x="147" y="218"/>
                  </a:lnTo>
                  <a:lnTo>
                    <a:pt x="141" y="220"/>
                  </a:lnTo>
                  <a:lnTo>
                    <a:pt x="37" y="220"/>
                  </a:lnTo>
                  <a:lnTo>
                    <a:pt x="37" y="220"/>
                  </a:lnTo>
                  <a:lnTo>
                    <a:pt x="30" y="218"/>
                  </a:lnTo>
                  <a:lnTo>
                    <a:pt x="28" y="212"/>
                  </a:lnTo>
                  <a:lnTo>
                    <a:pt x="28" y="112"/>
                  </a:lnTo>
                  <a:lnTo>
                    <a:pt x="28" y="112"/>
                  </a:lnTo>
                  <a:lnTo>
                    <a:pt x="26" y="108"/>
                  </a:lnTo>
                  <a:lnTo>
                    <a:pt x="22" y="106"/>
                  </a:lnTo>
                  <a:lnTo>
                    <a:pt x="4" y="106"/>
                  </a:lnTo>
                  <a:lnTo>
                    <a:pt x="4" y="106"/>
                  </a:lnTo>
                  <a:lnTo>
                    <a:pt x="0" y="104"/>
                  </a:lnTo>
                  <a:lnTo>
                    <a:pt x="0" y="100"/>
                  </a:lnTo>
                  <a:lnTo>
                    <a:pt x="83" y="2"/>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grpSp>
      <p:grpSp>
        <p:nvGrpSpPr>
          <p:cNvPr id="108" name="组合 107">
            <a:extLst>
              <a:ext uri="{FF2B5EF4-FFF2-40B4-BE49-F238E27FC236}">
                <a16:creationId xmlns:a16="http://schemas.microsoft.com/office/drawing/2014/main" xmlns="" id="{0E0E1C2B-4EC6-484D-B9E3-A0AB7EE3F0F6}"/>
              </a:ext>
            </a:extLst>
          </p:cNvPr>
          <p:cNvGrpSpPr>
            <a:grpSpLocks noChangeAspect="1"/>
          </p:cNvGrpSpPr>
          <p:nvPr/>
        </p:nvGrpSpPr>
        <p:grpSpPr>
          <a:xfrm>
            <a:off x="4813632" y="4047861"/>
            <a:ext cx="370003" cy="450823"/>
            <a:chOff x="1397953" y="4507548"/>
            <a:chExt cx="579437" cy="663575"/>
          </a:xfrm>
          <a:solidFill>
            <a:schemeClr val="bg1">
              <a:lumMod val="40000"/>
              <a:lumOff val="60000"/>
            </a:schemeClr>
          </a:solidFill>
        </p:grpSpPr>
        <p:sp>
          <p:nvSpPr>
            <p:cNvPr id="109" name="Freeform 1356">
              <a:extLst>
                <a:ext uri="{FF2B5EF4-FFF2-40B4-BE49-F238E27FC236}">
                  <a16:creationId xmlns:a16="http://schemas.microsoft.com/office/drawing/2014/main" xmlns="" id="{FA6070F8-AD35-4B0F-A423-3EEE55AA5708}"/>
                </a:ext>
              </a:extLst>
            </p:cNvPr>
            <p:cNvSpPr>
              <a:spLocks/>
            </p:cNvSpPr>
            <p:nvPr/>
          </p:nvSpPr>
          <p:spPr bwMode="auto">
            <a:xfrm>
              <a:off x="1517015" y="4507548"/>
              <a:ext cx="460375" cy="588963"/>
            </a:xfrm>
            <a:custGeom>
              <a:avLst/>
              <a:gdLst/>
              <a:ahLst/>
              <a:cxnLst>
                <a:cxn ang="0">
                  <a:pos x="222" y="354"/>
                </a:cxn>
                <a:cxn ang="0">
                  <a:pos x="222" y="340"/>
                </a:cxn>
                <a:cxn ang="0">
                  <a:pos x="29" y="340"/>
                </a:cxn>
                <a:cxn ang="0">
                  <a:pos x="29" y="30"/>
                </a:cxn>
                <a:cxn ang="0">
                  <a:pos x="259" y="30"/>
                </a:cxn>
                <a:cxn ang="0">
                  <a:pos x="259" y="297"/>
                </a:cxn>
                <a:cxn ang="0">
                  <a:pos x="212" y="344"/>
                </a:cxn>
                <a:cxn ang="0">
                  <a:pos x="222" y="354"/>
                </a:cxn>
                <a:cxn ang="0">
                  <a:pos x="222" y="340"/>
                </a:cxn>
                <a:cxn ang="0">
                  <a:pos x="222" y="354"/>
                </a:cxn>
                <a:cxn ang="0">
                  <a:pos x="233" y="367"/>
                </a:cxn>
                <a:cxn ang="0">
                  <a:pos x="290" y="312"/>
                </a:cxn>
                <a:cxn ang="0">
                  <a:pos x="290" y="0"/>
                </a:cxn>
                <a:cxn ang="0">
                  <a:pos x="0" y="0"/>
                </a:cxn>
                <a:cxn ang="0">
                  <a:pos x="0" y="371"/>
                </a:cxn>
                <a:cxn ang="0">
                  <a:pos x="229" y="371"/>
                </a:cxn>
                <a:cxn ang="0">
                  <a:pos x="233" y="367"/>
                </a:cxn>
                <a:cxn ang="0">
                  <a:pos x="222" y="354"/>
                </a:cxn>
              </a:cxnLst>
              <a:rect l="0" t="0" r="r" b="b"/>
              <a:pathLst>
                <a:path w="290" h="371">
                  <a:moveTo>
                    <a:pt x="222" y="354"/>
                  </a:moveTo>
                  <a:lnTo>
                    <a:pt x="222" y="340"/>
                  </a:lnTo>
                  <a:lnTo>
                    <a:pt x="29" y="340"/>
                  </a:lnTo>
                  <a:lnTo>
                    <a:pt x="29" y="30"/>
                  </a:lnTo>
                  <a:lnTo>
                    <a:pt x="259" y="30"/>
                  </a:lnTo>
                  <a:lnTo>
                    <a:pt x="259" y="297"/>
                  </a:lnTo>
                  <a:lnTo>
                    <a:pt x="212" y="344"/>
                  </a:lnTo>
                  <a:lnTo>
                    <a:pt x="222" y="354"/>
                  </a:lnTo>
                  <a:lnTo>
                    <a:pt x="222" y="340"/>
                  </a:lnTo>
                  <a:lnTo>
                    <a:pt x="222" y="354"/>
                  </a:lnTo>
                  <a:lnTo>
                    <a:pt x="233" y="367"/>
                  </a:lnTo>
                  <a:lnTo>
                    <a:pt x="290" y="312"/>
                  </a:lnTo>
                  <a:lnTo>
                    <a:pt x="290" y="0"/>
                  </a:lnTo>
                  <a:lnTo>
                    <a:pt x="0" y="0"/>
                  </a:lnTo>
                  <a:lnTo>
                    <a:pt x="0" y="371"/>
                  </a:lnTo>
                  <a:lnTo>
                    <a:pt x="229" y="371"/>
                  </a:lnTo>
                  <a:lnTo>
                    <a:pt x="233" y="367"/>
                  </a:lnTo>
                  <a:lnTo>
                    <a:pt x="222" y="354"/>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0" name="Freeform 1360">
              <a:extLst>
                <a:ext uri="{FF2B5EF4-FFF2-40B4-BE49-F238E27FC236}">
                  <a16:creationId xmlns:a16="http://schemas.microsoft.com/office/drawing/2014/main" xmlns="" id="{44ECEF99-B6A6-4FDF-A74C-12377C773E79}"/>
                </a:ext>
              </a:extLst>
            </p:cNvPr>
            <p:cNvSpPr>
              <a:spLocks/>
            </p:cNvSpPr>
            <p:nvPr/>
          </p:nvSpPr>
          <p:spPr bwMode="auto">
            <a:xfrm>
              <a:off x="1851977" y="4975860"/>
              <a:ext cx="96838" cy="96838"/>
            </a:xfrm>
            <a:custGeom>
              <a:avLst/>
              <a:gdLst/>
              <a:ahLst/>
              <a:cxnLst>
                <a:cxn ang="0">
                  <a:pos x="61" y="0"/>
                </a:cxn>
                <a:cxn ang="0">
                  <a:pos x="0" y="0"/>
                </a:cxn>
                <a:cxn ang="0">
                  <a:pos x="0" y="61"/>
                </a:cxn>
                <a:cxn ang="0">
                  <a:pos x="12" y="61"/>
                </a:cxn>
                <a:cxn ang="0">
                  <a:pos x="10" y="11"/>
                </a:cxn>
                <a:cxn ang="0">
                  <a:pos x="61" y="11"/>
                </a:cxn>
                <a:cxn ang="0">
                  <a:pos x="61" y="0"/>
                </a:cxn>
                <a:cxn ang="0">
                  <a:pos x="61" y="0"/>
                </a:cxn>
              </a:cxnLst>
              <a:rect l="0" t="0" r="r" b="b"/>
              <a:pathLst>
                <a:path w="61" h="61">
                  <a:moveTo>
                    <a:pt x="61" y="0"/>
                  </a:moveTo>
                  <a:lnTo>
                    <a:pt x="0" y="0"/>
                  </a:lnTo>
                  <a:lnTo>
                    <a:pt x="0" y="61"/>
                  </a:lnTo>
                  <a:lnTo>
                    <a:pt x="12" y="61"/>
                  </a:lnTo>
                  <a:lnTo>
                    <a:pt x="10" y="11"/>
                  </a:lnTo>
                  <a:lnTo>
                    <a:pt x="61" y="11"/>
                  </a:lnTo>
                  <a:lnTo>
                    <a:pt x="61" y="0"/>
                  </a:lnTo>
                  <a:lnTo>
                    <a:pt x="61"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1" name="Freeform 1361">
              <a:extLst>
                <a:ext uri="{FF2B5EF4-FFF2-40B4-BE49-F238E27FC236}">
                  <a16:creationId xmlns:a16="http://schemas.microsoft.com/office/drawing/2014/main" xmlns="" id="{F18811EA-A2B1-4A6C-B45E-F22C961CFF42}"/>
                </a:ext>
              </a:extLst>
            </p:cNvPr>
            <p:cNvSpPr>
              <a:spLocks/>
            </p:cNvSpPr>
            <p:nvPr/>
          </p:nvSpPr>
          <p:spPr bwMode="auto">
            <a:xfrm>
              <a:off x="1620203" y="462343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2" name="Line 1362">
              <a:extLst>
                <a:ext uri="{FF2B5EF4-FFF2-40B4-BE49-F238E27FC236}">
                  <a16:creationId xmlns:a16="http://schemas.microsoft.com/office/drawing/2014/main" xmlns="" id="{051C4CF4-B53D-40F2-8869-86823D52D407}"/>
                </a:ext>
              </a:extLst>
            </p:cNvPr>
            <p:cNvSpPr>
              <a:spLocks noChangeShapeType="1"/>
            </p:cNvSpPr>
            <p:nvPr/>
          </p:nvSpPr>
          <p:spPr bwMode="auto">
            <a:xfrm>
              <a:off x="1620203" y="462343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3" name="Rectangle 1363">
              <a:extLst>
                <a:ext uri="{FF2B5EF4-FFF2-40B4-BE49-F238E27FC236}">
                  <a16:creationId xmlns:a16="http://schemas.microsoft.com/office/drawing/2014/main" xmlns="" id="{0E173F1C-7DDF-4C73-A566-E97B6F3882CF}"/>
                </a:ext>
              </a:extLst>
            </p:cNvPr>
            <p:cNvSpPr>
              <a:spLocks noChangeArrowheads="1"/>
            </p:cNvSpPr>
            <p:nvPr/>
          </p:nvSpPr>
          <p:spPr bwMode="auto">
            <a:xfrm>
              <a:off x="1620203" y="461708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4" name="Freeform 1364">
              <a:extLst>
                <a:ext uri="{FF2B5EF4-FFF2-40B4-BE49-F238E27FC236}">
                  <a16:creationId xmlns:a16="http://schemas.microsoft.com/office/drawing/2014/main" xmlns="" id="{D5500E38-40A8-4D58-97CF-9DC8E0E9AB7F}"/>
                </a:ext>
              </a:extLst>
            </p:cNvPr>
            <p:cNvSpPr>
              <a:spLocks/>
            </p:cNvSpPr>
            <p:nvPr/>
          </p:nvSpPr>
          <p:spPr bwMode="auto">
            <a:xfrm>
              <a:off x="1620203" y="4617085"/>
              <a:ext cx="255588" cy="9525"/>
            </a:xfrm>
            <a:custGeom>
              <a:avLst/>
              <a:gdLst/>
              <a:ahLst/>
              <a:cxnLst>
                <a:cxn ang="0">
                  <a:pos x="0" y="6"/>
                </a:cxn>
                <a:cxn ang="0">
                  <a:pos x="161" y="6"/>
                </a:cxn>
                <a:cxn ang="0">
                  <a:pos x="161" y="0"/>
                </a:cxn>
                <a:cxn ang="0">
                  <a:pos x="0" y="0"/>
                </a:cxn>
              </a:cxnLst>
              <a:rect l="0" t="0" r="r" b="b"/>
              <a:pathLst>
                <a:path w="161" h="6">
                  <a:moveTo>
                    <a:pt x="0" y="6"/>
                  </a:moveTo>
                  <a:lnTo>
                    <a:pt x="161" y="6"/>
                  </a:lnTo>
                  <a:lnTo>
                    <a:pt x="161" y="0"/>
                  </a:lnTo>
                  <a:lnTo>
                    <a:pt x="0" y="0"/>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5" name="Freeform 1365">
              <a:extLst>
                <a:ext uri="{FF2B5EF4-FFF2-40B4-BE49-F238E27FC236}">
                  <a16:creationId xmlns:a16="http://schemas.microsoft.com/office/drawing/2014/main" xmlns="" id="{DF6617A4-72E5-4ED2-91B9-54959AAED09A}"/>
                </a:ext>
              </a:extLst>
            </p:cNvPr>
            <p:cNvSpPr>
              <a:spLocks/>
            </p:cNvSpPr>
            <p:nvPr/>
          </p:nvSpPr>
          <p:spPr bwMode="auto">
            <a:xfrm>
              <a:off x="1620203" y="4688523"/>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6" name="Line 1366">
              <a:extLst>
                <a:ext uri="{FF2B5EF4-FFF2-40B4-BE49-F238E27FC236}">
                  <a16:creationId xmlns:a16="http://schemas.microsoft.com/office/drawing/2014/main" xmlns="" id="{91491251-1338-42FB-9E5F-FFA4BBAD6DCC}"/>
                </a:ext>
              </a:extLst>
            </p:cNvPr>
            <p:cNvSpPr>
              <a:spLocks noChangeShapeType="1"/>
            </p:cNvSpPr>
            <p:nvPr/>
          </p:nvSpPr>
          <p:spPr bwMode="auto">
            <a:xfrm>
              <a:off x="1620203" y="4688523"/>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7" name="Rectangle 1367">
              <a:extLst>
                <a:ext uri="{FF2B5EF4-FFF2-40B4-BE49-F238E27FC236}">
                  <a16:creationId xmlns:a16="http://schemas.microsoft.com/office/drawing/2014/main" xmlns="" id="{15F5D8B7-211B-4776-9DD9-3E38406FA4AF}"/>
                </a:ext>
              </a:extLst>
            </p:cNvPr>
            <p:cNvSpPr>
              <a:spLocks noChangeArrowheads="1"/>
            </p:cNvSpPr>
            <p:nvPr/>
          </p:nvSpPr>
          <p:spPr bwMode="auto">
            <a:xfrm>
              <a:off x="1620203" y="468534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8" name="Freeform 1369">
              <a:extLst>
                <a:ext uri="{FF2B5EF4-FFF2-40B4-BE49-F238E27FC236}">
                  <a16:creationId xmlns:a16="http://schemas.microsoft.com/office/drawing/2014/main" xmlns="" id="{69334B80-8AD8-4030-B206-F96DC740B66E}"/>
                </a:ext>
              </a:extLst>
            </p:cNvPr>
            <p:cNvSpPr>
              <a:spLocks/>
            </p:cNvSpPr>
            <p:nvPr/>
          </p:nvSpPr>
          <p:spPr bwMode="auto">
            <a:xfrm>
              <a:off x="1620203" y="47567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19" name="Line 1370">
              <a:extLst>
                <a:ext uri="{FF2B5EF4-FFF2-40B4-BE49-F238E27FC236}">
                  <a16:creationId xmlns:a16="http://schemas.microsoft.com/office/drawing/2014/main" xmlns="" id="{E17E3333-25A5-4254-A436-E02FD03ED72E}"/>
                </a:ext>
              </a:extLst>
            </p:cNvPr>
            <p:cNvSpPr>
              <a:spLocks noChangeShapeType="1"/>
            </p:cNvSpPr>
            <p:nvPr/>
          </p:nvSpPr>
          <p:spPr bwMode="auto">
            <a:xfrm>
              <a:off x="1620203" y="47567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20" name="Rectangle 1371">
              <a:extLst>
                <a:ext uri="{FF2B5EF4-FFF2-40B4-BE49-F238E27FC236}">
                  <a16:creationId xmlns:a16="http://schemas.microsoft.com/office/drawing/2014/main" xmlns="" id="{90392BC0-A4E7-4242-99DE-B1010E0F95BA}"/>
                </a:ext>
              </a:extLst>
            </p:cNvPr>
            <p:cNvSpPr>
              <a:spLocks noChangeArrowheads="1"/>
            </p:cNvSpPr>
            <p:nvPr/>
          </p:nvSpPr>
          <p:spPr bwMode="auto">
            <a:xfrm>
              <a:off x="1620203" y="475043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21" name="Freeform 1373">
              <a:extLst>
                <a:ext uri="{FF2B5EF4-FFF2-40B4-BE49-F238E27FC236}">
                  <a16:creationId xmlns:a16="http://schemas.microsoft.com/office/drawing/2014/main" xmlns="" id="{455615A6-58A9-4BE4-86D6-A9C9182B0455}"/>
                </a:ext>
              </a:extLst>
            </p:cNvPr>
            <p:cNvSpPr>
              <a:spLocks/>
            </p:cNvSpPr>
            <p:nvPr/>
          </p:nvSpPr>
          <p:spPr bwMode="auto">
            <a:xfrm>
              <a:off x="1620203" y="48202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22" name="Line 1374">
              <a:extLst>
                <a:ext uri="{FF2B5EF4-FFF2-40B4-BE49-F238E27FC236}">
                  <a16:creationId xmlns:a16="http://schemas.microsoft.com/office/drawing/2014/main" xmlns="" id="{ED2B6840-1520-48F2-8F5A-EB81AEF29195}"/>
                </a:ext>
              </a:extLst>
            </p:cNvPr>
            <p:cNvSpPr>
              <a:spLocks noChangeShapeType="1"/>
            </p:cNvSpPr>
            <p:nvPr/>
          </p:nvSpPr>
          <p:spPr bwMode="auto">
            <a:xfrm>
              <a:off x="1620203" y="48202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23" name="Rectangle 1375">
              <a:extLst>
                <a:ext uri="{FF2B5EF4-FFF2-40B4-BE49-F238E27FC236}">
                  <a16:creationId xmlns:a16="http://schemas.microsoft.com/office/drawing/2014/main" xmlns="" id="{DC828E93-C326-4B29-BD30-1FBA97A7A5EA}"/>
                </a:ext>
              </a:extLst>
            </p:cNvPr>
            <p:cNvSpPr>
              <a:spLocks noChangeArrowheads="1"/>
            </p:cNvSpPr>
            <p:nvPr/>
          </p:nvSpPr>
          <p:spPr bwMode="auto">
            <a:xfrm>
              <a:off x="1620203" y="4817110"/>
              <a:ext cx="255588" cy="11113"/>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24" name="Freeform 1377">
              <a:extLst>
                <a:ext uri="{FF2B5EF4-FFF2-40B4-BE49-F238E27FC236}">
                  <a16:creationId xmlns:a16="http://schemas.microsoft.com/office/drawing/2014/main" xmlns="" id="{EFA35AC1-569D-48C8-B126-6A5EF8678A2C}"/>
                </a:ext>
              </a:extLst>
            </p:cNvPr>
            <p:cNvSpPr>
              <a:spLocks/>
            </p:cNvSpPr>
            <p:nvPr/>
          </p:nvSpPr>
          <p:spPr bwMode="auto">
            <a:xfrm>
              <a:off x="1620203" y="4888548"/>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25" name="Line 1378">
              <a:extLst>
                <a:ext uri="{FF2B5EF4-FFF2-40B4-BE49-F238E27FC236}">
                  <a16:creationId xmlns:a16="http://schemas.microsoft.com/office/drawing/2014/main" xmlns="" id="{1EBE7731-028A-4B9B-BABB-4CE1206B4363}"/>
                </a:ext>
              </a:extLst>
            </p:cNvPr>
            <p:cNvSpPr>
              <a:spLocks noChangeShapeType="1"/>
            </p:cNvSpPr>
            <p:nvPr/>
          </p:nvSpPr>
          <p:spPr bwMode="auto">
            <a:xfrm>
              <a:off x="1620203" y="4888548"/>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26" name="Rectangle 1379">
              <a:extLst>
                <a:ext uri="{FF2B5EF4-FFF2-40B4-BE49-F238E27FC236}">
                  <a16:creationId xmlns:a16="http://schemas.microsoft.com/office/drawing/2014/main" xmlns="" id="{C97E3E4C-B6A7-4ED8-A791-4F938E7D1B37}"/>
                </a:ext>
              </a:extLst>
            </p:cNvPr>
            <p:cNvSpPr>
              <a:spLocks noChangeArrowheads="1"/>
            </p:cNvSpPr>
            <p:nvPr/>
          </p:nvSpPr>
          <p:spPr bwMode="auto">
            <a:xfrm>
              <a:off x="1620203" y="488219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27" name="Freeform 1382">
              <a:extLst>
                <a:ext uri="{FF2B5EF4-FFF2-40B4-BE49-F238E27FC236}">
                  <a16:creationId xmlns:a16="http://schemas.microsoft.com/office/drawing/2014/main" xmlns="" id="{4672C1C7-89D3-4FF7-9AD5-F24C2126BE38}"/>
                </a:ext>
              </a:extLst>
            </p:cNvPr>
            <p:cNvSpPr>
              <a:spLocks/>
            </p:cNvSpPr>
            <p:nvPr/>
          </p:nvSpPr>
          <p:spPr bwMode="auto">
            <a:xfrm flipV="1">
              <a:off x="1397953" y="4821873"/>
              <a:ext cx="280988" cy="349250"/>
            </a:xfrm>
            <a:custGeom>
              <a:avLst/>
              <a:gdLst/>
              <a:ahLst/>
              <a:cxnLst>
                <a:cxn ang="0">
                  <a:pos x="83" y="2"/>
                </a:cxn>
                <a:cxn ang="0">
                  <a:pos x="83" y="2"/>
                </a:cxn>
                <a:cxn ang="0">
                  <a:pos x="88" y="0"/>
                </a:cxn>
                <a:cxn ang="0">
                  <a:pos x="94" y="2"/>
                </a:cxn>
                <a:cxn ang="0">
                  <a:pos x="177" y="100"/>
                </a:cxn>
                <a:cxn ang="0">
                  <a:pos x="177" y="100"/>
                </a:cxn>
                <a:cxn ang="0">
                  <a:pos x="177" y="104"/>
                </a:cxn>
                <a:cxn ang="0">
                  <a:pos x="173" y="106"/>
                </a:cxn>
                <a:cxn ang="0">
                  <a:pos x="155" y="106"/>
                </a:cxn>
                <a:cxn ang="0">
                  <a:pos x="155" y="106"/>
                </a:cxn>
                <a:cxn ang="0">
                  <a:pos x="151" y="108"/>
                </a:cxn>
                <a:cxn ang="0">
                  <a:pos x="149" y="112"/>
                </a:cxn>
                <a:cxn ang="0">
                  <a:pos x="149" y="212"/>
                </a:cxn>
                <a:cxn ang="0">
                  <a:pos x="149" y="212"/>
                </a:cxn>
                <a:cxn ang="0">
                  <a:pos x="147" y="218"/>
                </a:cxn>
                <a:cxn ang="0">
                  <a:pos x="141" y="220"/>
                </a:cxn>
                <a:cxn ang="0">
                  <a:pos x="37" y="220"/>
                </a:cxn>
                <a:cxn ang="0">
                  <a:pos x="37" y="220"/>
                </a:cxn>
                <a:cxn ang="0">
                  <a:pos x="30" y="218"/>
                </a:cxn>
                <a:cxn ang="0">
                  <a:pos x="28" y="212"/>
                </a:cxn>
                <a:cxn ang="0">
                  <a:pos x="28" y="112"/>
                </a:cxn>
                <a:cxn ang="0">
                  <a:pos x="28" y="112"/>
                </a:cxn>
                <a:cxn ang="0">
                  <a:pos x="26" y="108"/>
                </a:cxn>
                <a:cxn ang="0">
                  <a:pos x="22" y="106"/>
                </a:cxn>
                <a:cxn ang="0">
                  <a:pos x="4" y="106"/>
                </a:cxn>
                <a:cxn ang="0">
                  <a:pos x="4" y="106"/>
                </a:cxn>
                <a:cxn ang="0">
                  <a:pos x="0" y="104"/>
                </a:cxn>
                <a:cxn ang="0">
                  <a:pos x="0" y="100"/>
                </a:cxn>
                <a:cxn ang="0">
                  <a:pos x="83" y="2"/>
                </a:cxn>
              </a:cxnLst>
              <a:rect l="0" t="0" r="r" b="b"/>
              <a:pathLst>
                <a:path w="177" h="220">
                  <a:moveTo>
                    <a:pt x="83" y="2"/>
                  </a:moveTo>
                  <a:lnTo>
                    <a:pt x="83" y="2"/>
                  </a:lnTo>
                  <a:lnTo>
                    <a:pt x="88" y="0"/>
                  </a:lnTo>
                  <a:lnTo>
                    <a:pt x="94" y="2"/>
                  </a:lnTo>
                  <a:lnTo>
                    <a:pt x="177" y="100"/>
                  </a:lnTo>
                  <a:lnTo>
                    <a:pt x="177" y="100"/>
                  </a:lnTo>
                  <a:lnTo>
                    <a:pt x="177" y="104"/>
                  </a:lnTo>
                  <a:lnTo>
                    <a:pt x="173" y="106"/>
                  </a:lnTo>
                  <a:lnTo>
                    <a:pt x="155" y="106"/>
                  </a:lnTo>
                  <a:lnTo>
                    <a:pt x="155" y="106"/>
                  </a:lnTo>
                  <a:lnTo>
                    <a:pt x="151" y="108"/>
                  </a:lnTo>
                  <a:lnTo>
                    <a:pt x="149" y="112"/>
                  </a:lnTo>
                  <a:lnTo>
                    <a:pt x="149" y="212"/>
                  </a:lnTo>
                  <a:lnTo>
                    <a:pt x="149" y="212"/>
                  </a:lnTo>
                  <a:lnTo>
                    <a:pt x="147" y="218"/>
                  </a:lnTo>
                  <a:lnTo>
                    <a:pt x="141" y="220"/>
                  </a:lnTo>
                  <a:lnTo>
                    <a:pt x="37" y="220"/>
                  </a:lnTo>
                  <a:lnTo>
                    <a:pt x="37" y="220"/>
                  </a:lnTo>
                  <a:lnTo>
                    <a:pt x="30" y="218"/>
                  </a:lnTo>
                  <a:lnTo>
                    <a:pt x="28" y="212"/>
                  </a:lnTo>
                  <a:lnTo>
                    <a:pt x="28" y="112"/>
                  </a:lnTo>
                  <a:lnTo>
                    <a:pt x="28" y="112"/>
                  </a:lnTo>
                  <a:lnTo>
                    <a:pt x="26" y="108"/>
                  </a:lnTo>
                  <a:lnTo>
                    <a:pt x="22" y="106"/>
                  </a:lnTo>
                  <a:lnTo>
                    <a:pt x="4" y="106"/>
                  </a:lnTo>
                  <a:lnTo>
                    <a:pt x="4" y="106"/>
                  </a:lnTo>
                  <a:lnTo>
                    <a:pt x="0" y="104"/>
                  </a:lnTo>
                  <a:lnTo>
                    <a:pt x="0" y="100"/>
                  </a:lnTo>
                  <a:lnTo>
                    <a:pt x="83" y="2"/>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grpSp>
      <p:sp>
        <p:nvSpPr>
          <p:cNvPr id="129" name="Freeform 17">
            <a:extLst>
              <a:ext uri="{FF2B5EF4-FFF2-40B4-BE49-F238E27FC236}">
                <a16:creationId xmlns:a16="http://schemas.microsoft.com/office/drawing/2014/main" xmlns="" id="{3710E578-1754-4AE3-BA5B-78888E3F3441}"/>
              </a:ext>
            </a:extLst>
          </p:cNvPr>
          <p:cNvSpPr>
            <a:spLocks noChangeAspect="1" noEditPoints="1"/>
          </p:cNvSpPr>
          <p:nvPr/>
        </p:nvSpPr>
        <p:spPr bwMode="auto">
          <a:xfrm>
            <a:off x="2629773" y="2514453"/>
            <a:ext cx="618811" cy="669427"/>
          </a:xfrm>
          <a:custGeom>
            <a:avLst/>
            <a:gdLst/>
            <a:ahLst/>
            <a:cxnLst>
              <a:cxn ang="0">
                <a:pos x="67" y="85"/>
              </a:cxn>
              <a:cxn ang="0">
                <a:pos x="151" y="0"/>
              </a:cxn>
              <a:cxn ang="0">
                <a:pos x="235" y="85"/>
              </a:cxn>
              <a:cxn ang="0">
                <a:pos x="151" y="169"/>
              </a:cxn>
              <a:cxn ang="0">
                <a:pos x="67" y="85"/>
              </a:cxn>
              <a:cxn ang="0">
                <a:pos x="213" y="394"/>
              </a:cxn>
              <a:cxn ang="0">
                <a:pos x="151" y="395"/>
              </a:cxn>
              <a:cxn ang="0">
                <a:pos x="15" y="389"/>
              </a:cxn>
              <a:cxn ang="0">
                <a:pos x="0" y="327"/>
              </a:cxn>
              <a:cxn ang="0">
                <a:pos x="151" y="186"/>
              </a:cxn>
              <a:cxn ang="0">
                <a:pos x="279" y="251"/>
              </a:cxn>
              <a:cxn ang="0">
                <a:pos x="225" y="284"/>
              </a:cxn>
              <a:cxn ang="0">
                <a:pos x="213" y="394"/>
              </a:cxn>
              <a:cxn ang="0">
                <a:pos x="122" y="219"/>
              </a:cxn>
              <a:cxn ang="0">
                <a:pos x="144" y="240"/>
              </a:cxn>
              <a:cxn ang="0">
                <a:pos x="158" y="240"/>
              </a:cxn>
              <a:cxn ang="0">
                <a:pos x="180" y="219"/>
              </a:cxn>
              <a:cxn ang="0">
                <a:pos x="177" y="212"/>
              </a:cxn>
              <a:cxn ang="0">
                <a:pos x="125" y="212"/>
              </a:cxn>
              <a:cxn ang="0">
                <a:pos x="122" y="219"/>
              </a:cxn>
              <a:cxn ang="0">
                <a:pos x="183" y="332"/>
              </a:cxn>
              <a:cxn ang="0">
                <a:pos x="155" y="258"/>
              </a:cxn>
              <a:cxn ang="0">
                <a:pos x="147" y="258"/>
              </a:cxn>
              <a:cxn ang="0">
                <a:pos x="119" y="332"/>
              </a:cxn>
              <a:cxn ang="0">
                <a:pos x="122" y="348"/>
              </a:cxn>
              <a:cxn ang="0">
                <a:pos x="144" y="370"/>
              </a:cxn>
              <a:cxn ang="0">
                <a:pos x="158" y="370"/>
              </a:cxn>
              <a:cxn ang="0">
                <a:pos x="180" y="348"/>
              </a:cxn>
              <a:cxn ang="0">
                <a:pos x="183" y="332"/>
              </a:cxn>
              <a:cxn ang="0">
                <a:pos x="363" y="401"/>
              </a:cxn>
              <a:cxn ang="0">
                <a:pos x="300" y="430"/>
              </a:cxn>
              <a:cxn ang="0">
                <a:pos x="237" y="401"/>
              </a:cxn>
              <a:cxn ang="0">
                <a:pos x="237" y="294"/>
              </a:cxn>
              <a:cxn ang="0">
                <a:pos x="300" y="265"/>
              </a:cxn>
              <a:cxn ang="0">
                <a:pos x="363" y="294"/>
              </a:cxn>
              <a:cxn ang="0">
                <a:pos x="363" y="401"/>
              </a:cxn>
              <a:cxn ang="0">
                <a:pos x="359" y="358"/>
              </a:cxn>
              <a:cxn ang="0">
                <a:pos x="359" y="338"/>
              </a:cxn>
              <a:cxn ang="0">
                <a:pos x="355" y="333"/>
              </a:cxn>
              <a:cxn ang="0">
                <a:pos x="315" y="333"/>
              </a:cxn>
              <a:cxn ang="0">
                <a:pos x="315" y="293"/>
              </a:cxn>
              <a:cxn ang="0">
                <a:pos x="310" y="288"/>
              </a:cxn>
              <a:cxn ang="0">
                <a:pos x="290" y="288"/>
              </a:cxn>
              <a:cxn ang="0">
                <a:pos x="286" y="293"/>
              </a:cxn>
              <a:cxn ang="0">
                <a:pos x="286" y="333"/>
              </a:cxn>
              <a:cxn ang="0">
                <a:pos x="246" y="333"/>
              </a:cxn>
              <a:cxn ang="0">
                <a:pos x="241" y="338"/>
              </a:cxn>
              <a:cxn ang="0">
                <a:pos x="241" y="338"/>
              </a:cxn>
              <a:cxn ang="0">
                <a:pos x="241" y="358"/>
              </a:cxn>
              <a:cxn ang="0">
                <a:pos x="246" y="362"/>
              </a:cxn>
              <a:cxn ang="0">
                <a:pos x="286" y="362"/>
              </a:cxn>
              <a:cxn ang="0">
                <a:pos x="286" y="402"/>
              </a:cxn>
              <a:cxn ang="0">
                <a:pos x="290" y="407"/>
              </a:cxn>
              <a:cxn ang="0">
                <a:pos x="310" y="407"/>
              </a:cxn>
              <a:cxn ang="0">
                <a:pos x="315" y="402"/>
              </a:cxn>
              <a:cxn ang="0">
                <a:pos x="315" y="362"/>
              </a:cxn>
              <a:cxn ang="0">
                <a:pos x="355" y="362"/>
              </a:cxn>
              <a:cxn ang="0">
                <a:pos x="359" y="358"/>
              </a:cxn>
            </a:cxnLst>
            <a:rect l="0" t="0" r="r" b="b"/>
            <a:pathLst>
              <a:path w="389" h="430">
                <a:moveTo>
                  <a:pt x="67" y="85"/>
                </a:moveTo>
                <a:cubicBezTo>
                  <a:pt x="67" y="38"/>
                  <a:pt x="105" y="0"/>
                  <a:pt x="151" y="0"/>
                </a:cubicBezTo>
                <a:cubicBezTo>
                  <a:pt x="198" y="0"/>
                  <a:pt x="235" y="38"/>
                  <a:pt x="235" y="85"/>
                </a:cubicBezTo>
                <a:cubicBezTo>
                  <a:pt x="235" y="131"/>
                  <a:pt x="198" y="169"/>
                  <a:pt x="151" y="169"/>
                </a:cubicBezTo>
                <a:cubicBezTo>
                  <a:pt x="105" y="169"/>
                  <a:pt x="67" y="131"/>
                  <a:pt x="67" y="85"/>
                </a:cubicBezTo>
                <a:close/>
                <a:moveTo>
                  <a:pt x="213" y="394"/>
                </a:moveTo>
                <a:cubicBezTo>
                  <a:pt x="193" y="395"/>
                  <a:pt x="172" y="395"/>
                  <a:pt x="151" y="395"/>
                </a:cubicBezTo>
                <a:cubicBezTo>
                  <a:pt x="104" y="395"/>
                  <a:pt x="59" y="393"/>
                  <a:pt x="15" y="389"/>
                </a:cubicBezTo>
                <a:cubicBezTo>
                  <a:pt x="5" y="370"/>
                  <a:pt x="0" y="349"/>
                  <a:pt x="0" y="327"/>
                </a:cubicBezTo>
                <a:cubicBezTo>
                  <a:pt x="0" y="249"/>
                  <a:pt x="67" y="186"/>
                  <a:pt x="151" y="186"/>
                </a:cubicBezTo>
                <a:cubicBezTo>
                  <a:pt x="205" y="186"/>
                  <a:pt x="252" y="212"/>
                  <a:pt x="279" y="251"/>
                </a:cubicBezTo>
                <a:cubicBezTo>
                  <a:pt x="258" y="256"/>
                  <a:pt x="239" y="267"/>
                  <a:pt x="225" y="284"/>
                </a:cubicBezTo>
                <a:cubicBezTo>
                  <a:pt x="199" y="315"/>
                  <a:pt x="195" y="359"/>
                  <a:pt x="213" y="394"/>
                </a:cubicBezTo>
                <a:close/>
                <a:moveTo>
                  <a:pt x="122" y="219"/>
                </a:moveTo>
                <a:cubicBezTo>
                  <a:pt x="144" y="240"/>
                  <a:pt x="144" y="240"/>
                  <a:pt x="144" y="240"/>
                </a:cubicBezTo>
                <a:cubicBezTo>
                  <a:pt x="148" y="244"/>
                  <a:pt x="154" y="244"/>
                  <a:pt x="158" y="240"/>
                </a:cubicBezTo>
                <a:cubicBezTo>
                  <a:pt x="180" y="219"/>
                  <a:pt x="180" y="219"/>
                  <a:pt x="180" y="219"/>
                </a:cubicBezTo>
                <a:cubicBezTo>
                  <a:pt x="184" y="215"/>
                  <a:pt x="182" y="212"/>
                  <a:pt x="177" y="212"/>
                </a:cubicBezTo>
                <a:cubicBezTo>
                  <a:pt x="125" y="212"/>
                  <a:pt x="125" y="212"/>
                  <a:pt x="125" y="212"/>
                </a:cubicBezTo>
                <a:cubicBezTo>
                  <a:pt x="120" y="212"/>
                  <a:pt x="118" y="215"/>
                  <a:pt x="122" y="219"/>
                </a:cubicBezTo>
                <a:close/>
                <a:moveTo>
                  <a:pt x="183" y="332"/>
                </a:moveTo>
                <a:cubicBezTo>
                  <a:pt x="155" y="258"/>
                  <a:pt x="155" y="258"/>
                  <a:pt x="155" y="258"/>
                </a:cubicBezTo>
                <a:cubicBezTo>
                  <a:pt x="153" y="253"/>
                  <a:pt x="149" y="253"/>
                  <a:pt x="147" y="258"/>
                </a:cubicBezTo>
                <a:cubicBezTo>
                  <a:pt x="119" y="332"/>
                  <a:pt x="119" y="332"/>
                  <a:pt x="119" y="332"/>
                </a:cubicBezTo>
                <a:cubicBezTo>
                  <a:pt x="117" y="337"/>
                  <a:pt x="118" y="344"/>
                  <a:pt x="122" y="348"/>
                </a:cubicBezTo>
                <a:cubicBezTo>
                  <a:pt x="144" y="370"/>
                  <a:pt x="144" y="370"/>
                  <a:pt x="144" y="370"/>
                </a:cubicBezTo>
                <a:cubicBezTo>
                  <a:pt x="148" y="374"/>
                  <a:pt x="154" y="374"/>
                  <a:pt x="158" y="370"/>
                </a:cubicBezTo>
                <a:cubicBezTo>
                  <a:pt x="180" y="348"/>
                  <a:pt x="180" y="348"/>
                  <a:pt x="180" y="348"/>
                </a:cubicBezTo>
                <a:cubicBezTo>
                  <a:pt x="184" y="344"/>
                  <a:pt x="185" y="337"/>
                  <a:pt x="183" y="332"/>
                </a:cubicBezTo>
                <a:close/>
                <a:moveTo>
                  <a:pt x="363" y="401"/>
                </a:moveTo>
                <a:cubicBezTo>
                  <a:pt x="346" y="420"/>
                  <a:pt x="323" y="430"/>
                  <a:pt x="300" y="430"/>
                </a:cubicBezTo>
                <a:cubicBezTo>
                  <a:pt x="277" y="430"/>
                  <a:pt x="254" y="420"/>
                  <a:pt x="237" y="401"/>
                </a:cubicBezTo>
                <a:cubicBezTo>
                  <a:pt x="211" y="371"/>
                  <a:pt x="211" y="325"/>
                  <a:pt x="237" y="294"/>
                </a:cubicBezTo>
                <a:cubicBezTo>
                  <a:pt x="254" y="275"/>
                  <a:pt x="277" y="265"/>
                  <a:pt x="300" y="265"/>
                </a:cubicBezTo>
                <a:cubicBezTo>
                  <a:pt x="323" y="265"/>
                  <a:pt x="346" y="275"/>
                  <a:pt x="363" y="294"/>
                </a:cubicBezTo>
                <a:cubicBezTo>
                  <a:pt x="389" y="325"/>
                  <a:pt x="389" y="370"/>
                  <a:pt x="363" y="401"/>
                </a:cubicBezTo>
                <a:close/>
                <a:moveTo>
                  <a:pt x="359" y="358"/>
                </a:moveTo>
                <a:cubicBezTo>
                  <a:pt x="359" y="338"/>
                  <a:pt x="359" y="338"/>
                  <a:pt x="359" y="338"/>
                </a:cubicBezTo>
                <a:cubicBezTo>
                  <a:pt x="359" y="335"/>
                  <a:pt x="357" y="333"/>
                  <a:pt x="355" y="333"/>
                </a:cubicBezTo>
                <a:cubicBezTo>
                  <a:pt x="315" y="333"/>
                  <a:pt x="315" y="333"/>
                  <a:pt x="315" y="333"/>
                </a:cubicBezTo>
                <a:cubicBezTo>
                  <a:pt x="315" y="293"/>
                  <a:pt x="315" y="293"/>
                  <a:pt x="315" y="293"/>
                </a:cubicBezTo>
                <a:cubicBezTo>
                  <a:pt x="315" y="290"/>
                  <a:pt x="313" y="288"/>
                  <a:pt x="310" y="288"/>
                </a:cubicBezTo>
                <a:cubicBezTo>
                  <a:pt x="290" y="288"/>
                  <a:pt x="290" y="288"/>
                  <a:pt x="290" y="288"/>
                </a:cubicBezTo>
                <a:cubicBezTo>
                  <a:pt x="288" y="288"/>
                  <a:pt x="286" y="290"/>
                  <a:pt x="286" y="293"/>
                </a:cubicBezTo>
                <a:cubicBezTo>
                  <a:pt x="286" y="333"/>
                  <a:pt x="286" y="333"/>
                  <a:pt x="286" y="333"/>
                </a:cubicBezTo>
                <a:cubicBezTo>
                  <a:pt x="246" y="333"/>
                  <a:pt x="246" y="333"/>
                  <a:pt x="246" y="333"/>
                </a:cubicBezTo>
                <a:cubicBezTo>
                  <a:pt x="243" y="333"/>
                  <a:pt x="241" y="335"/>
                  <a:pt x="241" y="338"/>
                </a:cubicBezTo>
                <a:cubicBezTo>
                  <a:pt x="241" y="338"/>
                  <a:pt x="241" y="338"/>
                  <a:pt x="241" y="338"/>
                </a:cubicBezTo>
                <a:cubicBezTo>
                  <a:pt x="241" y="358"/>
                  <a:pt x="241" y="358"/>
                  <a:pt x="241" y="358"/>
                </a:cubicBezTo>
                <a:cubicBezTo>
                  <a:pt x="241" y="360"/>
                  <a:pt x="243" y="362"/>
                  <a:pt x="246" y="362"/>
                </a:cubicBezTo>
                <a:cubicBezTo>
                  <a:pt x="286" y="362"/>
                  <a:pt x="286" y="362"/>
                  <a:pt x="286" y="362"/>
                </a:cubicBezTo>
                <a:cubicBezTo>
                  <a:pt x="286" y="402"/>
                  <a:pt x="286" y="402"/>
                  <a:pt x="286" y="402"/>
                </a:cubicBezTo>
                <a:cubicBezTo>
                  <a:pt x="286" y="405"/>
                  <a:pt x="288" y="407"/>
                  <a:pt x="290" y="407"/>
                </a:cubicBezTo>
                <a:cubicBezTo>
                  <a:pt x="310" y="407"/>
                  <a:pt x="310" y="407"/>
                  <a:pt x="310" y="407"/>
                </a:cubicBezTo>
                <a:cubicBezTo>
                  <a:pt x="313" y="407"/>
                  <a:pt x="315" y="405"/>
                  <a:pt x="315" y="402"/>
                </a:cubicBezTo>
                <a:cubicBezTo>
                  <a:pt x="315" y="362"/>
                  <a:pt x="315" y="362"/>
                  <a:pt x="315" y="362"/>
                </a:cubicBezTo>
                <a:cubicBezTo>
                  <a:pt x="355" y="362"/>
                  <a:pt x="355" y="362"/>
                  <a:pt x="355" y="362"/>
                </a:cubicBezTo>
                <a:cubicBezTo>
                  <a:pt x="357" y="362"/>
                  <a:pt x="359" y="360"/>
                  <a:pt x="359" y="358"/>
                </a:cubicBezTo>
                <a:close/>
              </a:path>
            </a:pathLst>
          </a:custGeom>
          <a:solidFill>
            <a:schemeClr val="bg1">
              <a:lumMod val="40000"/>
              <a:lumOff val="60000"/>
            </a:schemeClr>
          </a:solidFill>
          <a:ln w="19050">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32" name="Freeform 17">
            <a:extLst>
              <a:ext uri="{FF2B5EF4-FFF2-40B4-BE49-F238E27FC236}">
                <a16:creationId xmlns:a16="http://schemas.microsoft.com/office/drawing/2014/main" xmlns="" id="{3F6F0125-BEFB-4D7D-B661-5A6BDD418B91}"/>
              </a:ext>
            </a:extLst>
          </p:cNvPr>
          <p:cNvSpPr>
            <a:spLocks noChangeAspect="1" noEditPoints="1"/>
          </p:cNvSpPr>
          <p:nvPr/>
        </p:nvSpPr>
        <p:spPr bwMode="auto">
          <a:xfrm>
            <a:off x="4148194" y="2528713"/>
            <a:ext cx="618811" cy="669425"/>
          </a:xfrm>
          <a:custGeom>
            <a:avLst/>
            <a:gdLst/>
            <a:ahLst/>
            <a:cxnLst>
              <a:cxn ang="0">
                <a:pos x="67" y="85"/>
              </a:cxn>
              <a:cxn ang="0">
                <a:pos x="151" y="0"/>
              </a:cxn>
              <a:cxn ang="0">
                <a:pos x="235" y="85"/>
              </a:cxn>
              <a:cxn ang="0">
                <a:pos x="151" y="169"/>
              </a:cxn>
              <a:cxn ang="0">
                <a:pos x="67" y="85"/>
              </a:cxn>
              <a:cxn ang="0">
                <a:pos x="213" y="394"/>
              </a:cxn>
              <a:cxn ang="0">
                <a:pos x="151" y="395"/>
              </a:cxn>
              <a:cxn ang="0">
                <a:pos x="15" y="389"/>
              </a:cxn>
              <a:cxn ang="0">
                <a:pos x="0" y="327"/>
              </a:cxn>
              <a:cxn ang="0">
                <a:pos x="151" y="186"/>
              </a:cxn>
              <a:cxn ang="0">
                <a:pos x="279" y="251"/>
              </a:cxn>
              <a:cxn ang="0">
                <a:pos x="225" y="284"/>
              </a:cxn>
              <a:cxn ang="0">
                <a:pos x="213" y="394"/>
              </a:cxn>
              <a:cxn ang="0">
                <a:pos x="122" y="219"/>
              </a:cxn>
              <a:cxn ang="0">
                <a:pos x="144" y="240"/>
              </a:cxn>
              <a:cxn ang="0">
                <a:pos x="158" y="240"/>
              </a:cxn>
              <a:cxn ang="0">
                <a:pos x="180" y="219"/>
              </a:cxn>
              <a:cxn ang="0">
                <a:pos x="177" y="212"/>
              </a:cxn>
              <a:cxn ang="0">
                <a:pos x="125" y="212"/>
              </a:cxn>
              <a:cxn ang="0">
                <a:pos x="122" y="219"/>
              </a:cxn>
              <a:cxn ang="0">
                <a:pos x="183" y="332"/>
              </a:cxn>
              <a:cxn ang="0">
                <a:pos x="155" y="258"/>
              </a:cxn>
              <a:cxn ang="0">
                <a:pos x="147" y="258"/>
              </a:cxn>
              <a:cxn ang="0">
                <a:pos x="119" y="332"/>
              </a:cxn>
              <a:cxn ang="0">
                <a:pos x="122" y="348"/>
              </a:cxn>
              <a:cxn ang="0">
                <a:pos x="144" y="370"/>
              </a:cxn>
              <a:cxn ang="0">
                <a:pos x="158" y="370"/>
              </a:cxn>
              <a:cxn ang="0">
                <a:pos x="180" y="348"/>
              </a:cxn>
              <a:cxn ang="0">
                <a:pos x="183" y="332"/>
              </a:cxn>
              <a:cxn ang="0">
                <a:pos x="363" y="401"/>
              </a:cxn>
              <a:cxn ang="0">
                <a:pos x="300" y="430"/>
              </a:cxn>
              <a:cxn ang="0">
                <a:pos x="237" y="401"/>
              </a:cxn>
              <a:cxn ang="0">
                <a:pos x="237" y="294"/>
              </a:cxn>
              <a:cxn ang="0">
                <a:pos x="300" y="265"/>
              </a:cxn>
              <a:cxn ang="0">
                <a:pos x="363" y="294"/>
              </a:cxn>
              <a:cxn ang="0">
                <a:pos x="363" y="401"/>
              </a:cxn>
              <a:cxn ang="0">
                <a:pos x="359" y="358"/>
              </a:cxn>
              <a:cxn ang="0">
                <a:pos x="359" y="338"/>
              </a:cxn>
              <a:cxn ang="0">
                <a:pos x="355" y="333"/>
              </a:cxn>
              <a:cxn ang="0">
                <a:pos x="315" y="333"/>
              </a:cxn>
              <a:cxn ang="0">
                <a:pos x="315" y="293"/>
              </a:cxn>
              <a:cxn ang="0">
                <a:pos x="310" y="288"/>
              </a:cxn>
              <a:cxn ang="0">
                <a:pos x="290" y="288"/>
              </a:cxn>
              <a:cxn ang="0">
                <a:pos x="286" y="293"/>
              </a:cxn>
              <a:cxn ang="0">
                <a:pos x="286" y="333"/>
              </a:cxn>
              <a:cxn ang="0">
                <a:pos x="246" y="333"/>
              </a:cxn>
              <a:cxn ang="0">
                <a:pos x="241" y="338"/>
              </a:cxn>
              <a:cxn ang="0">
                <a:pos x="241" y="338"/>
              </a:cxn>
              <a:cxn ang="0">
                <a:pos x="241" y="358"/>
              </a:cxn>
              <a:cxn ang="0">
                <a:pos x="246" y="362"/>
              </a:cxn>
              <a:cxn ang="0">
                <a:pos x="286" y="362"/>
              </a:cxn>
              <a:cxn ang="0">
                <a:pos x="286" y="402"/>
              </a:cxn>
              <a:cxn ang="0">
                <a:pos x="290" y="407"/>
              </a:cxn>
              <a:cxn ang="0">
                <a:pos x="310" y="407"/>
              </a:cxn>
              <a:cxn ang="0">
                <a:pos x="315" y="402"/>
              </a:cxn>
              <a:cxn ang="0">
                <a:pos x="315" y="362"/>
              </a:cxn>
              <a:cxn ang="0">
                <a:pos x="355" y="362"/>
              </a:cxn>
              <a:cxn ang="0">
                <a:pos x="359" y="358"/>
              </a:cxn>
            </a:cxnLst>
            <a:rect l="0" t="0" r="r" b="b"/>
            <a:pathLst>
              <a:path w="389" h="430">
                <a:moveTo>
                  <a:pt x="67" y="85"/>
                </a:moveTo>
                <a:cubicBezTo>
                  <a:pt x="67" y="38"/>
                  <a:pt x="105" y="0"/>
                  <a:pt x="151" y="0"/>
                </a:cubicBezTo>
                <a:cubicBezTo>
                  <a:pt x="198" y="0"/>
                  <a:pt x="235" y="38"/>
                  <a:pt x="235" y="85"/>
                </a:cubicBezTo>
                <a:cubicBezTo>
                  <a:pt x="235" y="131"/>
                  <a:pt x="198" y="169"/>
                  <a:pt x="151" y="169"/>
                </a:cubicBezTo>
                <a:cubicBezTo>
                  <a:pt x="105" y="169"/>
                  <a:pt x="67" y="131"/>
                  <a:pt x="67" y="85"/>
                </a:cubicBezTo>
                <a:close/>
                <a:moveTo>
                  <a:pt x="213" y="394"/>
                </a:moveTo>
                <a:cubicBezTo>
                  <a:pt x="193" y="395"/>
                  <a:pt x="172" y="395"/>
                  <a:pt x="151" y="395"/>
                </a:cubicBezTo>
                <a:cubicBezTo>
                  <a:pt x="104" y="395"/>
                  <a:pt x="59" y="393"/>
                  <a:pt x="15" y="389"/>
                </a:cubicBezTo>
                <a:cubicBezTo>
                  <a:pt x="5" y="370"/>
                  <a:pt x="0" y="349"/>
                  <a:pt x="0" y="327"/>
                </a:cubicBezTo>
                <a:cubicBezTo>
                  <a:pt x="0" y="249"/>
                  <a:pt x="67" y="186"/>
                  <a:pt x="151" y="186"/>
                </a:cubicBezTo>
                <a:cubicBezTo>
                  <a:pt x="205" y="186"/>
                  <a:pt x="252" y="212"/>
                  <a:pt x="279" y="251"/>
                </a:cubicBezTo>
                <a:cubicBezTo>
                  <a:pt x="258" y="256"/>
                  <a:pt x="239" y="267"/>
                  <a:pt x="225" y="284"/>
                </a:cubicBezTo>
                <a:cubicBezTo>
                  <a:pt x="199" y="315"/>
                  <a:pt x="195" y="359"/>
                  <a:pt x="213" y="394"/>
                </a:cubicBezTo>
                <a:close/>
                <a:moveTo>
                  <a:pt x="122" y="219"/>
                </a:moveTo>
                <a:cubicBezTo>
                  <a:pt x="144" y="240"/>
                  <a:pt x="144" y="240"/>
                  <a:pt x="144" y="240"/>
                </a:cubicBezTo>
                <a:cubicBezTo>
                  <a:pt x="148" y="244"/>
                  <a:pt x="154" y="244"/>
                  <a:pt x="158" y="240"/>
                </a:cubicBezTo>
                <a:cubicBezTo>
                  <a:pt x="180" y="219"/>
                  <a:pt x="180" y="219"/>
                  <a:pt x="180" y="219"/>
                </a:cubicBezTo>
                <a:cubicBezTo>
                  <a:pt x="184" y="215"/>
                  <a:pt x="182" y="212"/>
                  <a:pt x="177" y="212"/>
                </a:cubicBezTo>
                <a:cubicBezTo>
                  <a:pt x="125" y="212"/>
                  <a:pt x="125" y="212"/>
                  <a:pt x="125" y="212"/>
                </a:cubicBezTo>
                <a:cubicBezTo>
                  <a:pt x="120" y="212"/>
                  <a:pt x="118" y="215"/>
                  <a:pt x="122" y="219"/>
                </a:cubicBezTo>
                <a:close/>
                <a:moveTo>
                  <a:pt x="183" y="332"/>
                </a:moveTo>
                <a:cubicBezTo>
                  <a:pt x="155" y="258"/>
                  <a:pt x="155" y="258"/>
                  <a:pt x="155" y="258"/>
                </a:cubicBezTo>
                <a:cubicBezTo>
                  <a:pt x="153" y="253"/>
                  <a:pt x="149" y="253"/>
                  <a:pt x="147" y="258"/>
                </a:cubicBezTo>
                <a:cubicBezTo>
                  <a:pt x="119" y="332"/>
                  <a:pt x="119" y="332"/>
                  <a:pt x="119" y="332"/>
                </a:cubicBezTo>
                <a:cubicBezTo>
                  <a:pt x="117" y="337"/>
                  <a:pt x="118" y="344"/>
                  <a:pt x="122" y="348"/>
                </a:cubicBezTo>
                <a:cubicBezTo>
                  <a:pt x="144" y="370"/>
                  <a:pt x="144" y="370"/>
                  <a:pt x="144" y="370"/>
                </a:cubicBezTo>
                <a:cubicBezTo>
                  <a:pt x="148" y="374"/>
                  <a:pt x="154" y="374"/>
                  <a:pt x="158" y="370"/>
                </a:cubicBezTo>
                <a:cubicBezTo>
                  <a:pt x="180" y="348"/>
                  <a:pt x="180" y="348"/>
                  <a:pt x="180" y="348"/>
                </a:cubicBezTo>
                <a:cubicBezTo>
                  <a:pt x="184" y="344"/>
                  <a:pt x="185" y="337"/>
                  <a:pt x="183" y="332"/>
                </a:cubicBezTo>
                <a:close/>
                <a:moveTo>
                  <a:pt x="363" y="401"/>
                </a:moveTo>
                <a:cubicBezTo>
                  <a:pt x="346" y="420"/>
                  <a:pt x="323" y="430"/>
                  <a:pt x="300" y="430"/>
                </a:cubicBezTo>
                <a:cubicBezTo>
                  <a:pt x="277" y="430"/>
                  <a:pt x="254" y="420"/>
                  <a:pt x="237" y="401"/>
                </a:cubicBezTo>
                <a:cubicBezTo>
                  <a:pt x="211" y="371"/>
                  <a:pt x="211" y="325"/>
                  <a:pt x="237" y="294"/>
                </a:cubicBezTo>
                <a:cubicBezTo>
                  <a:pt x="254" y="275"/>
                  <a:pt x="277" y="265"/>
                  <a:pt x="300" y="265"/>
                </a:cubicBezTo>
                <a:cubicBezTo>
                  <a:pt x="323" y="265"/>
                  <a:pt x="346" y="275"/>
                  <a:pt x="363" y="294"/>
                </a:cubicBezTo>
                <a:cubicBezTo>
                  <a:pt x="389" y="325"/>
                  <a:pt x="389" y="370"/>
                  <a:pt x="363" y="401"/>
                </a:cubicBezTo>
                <a:close/>
                <a:moveTo>
                  <a:pt x="359" y="358"/>
                </a:moveTo>
                <a:cubicBezTo>
                  <a:pt x="359" y="338"/>
                  <a:pt x="359" y="338"/>
                  <a:pt x="359" y="338"/>
                </a:cubicBezTo>
                <a:cubicBezTo>
                  <a:pt x="359" y="335"/>
                  <a:pt x="357" y="333"/>
                  <a:pt x="355" y="333"/>
                </a:cubicBezTo>
                <a:cubicBezTo>
                  <a:pt x="315" y="333"/>
                  <a:pt x="315" y="333"/>
                  <a:pt x="315" y="333"/>
                </a:cubicBezTo>
                <a:cubicBezTo>
                  <a:pt x="315" y="293"/>
                  <a:pt x="315" y="293"/>
                  <a:pt x="315" y="293"/>
                </a:cubicBezTo>
                <a:cubicBezTo>
                  <a:pt x="315" y="290"/>
                  <a:pt x="313" y="288"/>
                  <a:pt x="310" y="288"/>
                </a:cubicBezTo>
                <a:cubicBezTo>
                  <a:pt x="290" y="288"/>
                  <a:pt x="290" y="288"/>
                  <a:pt x="290" y="288"/>
                </a:cubicBezTo>
                <a:cubicBezTo>
                  <a:pt x="288" y="288"/>
                  <a:pt x="286" y="290"/>
                  <a:pt x="286" y="293"/>
                </a:cubicBezTo>
                <a:cubicBezTo>
                  <a:pt x="286" y="333"/>
                  <a:pt x="286" y="333"/>
                  <a:pt x="286" y="333"/>
                </a:cubicBezTo>
                <a:cubicBezTo>
                  <a:pt x="246" y="333"/>
                  <a:pt x="246" y="333"/>
                  <a:pt x="246" y="333"/>
                </a:cubicBezTo>
                <a:cubicBezTo>
                  <a:pt x="243" y="333"/>
                  <a:pt x="241" y="335"/>
                  <a:pt x="241" y="338"/>
                </a:cubicBezTo>
                <a:cubicBezTo>
                  <a:pt x="241" y="338"/>
                  <a:pt x="241" y="338"/>
                  <a:pt x="241" y="338"/>
                </a:cubicBezTo>
                <a:cubicBezTo>
                  <a:pt x="241" y="358"/>
                  <a:pt x="241" y="358"/>
                  <a:pt x="241" y="358"/>
                </a:cubicBezTo>
                <a:cubicBezTo>
                  <a:pt x="241" y="360"/>
                  <a:pt x="243" y="362"/>
                  <a:pt x="246" y="362"/>
                </a:cubicBezTo>
                <a:cubicBezTo>
                  <a:pt x="286" y="362"/>
                  <a:pt x="286" y="362"/>
                  <a:pt x="286" y="362"/>
                </a:cubicBezTo>
                <a:cubicBezTo>
                  <a:pt x="286" y="402"/>
                  <a:pt x="286" y="402"/>
                  <a:pt x="286" y="402"/>
                </a:cubicBezTo>
                <a:cubicBezTo>
                  <a:pt x="286" y="405"/>
                  <a:pt x="288" y="407"/>
                  <a:pt x="290" y="407"/>
                </a:cubicBezTo>
                <a:cubicBezTo>
                  <a:pt x="310" y="407"/>
                  <a:pt x="310" y="407"/>
                  <a:pt x="310" y="407"/>
                </a:cubicBezTo>
                <a:cubicBezTo>
                  <a:pt x="313" y="407"/>
                  <a:pt x="315" y="405"/>
                  <a:pt x="315" y="402"/>
                </a:cubicBezTo>
                <a:cubicBezTo>
                  <a:pt x="315" y="362"/>
                  <a:pt x="315" y="362"/>
                  <a:pt x="315" y="362"/>
                </a:cubicBezTo>
                <a:cubicBezTo>
                  <a:pt x="355" y="362"/>
                  <a:pt x="355" y="362"/>
                  <a:pt x="355" y="362"/>
                </a:cubicBezTo>
                <a:cubicBezTo>
                  <a:pt x="357" y="362"/>
                  <a:pt x="359" y="360"/>
                  <a:pt x="359" y="358"/>
                </a:cubicBezTo>
                <a:close/>
              </a:path>
            </a:pathLst>
          </a:custGeom>
          <a:solidFill>
            <a:schemeClr val="bg1">
              <a:lumMod val="40000"/>
              <a:lumOff val="60000"/>
            </a:schemeClr>
          </a:solidFill>
          <a:ln w="19050">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grpSp>
        <p:nvGrpSpPr>
          <p:cNvPr id="134" name="组合 133">
            <a:extLst>
              <a:ext uri="{FF2B5EF4-FFF2-40B4-BE49-F238E27FC236}">
                <a16:creationId xmlns:a16="http://schemas.microsoft.com/office/drawing/2014/main" xmlns="" id="{DD574407-2B6B-4FF8-B062-D3C3327EA9D4}"/>
              </a:ext>
            </a:extLst>
          </p:cNvPr>
          <p:cNvGrpSpPr>
            <a:grpSpLocks noChangeAspect="1"/>
          </p:cNvGrpSpPr>
          <p:nvPr/>
        </p:nvGrpSpPr>
        <p:grpSpPr>
          <a:xfrm>
            <a:off x="3333387" y="4047861"/>
            <a:ext cx="370003" cy="450823"/>
            <a:chOff x="1397953" y="4507548"/>
            <a:chExt cx="579437" cy="663575"/>
          </a:xfrm>
          <a:solidFill>
            <a:schemeClr val="bg1">
              <a:lumMod val="40000"/>
              <a:lumOff val="60000"/>
            </a:schemeClr>
          </a:solidFill>
        </p:grpSpPr>
        <p:sp>
          <p:nvSpPr>
            <p:cNvPr id="135" name="Freeform 1356">
              <a:extLst>
                <a:ext uri="{FF2B5EF4-FFF2-40B4-BE49-F238E27FC236}">
                  <a16:creationId xmlns:a16="http://schemas.microsoft.com/office/drawing/2014/main" xmlns="" id="{2EC5F786-EC42-4326-9B50-7792DB9B70B1}"/>
                </a:ext>
              </a:extLst>
            </p:cNvPr>
            <p:cNvSpPr>
              <a:spLocks/>
            </p:cNvSpPr>
            <p:nvPr/>
          </p:nvSpPr>
          <p:spPr bwMode="auto">
            <a:xfrm>
              <a:off x="1517015" y="4507548"/>
              <a:ext cx="460375" cy="588963"/>
            </a:xfrm>
            <a:custGeom>
              <a:avLst/>
              <a:gdLst/>
              <a:ahLst/>
              <a:cxnLst>
                <a:cxn ang="0">
                  <a:pos x="222" y="354"/>
                </a:cxn>
                <a:cxn ang="0">
                  <a:pos x="222" y="340"/>
                </a:cxn>
                <a:cxn ang="0">
                  <a:pos x="29" y="340"/>
                </a:cxn>
                <a:cxn ang="0">
                  <a:pos x="29" y="30"/>
                </a:cxn>
                <a:cxn ang="0">
                  <a:pos x="259" y="30"/>
                </a:cxn>
                <a:cxn ang="0">
                  <a:pos x="259" y="297"/>
                </a:cxn>
                <a:cxn ang="0">
                  <a:pos x="212" y="344"/>
                </a:cxn>
                <a:cxn ang="0">
                  <a:pos x="222" y="354"/>
                </a:cxn>
                <a:cxn ang="0">
                  <a:pos x="222" y="340"/>
                </a:cxn>
                <a:cxn ang="0">
                  <a:pos x="222" y="354"/>
                </a:cxn>
                <a:cxn ang="0">
                  <a:pos x="233" y="367"/>
                </a:cxn>
                <a:cxn ang="0">
                  <a:pos x="290" y="312"/>
                </a:cxn>
                <a:cxn ang="0">
                  <a:pos x="290" y="0"/>
                </a:cxn>
                <a:cxn ang="0">
                  <a:pos x="0" y="0"/>
                </a:cxn>
                <a:cxn ang="0">
                  <a:pos x="0" y="371"/>
                </a:cxn>
                <a:cxn ang="0">
                  <a:pos x="229" y="371"/>
                </a:cxn>
                <a:cxn ang="0">
                  <a:pos x="233" y="367"/>
                </a:cxn>
                <a:cxn ang="0">
                  <a:pos x="222" y="354"/>
                </a:cxn>
              </a:cxnLst>
              <a:rect l="0" t="0" r="r" b="b"/>
              <a:pathLst>
                <a:path w="290" h="371">
                  <a:moveTo>
                    <a:pt x="222" y="354"/>
                  </a:moveTo>
                  <a:lnTo>
                    <a:pt x="222" y="340"/>
                  </a:lnTo>
                  <a:lnTo>
                    <a:pt x="29" y="340"/>
                  </a:lnTo>
                  <a:lnTo>
                    <a:pt x="29" y="30"/>
                  </a:lnTo>
                  <a:lnTo>
                    <a:pt x="259" y="30"/>
                  </a:lnTo>
                  <a:lnTo>
                    <a:pt x="259" y="297"/>
                  </a:lnTo>
                  <a:lnTo>
                    <a:pt x="212" y="344"/>
                  </a:lnTo>
                  <a:lnTo>
                    <a:pt x="222" y="354"/>
                  </a:lnTo>
                  <a:lnTo>
                    <a:pt x="222" y="340"/>
                  </a:lnTo>
                  <a:lnTo>
                    <a:pt x="222" y="354"/>
                  </a:lnTo>
                  <a:lnTo>
                    <a:pt x="233" y="367"/>
                  </a:lnTo>
                  <a:lnTo>
                    <a:pt x="290" y="312"/>
                  </a:lnTo>
                  <a:lnTo>
                    <a:pt x="290" y="0"/>
                  </a:lnTo>
                  <a:lnTo>
                    <a:pt x="0" y="0"/>
                  </a:lnTo>
                  <a:lnTo>
                    <a:pt x="0" y="371"/>
                  </a:lnTo>
                  <a:lnTo>
                    <a:pt x="229" y="371"/>
                  </a:lnTo>
                  <a:lnTo>
                    <a:pt x="233" y="367"/>
                  </a:lnTo>
                  <a:lnTo>
                    <a:pt x="222" y="354"/>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36" name="Freeform 1360">
              <a:extLst>
                <a:ext uri="{FF2B5EF4-FFF2-40B4-BE49-F238E27FC236}">
                  <a16:creationId xmlns:a16="http://schemas.microsoft.com/office/drawing/2014/main" xmlns="" id="{334C2274-D97D-42A9-A60E-B0C7574FEF15}"/>
                </a:ext>
              </a:extLst>
            </p:cNvPr>
            <p:cNvSpPr>
              <a:spLocks/>
            </p:cNvSpPr>
            <p:nvPr/>
          </p:nvSpPr>
          <p:spPr bwMode="auto">
            <a:xfrm>
              <a:off x="1851977" y="4975860"/>
              <a:ext cx="96838" cy="96838"/>
            </a:xfrm>
            <a:custGeom>
              <a:avLst/>
              <a:gdLst/>
              <a:ahLst/>
              <a:cxnLst>
                <a:cxn ang="0">
                  <a:pos x="61" y="0"/>
                </a:cxn>
                <a:cxn ang="0">
                  <a:pos x="0" y="0"/>
                </a:cxn>
                <a:cxn ang="0">
                  <a:pos x="0" y="61"/>
                </a:cxn>
                <a:cxn ang="0">
                  <a:pos x="12" y="61"/>
                </a:cxn>
                <a:cxn ang="0">
                  <a:pos x="10" y="11"/>
                </a:cxn>
                <a:cxn ang="0">
                  <a:pos x="61" y="11"/>
                </a:cxn>
                <a:cxn ang="0">
                  <a:pos x="61" y="0"/>
                </a:cxn>
                <a:cxn ang="0">
                  <a:pos x="61" y="0"/>
                </a:cxn>
              </a:cxnLst>
              <a:rect l="0" t="0" r="r" b="b"/>
              <a:pathLst>
                <a:path w="61" h="61">
                  <a:moveTo>
                    <a:pt x="61" y="0"/>
                  </a:moveTo>
                  <a:lnTo>
                    <a:pt x="0" y="0"/>
                  </a:lnTo>
                  <a:lnTo>
                    <a:pt x="0" y="61"/>
                  </a:lnTo>
                  <a:lnTo>
                    <a:pt x="12" y="61"/>
                  </a:lnTo>
                  <a:lnTo>
                    <a:pt x="10" y="11"/>
                  </a:lnTo>
                  <a:lnTo>
                    <a:pt x="61" y="11"/>
                  </a:lnTo>
                  <a:lnTo>
                    <a:pt x="61" y="0"/>
                  </a:lnTo>
                  <a:lnTo>
                    <a:pt x="61"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37" name="Freeform 1361">
              <a:extLst>
                <a:ext uri="{FF2B5EF4-FFF2-40B4-BE49-F238E27FC236}">
                  <a16:creationId xmlns:a16="http://schemas.microsoft.com/office/drawing/2014/main" xmlns="" id="{5950AEE2-74CE-44D6-B659-299691AE713F}"/>
                </a:ext>
              </a:extLst>
            </p:cNvPr>
            <p:cNvSpPr>
              <a:spLocks/>
            </p:cNvSpPr>
            <p:nvPr/>
          </p:nvSpPr>
          <p:spPr bwMode="auto">
            <a:xfrm>
              <a:off x="1620203" y="462343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38" name="Line 1362">
              <a:extLst>
                <a:ext uri="{FF2B5EF4-FFF2-40B4-BE49-F238E27FC236}">
                  <a16:creationId xmlns:a16="http://schemas.microsoft.com/office/drawing/2014/main" xmlns="" id="{9C1AF763-36A8-4E25-AA68-95C47C528322}"/>
                </a:ext>
              </a:extLst>
            </p:cNvPr>
            <p:cNvSpPr>
              <a:spLocks noChangeShapeType="1"/>
            </p:cNvSpPr>
            <p:nvPr/>
          </p:nvSpPr>
          <p:spPr bwMode="auto">
            <a:xfrm>
              <a:off x="1620203" y="462343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39" name="Rectangle 1363">
              <a:extLst>
                <a:ext uri="{FF2B5EF4-FFF2-40B4-BE49-F238E27FC236}">
                  <a16:creationId xmlns:a16="http://schemas.microsoft.com/office/drawing/2014/main" xmlns="" id="{585B93F0-562F-4BA5-B59C-F352D1CDEF1D}"/>
                </a:ext>
              </a:extLst>
            </p:cNvPr>
            <p:cNvSpPr>
              <a:spLocks noChangeArrowheads="1"/>
            </p:cNvSpPr>
            <p:nvPr/>
          </p:nvSpPr>
          <p:spPr bwMode="auto">
            <a:xfrm>
              <a:off x="1620203" y="461708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0" name="Freeform 1364">
              <a:extLst>
                <a:ext uri="{FF2B5EF4-FFF2-40B4-BE49-F238E27FC236}">
                  <a16:creationId xmlns:a16="http://schemas.microsoft.com/office/drawing/2014/main" xmlns="" id="{B192EC22-0EAD-447C-ACAA-B466A13E4E9C}"/>
                </a:ext>
              </a:extLst>
            </p:cNvPr>
            <p:cNvSpPr>
              <a:spLocks/>
            </p:cNvSpPr>
            <p:nvPr/>
          </p:nvSpPr>
          <p:spPr bwMode="auto">
            <a:xfrm>
              <a:off x="1620203" y="4617085"/>
              <a:ext cx="255588" cy="9525"/>
            </a:xfrm>
            <a:custGeom>
              <a:avLst/>
              <a:gdLst/>
              <a:ahLst/>
              <a:cxnLst>
                <a:cxn ang="0">
                  <a:pos x="0" y="6"/>
                </a:cxn>
                <a:cxn ang="0">
                  <a:pos x="161" y="6"/>
                </a:cxn>
                <a:cxn ang="0">
                  <a:pos x="161" y="0"/>
                </a:cxn>
                <a:cxn ang="0">
                  <a:pos x="0" y="0"/>
                </a:cxn>
              </a:cxnLst>
              <a:rect l="0" t="0" r="r" b="b"/>
              <a:pathLst>
                <a:path w="161" h="6">
                  <a:moveTo>
                    <a:pt x="0" y="6"/>
                  </a:moveTo>
                  <a:lnTo>
                    <a:pt x="161" y="6"/>
                  </a:lnTo>
                  <a:lnTo>
                    <a:pt x="161" y="0"/>
                  </a:lnTo>
                  <a:lnTo>
                    <a:pt x="0" y="0"/>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1" name="Freeform 1365">
              <a:extLst>
                <a:ext uri="{FF2B5EF4-FFF2-40B4-BE49-F238E27FC236}">
                  <a16:creationId xmlns:a16="http://schemas.microsoft.com/office/drawing/2014/main" xmlns="" id="{166ECB64-71E4-4283-AAB7-3114058BE228}"/>
                </a:ext>
              </a:extLst>
            </p:cNvPr>
            <p:cNvSpPr>
              <a:spLocks/>
            </p:cNvSpPr>
            <p:nvPr/>
          </p:nvSpPr>
          <p:spPr bwMode="auto">
            <a:xfrm>
              <a:off x="1620203" y="4688523"/>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2" name="Line 1366">
              <a:extLst>
                <a:ext uri="{FF2B5EF4-FFF2-40B4-BE49-F238E27FC236}">
                  <a16:creationId xmlns:a16="http://schemas.microsoft.com/office/drawing/2014/main" xmlns="" id="{9D989F5B-2D39-4285-B1B3-6E126786ED3C}"/>
                </a:ext>
              </a:extLst>
            </p:cNvPr>
            <p:cNvSpPr>
              <a:spLocks noChangeShapeType="1"/>
            </p:cNvSpPr>
            <p:nvPr/>
          </p:nvSpPr>
          <p:spPr bwMode="auto">
            <a:xfrm>
              <a:off x="1620203" y="4688523"/>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3" name="Rectangle 1367">
              <a:extLst>
                <a:ext uri="{FF2B5EF4-FFF2-40B4-BE49-F238E27FC236}">
                  <a16:creationId xmlns:a16="http://schemas.microsoft.com/office/drawing/2014/main" xmlns="" id="{3ED87FCC-3FBC-4F9B-8394-30DF30A0154A}"/>
                </a:ext>
              </a:extLst>
            </p:cNvPr>
            <p:cNvSpPr>
              <a:spLocks noChangeArrowheads="1"/>
            </p:cNvSpPr>
            <p:nvPr/>
          </p:nvSpPr>
          <p:spPr bwMode="auto">
            <a:xfrm>
              <a:off x="1620203" y="468534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4" name="Freeform 1369">
              <a:extLst>
                <a:ext uri="{FF2B5EF4-FFF2-40B4-BE49-F238E27FC236}">
                  <a16:creationId xmlns:a16="http://schemas.microsoft.com/office/drawing/2014/main" xmlns="" id="{FDB5F069-561D-49F7-A0E1-C96FA6C7A1EA}"/>
                </a:ext>
              </a:extLst>
            </p:cNvPr>
            <p:cNvSpPr>
              <a:spLocks/>
            </p:cNvSpPr>
            <p:nvPr/>
          </p:nvSpPr>
          <p:spPr bwMode="auto">
            <a:xfrm>
              <a:off x="1620203" y="47567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5" name="Line 1370">
              <a:extLst>
                <a:ext uri="{FF2B5EF4-FFF2-40B4-BE49-F238E27FC236}">
                  <a16:creationId xmlns:a16="http://schemas.microsoft.com/office/drawing/2014/main" xmlns="" id="{E8CAB0BE-5EE0-41FF-9FC5-ADF081DD5565}"/>
                </a:ext>
              </a:extLst>
            </p:cNvPr>
            <p:cNvSpPr>
              <a:spLocks noChangeShapeType="1"/>
            </p:cNvSpPr>
            <p:nvPr/>
          </p:nvSpPr>
          <p:spPr bwMode="auto">
            <a:xfrm>
              <a:off x="1620203" y="47567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6" name="Rectangle 1371">
              <a:extLst>
                <a:ext uri="{FF2B5EF4-FFF2-40B4-BE49-F238E27FC236}">
                  <a16:creationId xmlns:a16="http://schemas.microsoft.com/office/drawing/2014/main" xmlns="" id="{500708E1-908D-4825-855B-AACD4A5F4ED7}"/>
                </a:ext>
              </a:extLst>
            </p:cNvPr>
            <p:cNvSpPr>
              <a:spLocks noChangeArrowheads="1"/>
            </p:cNvSpPr>
            <p:nvPr/>
          </p:nvSpPr>
          <p:spPr bwMode="auto">
            <a:xfrm>
              <a:off x="1620203" y="475043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7" name="Freeform 1373">
              <a:extLst>
                <a:ext uri="{FF2B5EF4-FFF2-40B4-BE49-F238E27FC236}">
                  <a16:creationId xmlns:a16="http://schemas.microsoft.com/office/drawing/2014/main" xmlns="" id="{325BBF29-9448-4DA9-83D3-DF5AB5B84639}"/>
                </a:ext>
              </a:extLst>
            </p:cNvPr>
            <p:cNvSpPr>
              <a:spLocks/>
            </p:cNvSpPr>
            <p:nvPr/>
          </p:nvSpPr>
          <p:spPr bwMode="auto">
            <a:xfrm>
              <a:off x="1620203" y="48202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8" name="Line 1374">
              <a:extLst>
                <a:ext uri="{FF2B5EF4-FFF2-40B4-BE49-F238E27FC236}">
                  <a16:creationId xmlns:a16="http://schemas.microsoft.com/office/drawing/2014/main" xmlns="" id="{B1E60B50-D9AF-4E9C-9C0D-56CB2E87090F}"/>
                </a:ext>
              </a:extLst>
            </p:cNvPr>
            <p:cNvSpPr>
              <a:spLocks noChangeShapeType="1"/>
            </p:cNvSpPr>
            <p:nvPr/>
          </p:nvSpPr>
          <p:spPr bwMode="auto">
            <a:xfrm>
              <a:off x="1620203" y="48202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49" name="Rectangle 1375">
              <a:extLst>
                <a:ext uri="{FF2B5EF4-FFF2-40B4-BE49-F238E27FC236}">
                  <a16:creationId xmlns:a16="http://schemas.microsoft.com/office/drawing/2014/main" xmlns="" id="{A5B3F39A-0AB1-43AF-87CC-52BC3A735349}"/>
                </a:ext>
              </a:extLst>
            </p:cNvPr>
            <p:cNvSpPr>
              <a:spLocks noChangeArrowheads="1"/>
            </p:cNvSpPr>
            <p:nvPr/>
          </p:nvSpPr>
          <p:spPr bwMode="auto">
            <a:xfrm>
              <a:off x="1620203" y="4817110"/>
              <a:ext cx="255588" cy="11113"/>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50" name="Freeform 1377">
              <a:extLst>
                <a:ext uri="{FF2B5EF4-FFF2-40B4-BE49-F238E27FC236}">
                  <a16:creationId xmlns:a16="http://schemas.microsoft.com/office/drawing/2014/main" xmlns="" id="{DBE1255C-99EC-467A-9E98-65EF3E1771BB}"/>
                </a:ext>
              </a:extLst>
            </p:cNvPr>
            <p:cNvSpPr>
              <a:spLocks/>
            </p:cNvSpPr>
            <p:nvPr/>
          </p:nvSpPr>
          <p:spPr bwMode="auto">
            <a:xfrm>
              <a:off x="1620203" y="4888548"/>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51" name="Line 1378">
              <a:extLst>
                <a:ext uri="{FF2B5EF4-FFF2-40B4-BE49-F238E27FC236}">
                  <a16:creationId xmlns:a16="http://schemas.microsoft.com/office/drawing/2014/main" xmlns="" id="{DA4F0717-7EE1-4039-A49C-035D3473D383}"/>
                </a:ext>
              </a:extLst>
            </p:cNvPr>
            <p:cNvSpPr>
              <a:spLocks noChangeShapeType="1"/>
            </p:cNvSpPr>
            <p:nvPr/>
          </p:nvSpPr>
          <p:spPr bwMode="auto">
            <a:xfrm>
              <a:off x="1620203" y="4888548"/>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52" name="Rectangle 1379">
              <a:extLst>
                <a:ext uri="{FF2B5EF4-FFF2-40B4-BE49-F238E27FC236}">
                  <a16:creationId xmlns:a16="http://schemas.microsoft.com/office/drawing/2014/main" xmlns="" id="{A807D9AD-9A25-456E-8059-EC31610565D4}"/>
                </a:ext>
              </a:extLst>
            </p:cNvPr>
            <p:cNvSpPr>
              <a:spLocks noChangeArrowheads="1"/>
            </p:cNvSpPr>
            <p:nvPr/>
          </p:nvSpPr>
          <p:spPr bwMode="auto">
            <a:xfrm>
              <a:off x="1620203" y="488219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sp>
          <p:nvSpPr>
            <p:cNvPr id="153" name="Freeform 1382">
              <a:extLst>
                <a:ext uri="{FF2B5EF4-FFF2-40B4-BE49-F238E27FC236}">
                  <a16:creationId xmlns:a16="http://schemas.microsoft.com/office/drawing/2014/main" xmlns="" id="{FB903CD8-84C0-4C11-9177-7F853E0EA736}"/>
                </a:ext>
              </a:extLst>
            </p:cNvPr>
            <p:cNvSpPr>
              <a:spLocks/>
            </p:cNvSpPr>
            <p:nvPr/>
          </p:nvSpPr>
          <p:spPr bwMode="auto">
            <a:xfrm flipV="1">
              <a:off x="1397953" y="4821873"/>
              <a:ext cx="280988" cy="349250"/>
            </a:xfrm>
            <a:custGeom>
              <a:avLst/>
              <a:gdLst/>
              <a:ahLst/>
              <a:cxnLst>
                <a:cxn ang="0">
                  <a:pos x="83" y="2"/>
                </a:cxn>
                <a:cxn ang="0">
                  <a:pos x="83" y="2"/>
                </a:cxn>
                <a:cxn ang="0">
                  <a:pos x="88" y="0"/>
                </a:cxn>
                <a:cxn ang="0">
                  <a:pos x="94" y="2"/>
                </a:cxn>
                <a:cxn ang="0">
                  <a:pos x="177" y="100"/>
                </a:cxn>
                <a:cxn ang="0">
                  <a:pos x="177" y="100"/>
                </a:cxn>
                <a:cxn ang="0">
                  <a:pos x="177" y="104"/>
                </a:cxn>
                <a:cxn ang="0">
                  <a:pos x="173" y="106"/>
                </a:cxn>
                <a:cxn ang="0">
                  <a:pos x="155" y="106"/>
                </a:cxn>
                <a:cxn ang="0">
                  <a:pos x="155" y="106"/>
                </a:cxn>
                <a:cxn ang="0">
                  <a:pos x="151" y="108"/>
                </a:cxn>
                <a:cxn ang="0">
                  <a:pos x="149" y="112"/>
                </a:cxn>
                <a:cxn ang="0">
                  <a:pos x="149" y="212"/>
                </a:cxn>
                <a:cxn ang="0">
                  <a:pos x="149" y="212"/>
                </a:cxn>
                <a:cxn ang="0">
                  <a:pos x="147" y="218"/>
                </a:cxn>
                <a:cxn ang="0">
                  <a:pos x="141" y="220"/>
                </a:cxn>
                <a:cxn ang="0">
                  <a:pos x="37" y="220"/>
                </a:cxn>
                <a:cxn ang="0">
                  <a:pos x="37" y="220"/>
                </a:cxn>
                <a:cxn ang="0">
                  <a:pos x="30" y="218"/>
                </a:cxn>
                <a:cxn ang="0">
                  <a:pos x="28" y="212"/>
                </a:cxn>
                <a:cxn ang="0">
                  <a:pos x="28" y="112"/>
                </a:cxn>
                <a:cxn ang="0">
                  <a:pos x="28" y="112"/>
                </a:cxn>
                <a:cxn ang="0">
                  <a:pos x="26" y="108"/>
                </a:cxn>
                <a:cxn ang="0">
                  <a:pos x="22" y="106"/>
                </a:cxn>
                <a:cxn ang="0">
                  <a:pos x="4" y="106"/>
                </a:cxn>
                <a:cxn ang="0">
                  <a:pos x="4" y="106"/>
                </a:cxn>
                <a:cxn ang="0">
                  <a:pos x="0" y="104"/>
                </a:cxn>
                <a:cxn ang="0">
                  <a:pos x="0" y="100"/>
                </a:cxn>
                <a:cxn ang="0">
                  <a:pos x="83" y="2"/>
                </a:cxn>
              </a:cxnLst>
              <a:rect l="0" t="0" r="r" b="b"/>
              <a:pathLst>
                <a:path w="177" h="220">
                  <a:moveTo>
                    <a:pt x="83" y="2"/>
                  </a:moveTo>
                  <a:lnTo>
                    <a:pt x="83" y="2"/>
                  </a:lnTo>
                  <a:lnTo>
                    <a:pt x="88" y="0"/>
                  </a:lnTo>
                  <a:lnTo>
                    <a:pt x="94" y="2"/>
                  </a:lnTo>
                  <a:lnTo>
                    <a:pt x="177" y="100"/>
                  </a:lnTo>
                  <a:lnTo>
                    <a:pt x="177" y="100"/>
                  </a:lnTo>
                  <a:lnTo>
                    <a:pt x="177" y="104"/>
                  </a:lnTo>
                  <a:lnTo>
                    <a:pt x="173" y="106"/>
                  </a:lnTo>
                  <a:lnTo>
                    <a:pt x="155" y="106"/>
                  </a:lnTo>
                  <a:lnTo>
                    <a:pt x="155" y="106"/>
                  </a:lnTo>
                  <a:lnTo>
                    <a:pt x="151" y="108"/>
                  </a:lnTo>
                  <a:lnTo>
                    <a:pt x="149" y="112"/>
                  </a:lnTo>
                  <a:lnTo>
                    <a:pt x="149" y="212"/>
                  </a:lnTo>
                  <a:lnTo>
                    <a:pt x="149" y="212"/>
                  </a:lnTo>
                  <a:lnTo>
                    <a:pt x="147" y="218"/>
                  </a:lnTo>
                  <a:lnTo>
                    <a:pt x="141" y="220"/>
                  </a:lnTo>
                  <a:lnTo>
                    <a:pt x="37" y="220"/>
                  </a:lnTo>
                  <a:lnTo>
                    <a:pt x="37" y="220"/>
                  </a:lnTo>
                  <a:lnTo>
                    <a:pt x="30" y="218"/>
                  </a:lnTo>
                  <a:lnTo>
                    <a:pt x="28" y="212"/>
                  </a:lnTo>
                  <a:lnTo>
                    <a:pt x="28" y="112"/>
                  </a:lnTo>
                  <a:lnTo>
                    <a:pt x="28" y="112"/>
                  </a:lnTo>
                  <a:lnTo>
                    <a:pt x="26" y="108"/>
                  </a:lnTo>
                  <a:lnTo>
                    <a:pt x="22" y="106"/>
                  </a:lnTo>
                  <a:lnTo>
                    <a:pt x="4" y="106"/>
                  </a:lnTo>
                  <a:lnTo>
                    <a:pt x="4" y="106"/>
                  </a:lnTo>
                  <a:lnTo>
                    <a:pt x="0" y="104"/>
                  </a:lnTo>
                  <a:lnTo>
                    <a:pt x="0" y="100"/>
                  </a:lnTo>
                  <a:lnTo>
                    <a:pt x="83" y="2"/>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624919" fontAlgn="ctr">
                <a:defRPr/>
              </a:pPr>
              <a:endParaRPr lang="en-US" altLang="zh-CN" sz="1600" kern="0" dirty="0">
                <a:latin typeface="Huawei Sans" panose="020C0503030203020204" pitchFamily="34" charset="0"/>
              </a:endParaRPr>
            </a:p>
          </p:txBody>
        </p:sp>
      </p:grpSp>
      <p:cxnSp>
        <p:nvCxnSpPr>
          <p:cNvPr id="154" name="直接箭头连接符 153">
            <a:extLst>
              <a:ext uri="{FF2B5EF4-FFF2-40B4-BE49-F238E27FC236}">
                <a16:creationId xmlns:a16="http://schemas.microsoft.com/office/drawing/2014/main" xmlns="" id="{19F6E987-03C8-4D3A-A091-35ABCBB65BE6}"/>
              </a:ext>
            </a:extLst>
          </p:cNvPr>
          <p:cNvCxnSpPr>
            <a:cxnSpLocks/>
            <a:endCxn id="89" idx="12"/>
          </p:cNvCxnSpPr>
          <p:nvPr/>
        </p:nvCxnSpPr>
        <p:spPr>
          <a:xfrm>
            <a:off x="1431861" y="3288433"/>
            <a:ext cx="497599" cy="759428"/>
          </a:xfrm>
          <a:prstGeom prst="straightConnector1">
            <a:avLst/>
          </a:prstGeom>
          <a:noFill/>
          <a:ln w="19050" cap="flat" cmpd="sng" algn="ctr">
            <a:solidFill>
              <a:srgbClr val="00B0F0"/>
            </a:solidFill>
            <a:prstDash val="solid"/>
            <a:headEnd type="none" w="med" len="med"/>
            <a:tailEnd type="triangle" w="med" len="med"/>
          </a:ln>
          <a:effectLst/>
        </p:spPr>
      </p:cxnSp>
      <p:cxnSp>
        <p:nvCxnSpPr>
          <p:cNvPr id="155" name="直接箭头连接符 154">
            <a:extLst>
              <a:ext uri="{FF2B5EF4-FFF2-40B4-BE49-F238E27FC236}">
                <a16:creationId xmlns:a16="http://schemas.microsoft.com/office/drawing/2014/main" xmlns="" id="{5623EB3D-7C97-4C95-B92C-025B38875841}"/>
              </a:ext>
            </a:extLst>
          </p:cNvPr>
          <p:cNvCxnSpPr>
            <a:cxnSpLocks/>
          </p:cNvCxnSpPr>
          <p:nvPr/>
        </p:nvCxnSpPr>
        <p:spPr>
          <a:xfrm flipV="1">
            <a:off x="2223145" y="3257308"/>
            <a:ext cx="733327" cy="749452"/>
          </a:xfrm>
          <a:prstGeom prst="straightConnector1">
            <a:avLst/>
          </a:prstGeom>
          <a:noFill/>
          <a:ln w="19050" cap="flat" cmpd="sng" algn="ctr">
            <a:solidFill>
              <a:srgbClr val="00B0F0"/>
            </a:solidFill>
            <a:prstDash val="solid"/>
            <a:headEnd type="none" w="med" len="med"/>
            <a:tailEnd type="triangle" w="med" len="med"/>
          </a:ln>
          <a:effectLst/>
        </p:spPr>
      </p:cxnSp>
      <p:cxnSp>
        <p:nvCxnSpPr>
          <p:cNvPr id="156" name="直接箭头连接符 155">
            <a:extLst>
              <a:ext uri="{FF2B5EF4-FFF2-40B4-BE49-F238E27FC236}">
                <a16:creationId xmlns:a16="http://schemas.microsoft.com/office/drawing/2014/main" xmlns="" id="{C7C882B3-4AEE-4559-8DAC-30528ADF124E}"/>
              </a:ext>
            </a:extLst>
          </p:cNvPr>
          <p:cNvCxnSpPr>
            <a:cxnSpLocks/>
            <a:endCxn id="135" idx="11"/>
          </p:cNvCxnSpPr>
          <p:nvPr/>
        </p:nvCxnSpPr>
        <p:spPr>
          <a:xfrm>
            <a:off x="3017692" y="3294874"/>
            <a:ext cx="392013" cy="753299"/>
          </a:xfrm>
          <a:prstGeom prst="straightConnector1">
            <a:avLst/>
          </a:prstGeom>
          <a:noFill/>
          <a:ln w="19050" cap="flat" cmpd="sng" algn="ctr">
            <a:solidFill>
              <a:srgbClr val="00B0F0"/>
            </a:solidFill>
            <a:prstDash val="solid"/>
            <a:headEnd type="none" w="med" len="med"/>
            <a:tailEnd type="triangle" w="med" len="med"/>
          </a:ln>
          <a:effectLst/>
        </p:spPr>
      </p:cxnSp>
      <p:cxnSp>
        <p:nvCxnSpPr>
          <p:cNvPr id="157" name="直接箭头连接符 156">
            <a:extLst>
              <a:ext uri="{FF2B5EF4-FFF2-40B4-BE49-F238E27FC236}">
                <a16:creationId xmlns:a16="http://schemas.microsoft.com/office/drawing/2014/main" xmlns="" id="{34030D2D-DD1C-4902-98D5-647BEC054876}"/>
              </a:ext>
            </a:extLst>
          </p:cNvPr>
          <p:cNvCxnSpPr>
            <a:cxnSpLocks/>
          </p:cNvCxnSpPr>
          <p:nvPr/>
        </p:nvCxnSpPr>
        <p:spPr>
          <a:xfrm flipV="1">
            <a:off x="3673979" y="3276757"/>
            <a:ext cx="577238" cy="788361"/>
          </a:xfrm>
          <a:prstGeom prst="straightConnector1">
            <a:avLst/>
          </a:prstGeom>
          <a:noFill/>
          <a:ln w="19050" cap="flat" cmpd="sng" algn="ctr">
            <a:solidFill>
              <a:srgbClr val="00B0F0"/>
            </a:solidFill>
            <a:prstDash val="solid"/>
            <a:headEnd type="none" w="med" len="med"/>
            <a:tailEnd type="triangle" w="med" len="med"/>
          </a:ln>
          <a:effectLst/>
        </p:spPr>
      </p:cxnSp>
      <p:cxnSp>
        <p:nvCxnSpPr>
          <p:cNvPr id="158" name="直接箭头连接符 157">
            <a:extLst>
              <a:ext uri="{FF2B5EF4-FFF2-40B4-BE49-F238E27FC236}">
                <a16:creationId xmlns:a16="http://schemas.microsoft.com/office/drawing/2014/main" xmlns="" id="{9723A148-99C7-4EF1-9037-0EDEC4FBD441}"/>
              </a:ext>
            </a:extLst>
          </p:cNvPr>
          <p:cNvCxnSpPr>
            <a:cxnSpLocks/>
            <a:endCxn id="109" idx="12"/>
          </p:cNvCxnSpPr>
          <p:nvPr/>
        </p:nvCxnSpPr>
        <p:spPr>
          <a:xfrm>
            <a:off x="4382550" y="3294874"/>
            <a:ext cx="507400" cy="752987"/>
          </a:xfrm>
          <a:prstGeom prst="straightConnector1">
            <a:avLst/>
          </a:prstGeom>
          <a:noFill/>
          <a:ln w="19050" cap="flat" cmpd="sng" algn="ctr">
            <a:solidFill>
              <a:srgbClr val="00B0F0"/>
            </a:solidFill>
            <a:prstDash val="solid"/>
            <a:headEnd type="none" w="med" len="med"/>
            <a:tailEnd type="triangle" w="med" len="med"/>
          </a:ln>
          <a:effectLst/>
        </p:spPr>
      </p:cxnSp>
      <p:grpSp>
        <p:nvGrpSpPr>
          <p:cNvPr id="160" name="Group 4">
            <a:extLst>
              <a:ext uri="{FF2B5EF4-FFF2-40B4-BE49-F238E27FC236}">
                <a16:creationId xmlns:a16="http://schemas.microsoft.com/office/drawing/2014/main" xmlns="" id="{9CEF8E5F-4E99-4E22-B35D-9A507908EDA8}"/>
              </a:ext>
            </a:extLst>
          </p:cNvPr>
          <p:cNvGrpSpPr>
            <a:grpSpLocks noChangeAspect="1"/>
          </p:cNvGrpSpPr>
          <p:nvPr/>
        </p:nvGrpSpPr>
        <p:grpSpPr bwMode="auto">
          <a:xfrm>
            <a:off x="6810423" y="1794804"/>
            <a:ext cx="2787774" cy="2925008"/>
            <a:chOff x="1618" y="89"/>
            <a:chExt cx="3618" cy="3856"/>
          </a:xfrm>
        </p:grpSpPr>
        <p:sp>
          <p:nvSpPr>
            <p:cNvPr id="171" name="AutoShape 3">
              <a:extLst>
                <a:ext uri="{FF2B5EF4-FFF2-40B4-BE49-F238E27FC236}">
                  <a16:creationId xmlns:a16="http://schemas.microsoft.com/office/drawing/2014/main" xmlns="" id="{83D3EFE9-1839-48F9-8B59-34D833E7CE22}"/>
                </a:ext>
              </a:extLst>
            </p:cNvPr>
            <p:cNvSpPr>
              <a:spLocks noChangeAspect="1" noChangeArrowheads="1" noTextEdit="1"/>
            </p:cNvSpPr>
            <p:nvPr/>
          </p:nvSpPr>
          <p:spPr bwMode="auto">
            <a:xfrm>
              <a:off x="1618" y="89"/>
              <a:ext cx="3618" cy="36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72" name="Freeform 10">
              <a:extLst>
                <a:ext uri="{FF2B5EF4-FFF2-40B4-BE49-F238E27FC236}">
                  <a16:creationId xmlns:a16="http://schemas.microsoft.com/office/drawing/2014/main" xmlns="" id="{18B28129-CD58-46D1-A58F-261E5BA49F89}"/>
                </a:ext>
              </a:extLst>
            </p:cNvPr>
            <p:cNvSpPr>
              <a:spLocks noEditPoints="1"/>
            </p:cNvSpPr>
            <p:nvPr/>
          </p:nvSpPr>
          <p:spPr bwMode="auto">
            <a:xfrm>
              <a:off x="3586" y="473"/>
              <a:ext cx="638" cy="247"/>
            </a:xfrm>
            <a:custGeom>
              <a:avLst/>
              <a:gdLst>
                <a:gd name="T0" fmla="*/ 222 w 578"/>
                <a:gd name="T1" fmla="*/ 10 h 224"/>
                <a:gd name="T2" fmla="*/ 277 w 578"/>
                <a:gd name="T3" fmla="*/ 19 h 224"/>
                <a:gd name="T4" fmla="*/ 346 w 578"/>
                <a:gd name="T5" fmla="*/ 0 h 224"/>
                <a:gd name="T6" fmla="*/ 442 w 578"/>
                <a:gd name="T7" fmla="*/ 51 h 224"/>
                <a:gd name="T8" fmla="*/ 492 w 578"/>
                <a:gd name="T9" fmla="*/ 83 h 224"/>
                <a:gd name="T10" fmla="*/ 500 w 578"/>
                <a:gd name="T11" fmla="*/ 83 h 224"/>
                <a:gd name="T12" fmla="*/ 578 w 578"/>
                <a:gd name="T13" fmla="*/ 136 h 224"/>
                <a:gd name="T14" fmla="*/ 500 w 578"/>
                <a:gd name="T15" fmla="*/ 189 h 224"/>
                <a:gd name="T16" fmla="*/ 463 w 578"/>
                <a:gd name="T17" fmla="*/ 183 h 224"/>
                <a:gd name="T18" fmla="*/ 389 w 578"/>
                <a:gd name="T19" fmla="*/ 221 h 224"/>
                <a:gd name="T20" fmla="*/ 334 w 578"/>
                <a:gd name="T21" fmla="*/ 205 h 224"/>
                <a:gd name="T22" fmla="*/ 278 w 578"/>
                <a:gd name="T23" fmla="*/ 221 h 224"/>
                <a:gd name="T24" fmla="*/ 225 w 578"/>
                <a:gd name="T25" fmla="*/ 206 h 224"/>
                <a:gd name="T26" fmla="*/ 168 w 578"/>
                <a:gd name="T27" fmla="*/ 224 h 224"/>
                <a:gd name="T28" fmla="*/ 113 w 578"/>
                <a:gd name="T29" fmla="*/ 208 h 224"/>
                <a:gd name="T30" fmla="*/ 93 w 578"/>
                <a:gd name="T31" fmla="*/ 210 h 224"/>
                <a:gd name="T32" fmla="*/ 0 w 578"/>
                <a:gd name="T33" fmla="*/ 147 h 224"/>
                <a:gd name="T34" fmla="*/ 93 w 578"/>
                <a:gd name="T35" fmla="*/ 84 h 224"/>
                <a:gd name="T36" fmla="*/ 101 w 578"/>
                <a:gd name="T37" fmla="*/ 84 h 224"/>
                <a:gd name="T38" fmla="*/ 222 w 578"/>
                <a:gd name="T39" fmla="*/ 10 h 224"/>
                <a:gd name="T40" fmla="*/ 222 w 578"/>
                <a:gd name="T41" fmla="*/ 10 h 224"/>
                <a:gd name="T42" fmla="*/ 222 w 578"/>
                <a:gd name="T43" fmla="*/ 10 h 2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78" h="224">
                  <a:moveTo>
                    <a:pt x="222" y="10"/>
                  </a:moveTo>
                  <a:cubicBezTo>
                    <a:pt x="242" y="10"/>
                    <a:pt x="260" y="14"/>
                    <a:pt x="277" y="19"/>
                  </a:cubicBezTo>
                  <a:cubicBezTo>
                    <a:pt x="294" y="7"/>
                    <a:pt x="319" y="0"/>
                    <a:pt x="346" y="0"/>
                  </a:cubicBezTo>
                  <a:cubicBezTo>
                    <a:pt x="392" y="0"/>
                    <a:pt x="431" y="22"/>
                    <a:pt x="442" y="51"/>
                  </a:cubicBezTo>
                  <a:cubicBezTo>
                    <a:pt x="465" y="56"/>
                    <a:pt x="483" y="68"/>
                    <a:pt x="492" y="83"/>
                  </a:cubicBezTo>
                  <a:cubicBezTo>
                    <a:pt x="495" y="83"/>
                    <a:pt x="498" y="83"/>
                    <a:pt x="500" y="83"/>
                  </a:cubicBezTo>
                  <a:cubicBezTo>
                    <a:pt x="543" y="83"/>
                    <a:pt x="578" y="107"/>
                    <a:pt x="578" y="136"/>
                  </a:cubicBezTo>
                  <a:cubicBezTo>
                    <a:pt x="578" y="165"/>
                    <a:pt x="543" y="189"/>
                    <a:pt x="500" y="189"/>
                  </a:cubicBezTo>
                  <a:cubicBezTo>
                    <a:pt x="487" y="189"/>
                    <a:pt x="474" y="187"/>
                    <a:pt x="463" y="183"/>
                  </a:cubicBezTo>
                  <a:cubicBezTo>
                    <a:pt x="454" y="205"/>
                    <a:pt x="424" y="221"/>
                    <a:pt x="389" y="221"/>
                  </a:cubicBezTo>
                  <a:cubicBezTo>
                    <a:pt x="367" y="221"/>
                    <a:pt x="348" y="215"/>
                    <a:pt x="334" y="205"/>
                  </a:cubicBezTo>
                  <a:cubicBezTo>
                    <a:pt x="319" y="215"/>
                    <a:pt x="300" y="221"/>
                    <a:pt x="278" y="221"/>
                  </a:cubicBezTo>
                  <a:cubicBezTo>
                    <a:pt x="258" y="221"/>
                    <a:pt x="239" y="215"/>
                    <a:pt x="225" y="206"/>
                  </a:cubicBezTo>
                  <a:cubicBezTo>
                    <a:pt x="211" y="217"/>
                    <a:pt x="190" y="224"/>
                    <a:pt x="168" y="224"/>
                  </a:cubicBezTo>
                  <a:cubicBezTo>
                    <a:pt x="146" y="224"/>
                    <a:pt x="127" y="218"/>
                    <a:pt x="113" y="208"/>
                  </a:cubicBezTo>
                  <a:cubicBezTo>
                    <a:pt x="107" y="209"/>
                    <a:pt x="100" y="210"/>
                    <a:pt x="93" y="210"/>
                  </a:cubicBezTo>
                  <a:cubicBezTo>
                    <a:pt x="42" y="210"/>
                    <a:pt x="0" y="182"/>
                    <a:pt x="0" y="147"/>
                  </a:cubicBezTo>
                  <a:cubicBezTo>
                    <a:pt x="0" y="112"/>
                    <a:pt x="42" y="84"/>
                    <a:pt x="93" y="84"/>
                  </a:cubicBezTo>
                  <a:cubicBezTo>
                    <a:pt x="96" y="84"/>
                    <a:pt x="99" y="84"/>
                    <a:pt x="101" y="84"/>
                  </a:cubicBezTo>
                  <a:cubicBezTo>
                    <a:pt x="108" y="43"/>
                    <a:pt x="160" y="10"/>
                    <a:pt x="222" y="10"/>
                  </a:cubicBezTo>
                  <a:close/>
                  <a:moveTo>
                    <a:pt x="222" y="10"/>
                  </a:moveTo>
                  <a:cubicBezTo>
                    <a:pt x="222" y="10"/>
                    <a:pt x="222" y="10"/>
                    <a:pt x="222" y="1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73" name="Freeform 12">
              <a:extLst>
                <a:ext uri="{FF2B5EF4-FFF2-40B4-BE49-F238E27FC236}">
                  <a16:creationId xmlns:a16="http://schemas.microsoft.com/office/drawing/2014/main" xmlns="" id="{E5256490-6793-4476-92F4-4536DA14772F}"/>
                </a:ext>
              </a:extLst>
            </p:cNvPr>
            <p:cNvSpPr>
              <a:spLocks noEditPoints="1"/>
            </p:cNvSpPr>
            <p:nvPr/>
          </p:nvSpPr>
          <p:spPr bwMode="auto">
            <a:xfrm>
              <a:off x="2086" y="1190"/>
              <a:ext cx="2681" cy="761"/>
            </a:xfrm>
            <a:custGeom>
              <a:avLst/>
              <a:gdLst>
                <a:gd name="T0" fmla="*/ 439 w 2681"/>
                <a:gd name="T1" fmla="*/ 0 h 761"/>
                <a:gd name="T2" fmla="*/ 0 w 2681"/>
                <a:gd name="T3" fmla="*/ 761 h 761"/>
                <a:gd name="T4" fmla="*/ 2681 w 2681"/>
                <a:gd name="T5" fmla="*/ 761 h 761"/>
                <a:gd name="T6" fmla="*/ 2213 w 2681"/>
                <a:gd name="T7" fmla="*/ 8 h 761"/>
                <a:gd name="T8" fmla="*/ 1729 w 2681"/>
                <a:gd name="T9" fmla="*/ 536 h 761"/>
                <a:gd name="T10" fmla="*/ 795 w 2681"/>
                <a:gd name="T11" fmla="*/ 527 h 761"/>
                <a:gd name="T12" fmla="*/ 439 w 2681"/>
                <a:gd name="T13" fmla="*/ 0 h 761"/>
                <a:gd name="T14" fmla="*/ 439 w 2681"/>
                <a:gd name="T15" fmla="*/ 0 h 761"/>
                <a:gd name="T16" fmla="*/ 439 w 2681"/>
                <a:gd name="T17" fmla="*/ 0 h 7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81" h="761">
                  <a:moveTo>
                    <a:pt x="439" y="0"/>
                  </a:moveTo>
                  <a:lnTo>
                    <a:pt x="0" y="761"/>
                  </a:lnTo>
                  <a:lnTo>
                    <a:pt x="2681" y="761"/>
                  </a:lnTo>
                  <a:lnTo>
                    <a:pt x="2213" y="8"/>
                  </a:lnTo>
                  <a:lnTo>
                    <a:pt x="1729" y="536"/>
                  </a:lnTo>
                  <a:lnTo>
                    <a:pt x="795" y="527"/>
                  </a:lnTo>
                  <a:lnTo>
                    <a:pt x="439" y="0"/>
                  </a:lnTo>
                  <a:close/>
                  <a:moveTo>
                    <a:pt x="439" y="0"/>
                  </a:moveTo>
                  <a:lnTo>
                    <a:pt x="439" y="0"/>
                  </a:lnTo>
                  <a:close/>
                </a:path>
              </a:pathLst>
            </a:custGeom>
            <a:solidFill>
              <a:srgbClr val="EFEFE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74" name="Freeform 13">
              <a:extLst>
                <a:ext uri="{FF2B5EF4-FFF2-40B4-BE49-F238E27FC236}">
                  <a16:creationId xmlns:a16="http://schemas.microsoft.com/office/drawing/2014/main" xmlns="" id="{A37338BC-5EFA-40F4-B287-0894C1192B7C}"/>
                </a:ext>
              </a:extLst>
            </p:cNvPr>
            <p:cNvSpPr>
              <a:spLocks noEditPoints="1"/>
            </p:cNvSpPr>
            <p:nvPr/>
          </p:nvSpPr>
          <p:spPr bwMode="auto">
            <a:xfrm>
              <a:off x="2086" y="1190"/>
              <a:ext cx="2681" cy="761"/>
            </a:xfrm>
            <a:custGeom>
              <a:avLst/>
              <a:gdLst>
                <a:gd name="T0" fmla="*/ 439 w 2681"/>
                <a:gd name="T1" fmla="*/ 0 h 761"/>
                <a:gd name="T2" fmla="*/ 0 w 2681"/>
                <a:gd name="T3" fmla="*/ 761 h 761"/>
                <a:gd name="T4" fmla="*/ 2681 w 2681"/>
                <a:gd name="T5" fmla="*/ 761 h 761"/>
                <a:gd name="T6" fmla="*/ 2213 w 2681"/>
                <a:gd name="T7" fmla="*/ 8 h 761"/>
                <a:gd name="T8" fmla="*/ 1729 w 2681"/>
                <a:gd name="T9" fmla="*/ 536 h 761"/>
                <a:gd name="T10" fmla="*/ 795 w 2681"/>
                <a:gd name="T11" fmla="*/ 527 h 761"/>
                <a:gd name="T12" fmla="*/ 439 w 2681"/>
                <a:gd name="T13" fmla="*/ 0 h 761"/>
                <a:gd name="T14" fmla="*/ 439 w 2681"/>
                <a:gd name="T15" fmla="*/ 0 h 761"/>
                <a:gd name="T16" fmla="*/ 439 w 2681"/>
                <a:gd name="T17" fmla="*/ 0 h 7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81" h="761">
                  <a:moveTo>
                    <a:pt x="439" y="0"/>
                  </a:moveTo>
                  <a:lnTo>
                    <a:pt x="0" y="761"/>
                  </a:lnTo>
                  <a:lnTo>
                    <a:pt x="2681" y="761"/>
                  </a:lnTo>
                  <a:lnTo>
                    <a:pt x="2213" y="8"/>
                  </a:lnTo>
                  <a:lnTo>
                    <a:pt x="1729" y="536"/>
                  </a:lnTo>
                  <a:lnTo>
                    <a:pt x="795" y="527"/>
                  </a:lnTo>
                  <a:lnTo>
                    <a:pt x="439" y="0"/>
                  </a:lnTo>
                  <a:moveTo>
                    <a:pt x="439" y="0"/>
                  </a:moveTo>
                  <a:lnTo>
                    <a:pt x="439"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75" name="Freeform 14">
              <a:extLst>
                <a:ext uri="{FF2B5EF4-FFF2-40B4-BE49-F238E27FC236}">
                  <a16:creationId xmlns:a16="http://schemas.microsoft.com/office/drawing/2014/main" xmlns="" id="{21EA90EC-BD4C-44A7-84F4-C48BCD388E7F}"/>
                </a:ext>
              </a:extLst>
            </p:cNvPr>
            <p:cNvSpPr>
              <a:spLocks noEditPoints="1"/>
            </p:cNvSpPr>
            <p:nvPr/>
          </p:nvSpPr>
          <p:spPr bwMode="auto">
            <a:xfrm>
              <a:off x="2749" y="996"/>
              <a:ext cx="1422" cy="955"/>
            </a:xfrm>
            <a:custGeom>
              <a:avLst/>
              <a:gdLst>
                <a:gd name="T0" fmla="*/ 0 w 1289"/>
                <a:gd name="T1" fmla="*/ 866 h 866"/>
                <a:gd name="T2" fmla="*/ 261 w 1289"/>
                <a:gd name="T3" fmla="*/ 409 h 866"/>
                <a:gd name="T4" fmla="*/ 323 w 1289"/>
                <a:gd name="T5" fmla="*/ 532 h 866"/>
                <a:gd name="T6" fmla="*/ 629 w 1289"/>
                <a:gd name="T7" fmla="*/ 0 h 866"/>
                <a:gd name="T8" fmla="*/ 918 w 1289"/>
                <a:gd name="T9" fmla="*/ 566 h 866"/>
                <a:gd name="T10" fmla="*/ 1091 w 1289"/>
                <a:gd name="T11" fmla="*/ 264 h 866"/>
                <a:gd name="T12" fmla="*/ 1289 w 1289"/>
                <a:gd name="T13" fmla="*/ 653 h 866"/>
                <a:gd name="T14" fmla="*/ 1101 w 1289"/>
                <a:gd name="T15" fmla="*/ 866 h 866"/>
                <a:gd name="T16" fmla="*/ 0 w 1289"/>
                <a:gd name="T17" fmla="*/ 866 h 866"/>
                <a:gd name="T18" fmla="*/ 0 w 1289"/>
                <a:gd name="T19" fmla="*/ 866 h 866"/>
                <a:gd name="T20" fmla="*/ 0 w 1289"/>
                <a:gd name="T21" fmla="*/ 866 h 8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289" h="866">
                  <a:moveTo>
                    <a:pt x="0" y="866"/>
                  </a:moveTo>
                  <a:cubicBezTo>
                    <a:pt x="261" y="409"/>
                    <a:pt x="261" y="409"/>
                    <a:pt x="261" y="409"/>
                  </a:cubicBezTo>
                  <a:cubicBezTo>
                    <a:pt x="323" y="532"/>
                    <a:pt x="323" y="532"/>
                    <a:pt x="323" y="532"/>
                  </a:cubicBezTo>
                  <a:cubicBezTo>
                    <a:pt x="629" y="0"/>
                    <a:pt x="629" y="0"/>
                    <a:pt x="629" y="0"/>
                  </a:cubicBezTo>
                  <a:cubicBezTo>
                    <a:pt x="918" y="566"/>
                    <a:pt x="918" y="566"/>
                    <a:pt x="918" y="566"/>
                  </a:cubicBezTo>
                  <a:cubicBezTo>
                    <a:pt x="1091" y="264"/>
                    <a:pt x="1091" y="264"/>
                    <a:pt x="1091" y="264"/>
                  </a:cubicBezTo>
                  <a:cubicBezTo>
                    <a:pt x="1289" y="653"/>
                    <a:pt x="1289" y="653"/>
                    <a:pt x="1289" y="653"/>
                  </a:cubicBezTo>
                  <a:cubicBezTo>
                    <a:pt x="1239" y="735"/>
                    <a:pt x="1176" y="807"/>
                    <a:pt x="1101" y="866"/>
                  </a:cubicBezTo>
                  <a:lnTo>
                    <a:pt x="0" y="866"/>
                  </a:lnTo>
                  <a:close/>
                  <a:moveTo>
                    <a:pt x="0" y="866"/>
                  </a:moveTo>
                  <a:cubicBezTo>
                    <a:pt x="0" y="866"/>
                    <a:pt x="0" y="866"/>
                    <a:pt x="0" y="866"/>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76" name="Freeform 15">
              <a:extLst>
                <a:ext uri="{FF2B5EF4-FFF2-40B4-BE49-F238E27FC236}">
                  <a16:creationId xmlns:a16="http://schemas.microsoft.com/office/drawing/2014/main" xmlns="" id="{E47A8BEC-27B9-4922-8D41-36A13F30679E}"/>
                </a:ext>
              </a:extLst>
            </p:cNvPr>
            <p:cNvSpPr>
              <a:spLocks noEditPoints="1"/>
            </p:cNvSpPr>
            <p:nvPr/>
          </p:nvSpPr>
          <p:spPr bwMode="auto">
            <a:xfrm>
              <a:off x="3324" y="996"/>
              <a:ext cx="971" cy="955"/>
            </a:xfrm>
            <a:custGeom>
              <a:avLst/>
              <a:gdLst>
                <a:gd name="T0" fmla="*/ 119 w 971"/>
                <a:gd name="T1" fmla="*/ 0 h 955"/>
                <a:gd name="T2" fmla="*/ 491 w 971"/>
                <a:gd name="T3" fmla="*/ 730 h 955"/>
                <a:gd name="T4" fmla="*/ 629 w 971"/>
                <a:gd name="T5" fmla="*/ 291 h 955"/>
                <a:gd name="T6" fmla="*/ 971 w 971"/>
                <a:gd name="T7" fmla="*/ 955 h 955"/>
                <a:gd name="T8" fmla="*/ 110 w 971"/>
                <a:gd name="T9" fmla="*/ 955 h 955"/>
                <a:gd name="T10" fmla="*/ 190 w 971"/>
                <a:gd name="T11" fmla="*/ 885 h 955"/>
                <a:gd name="T12" fmla="*/ 0 w 971"/>
                <a:gd name="T13" fmla="*/ 789 h 955"/>
                <a:gd name="T14" fmla="*/ 239 w 971"/>
                <a:gd name="T15" fmla="*/ 656 h 955"/>
                <a:gd name="T16" fmla="*/ 119 w 971"/>
                <a:gd name="T17" fmla="*/ 590 h 955"/>
                <a:gd name="T18" fmla="*/ 119 w 971"/>
                <a:gd name="T19" fmla="*/ 0 h 955"/>
                <a:gd name="T20" fmla="*/ 119 w 971"/>
                <a:gd name="T21" fmla="*/ 0 h 955"/>
                <a:gd name="T22" fmla="*/ 119 w 971"/>
                <a:gd name="T23" fmla="*/ 0 h 9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71" h="955">
                  <a:moveTo>
                    <a:pt x="119" y="0"/>
                  </a:moveTo>
                  <a:lnTo>
                    <a:pt x="491" y="730"/>
                  </a:lnTo>
                  <a:lnTo>
                    <a:pt x="629" y="291"/>
                  </a:lnTo>
                  <a:lnTo>
                    <a:pt x="971" y="955"/>
                  </a:lnTo>
                  <a:lnTo>
                    <a:pt x="110" y="955"/>
                  </a:lnTo>
                  <a:lnTo>
                    <a:pt x="190" y="885"/>
                  </a:lnTo>
                  <a:lnTo>
                    <a:pt x="0" y="789"/>
                  </a:lnTo>
                  <a:lnTo>
                    <a:pt x="239" y="656"/>
                  </a:lnTo>
                  <a:lnTo>
                    <a:pt x="119" y="590"/>
                  </a:lnTo>
                  <a:lnTo>
                    <a:pt x="119" y="0"/>
                  </a:lnTo>
                  <a:close/>
                  <a:moveTo>
                    <a:pt x="119" y="0"/>
                  </a:moveTo>
                  <a:lnTo>
                    <a:pt x="119" y="0"/>
                  </a:lnTo>
                  <a:close/>
                </a:path>
              </a:pathLst>
            </a:custGeom>
            <a:solidFill>
              <a:srgbClr val="CCCCC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77" name="Freeform 16">
              <a:extLst>
                <a:ext uri="{FF2B5EF4-FFF2-40B4-BE49-F238E27FC236}">
                  <a16:creationId xmlns:a16="http://schemas.microsoft.com/office/drawing/2014/main" xmlns="" id="{1E1E0A17-64B3-4C4B-8B3C-F032B12EB611}"/>
                </a:ext>
              </a:extLst>
            </p:cNvPr>
            <p:cNvSpPr>
              <a:spLocks noEditPoints="1"/>
            </p:cNvSpPr>
            <p:nvPr/>
          </p:nvSpPr>
          <p:spPr bwMode="auto">
            <a:xfrm>
              <a:off x="3324" y="996"/>
              <a:ext cx="971" cy="955"/>
            </a:xfrm>
            <a:custGeom>
              <a:avLst/>
              <a:gdLst>
                <a:gd name="T0" fmla="*/ 119 w 971"/>
                <a:gd name="T1" fmla="*/ 0 h 955"/>
                <a:gd name="T2" fmla="*/ 491 w 971"/>
                <a:gd name="T3" fmla="*/ 730 h 955"/>
                <a:gd name="T4" fmla="*/ 629 w 971"/>
                <a:gd name="T5" fmla="*/ 291 h 955"/>
                <a:gd name="T6" fmla="*/ 971 w 971"/>
                <a:gd name="T7" fmla="*/ 955 h 955"/>
                <a:gd name="T8" fmla="*/ 110 w 971"/>
                <a:gd name="T9" fmla="*/ 955 h 955"/>
                <a:gd name="T10" fmla="*/ 190 w 971"/>
                <a:gd name="T11" fmla="*/ 885 h 955"/>
                <a:gd name="T12" fmla="*/ 0 w 971"/>
                <a:gd name="T13" fmla="*/ 789 h 955"/>
                <a:gd name="T14" fmla="*/ 239 w 971"/>
                <a:gd name="T15" fmla="*/ 656 h 955"/>
                <a:gd name="T16" fmla="*/ 119 w 971"/>
                <a:gd name="T17" fmla="*/ 590 h 955"/>
                <a:gd name="T18" fmla="*/ 119 w 971"/>
                <a:gd name="T19" fmla="*/ 0 h 955"/>
                <a:gd name="T20" fmla="*/ 119 w 971"/>
                <a:gd name="T21" fmla="*/ 0 h 955"/>
                <a:gd name="T22" fmla="*/ 119 w 971"/>
                <a:gd name="T23" fmla="*/ 0 h 9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71" h="955">
                  <a:moveTo>
                    <a:pt x="119" y="0"/>
                  </a:moveTo>
                  <a:lnTo>
                    <a:pt x="491" y="730"/>
                  </a:lnTo>
                  <a:lnTo>
                    <a:pt x="629" y="291"/>
                  </a:lnTo>
                  <a:lnTo>
                    <a:pt x="971" y="955"/>
                  </a:lnTo>
                  <a:lnTo>
                    <a:pt x="110" y="955"/>
                  </a:lnTo>
                  <a:lnTo>
                    <a:pt x="190" y="885"/>
                  </a:lnTo>
                  <a:lnTo>
                    <a:pt x="0" y="789"/>
                  </a:lnTo>
                  <a:lnTo>
                    <a:pt x="239" y="656"/>
                  </a:lnTo>
                  <a:lnTo>
                    <a:pt x="119" y="590"/>
                  </a:lnTo>
                  <a:lnTo>
                    <a:pt x="119" y="0"/>
                  </a:lnTo>
                  <a:moveTo>
                    <a:pt x="119" y="0"/>
                  </a:moveTo>
                  <a:lnTo>
                    <a:pt x="119"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78" name="Freeform 17">
              <a:extLst>
                <a:ext uri="{FF2B5EF4-FFF2-40B4-BE49-F238E27FC236}">
                  <a16:creationId xmlns:a16="http://schemas.microsoft.com/office/drawing/2014/main" xmlns="" id="{EEA36C74-1651-4696-9A4A-E65ACA461DC6}"/>
                </a:ext>
              </a:extLst>
            </p:cNvPr>
            <p:cNvSpPr>
              <a:spLocks noEditPoints="1"/>
            </p:cNvSpPr>
            <p:nvPr/>
          </p:nvSpPr>
          <p:spPr bwMode="auto">
            <a:xfrm>
              <a:off x="2091" y="925"/>
              <a:ext cx="886" cy="1026"/>
            </a:xfrm>
            <a:custGeom>
              <a:avLst/>
              <a:gdLst>
                <a:gd name="T0" fmla="*/ 434 w 886"/>
                <a:gd name="T1" fmla="*/ 265 h 1026"/>
                <a:gd name="T2" fmla="*/ 581 w 886"/>
                <a:gd name="T3" fmla="*/ 0 h 1026"/>
                <a:gd name="T4" fmla="*/ 886 w 886"/>
                <a:gd name="T5" fmla="*/ 626 h 1026"/>
                <a:gd name="T6" fmla="*/ 658 w 886"/>
                <a:gd name="T7" fmla="*/ 1026 h 1026"/>
                <a:gd name="T8" fmla="*/ 0 w 886"/>
                <a:gd name="T9" fmla="*/ 1017 h 1026"/>
                <a:gd name="T10" fmla="*/ 434 w 886"/>
                <a:gd name="T11" fmla="*/ 265 h 1026"/>
                <a:gd name="T12" fmla="*/ 434 w 886"/>
                <a:gd name="T13" fmla="*/ 265 h 1026"/>
                <a:gd name="T14" fmla="*/ 434 w 886"/>
                <a:gd name="T15" fmla="*/ 265 h 102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86" h="1026">
                  <a:moveTo>
                    <a:pt x="434" y="265"/>
                  </a:moveTo>
                  <a:lnTo>
                    <a:pt x="581" y="0"/>
                  </a:lnTo>
                  <a:lnTo>
                    <a:pt x="886" y="626"/>
                  </a:lnTo>
                  <a:lnTo>
                    <a:pt x="658" y="1026"/>
                  </a:lnTo>
                  <a:lnTo>
                    <a:pt x="0" y="1017"/>
                  </a:lnTo>
                  <a:lnTo>
                    <a:pt x="434" y="265"/>
                  </a:lnTo>
                  <a:close/>
                  <a:moveTo>
                    <a:pt x="434" y="265"/>
                  </a:moveTo>
                  <a:lnTo>
                    <a:pt x="434" y="265"/>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79" name="Freeform 18">
              <a:extLst>
                <a:ext uri="{FF2B5EF4-FFF2-40B4-BE49-F238E27FC236}">
                  <a16:creationId xmlns:a16="http://schemas.microsoft.com/office/drawing/2014/main" xmlns="" id="{EFB5504B-3238-4E58-A835-2C870F1A3411}"/>
                </a:ext>
              </a:extLst>
            </p:cNvPr>
            <p:cNvSpPr>
              <a:spLocks noEditPoints="1"/>
            </p:cNvSpPr>
            <p:nvPr/>
          </p:nvSpPr>
          <p:spPr bwMode="auto">
            <a:xfrm>
              <a:off x="2091" y="925"/>
              <a:ext cx="886" cy="1026"/>
            </a:xfrm>
            <a:custGeom>
              <a:avLst/>
              <a:gdLst>
                <a:gd name="T0" fmla="*/ 434 w 886"/>
                <a:gd name="T1" fmla="*/ 265 h 1026"/>
                <a:gd name="T2" fmla="*/ 581 w 886"/>
                <a:gd name="T3" fmla="*/ 0 h 1026"/>
                <a:gd name="T4" fmla="*/ 886 w 886"/>
                <a:gd name="T5" fmla="*/ 626 h 1026"/>
                <a:gd name="T6" fmla="*/ 658 w 886"/>
                <a:gd name="T7" fmla="*/ 1026 h 1026"/>
                <a:gd name="T8" fmla="*/ 0 w 886"/>
                <a:gd name="T9" fmla="*/ 1017 h 1026"/>
                <a:gd name="T10" fmla="*/ 434 w 886"/>
                <a:gd name="T11" fmla="*/ 265 h 1026"/>
                <a:gd name="T12" fmla="*/ 434 w 886"/>
                <a:gd name="T13" fmla="*/ 265 h 1026"/>
                <a:gd name="T14" fmla="*/ 434 w 886"/>
                <a:gd name="T15" fmla="*/ 265 h 102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86" h="1026">
                  <a:moveTo>
                    <a:pt x="434" y="265"/>
                  </a:moveTo>
                  <a:lnTo>
                    <a:pt x="581" y="0"/>
                  </a:lnTo>
                  <a:lnTo>
                    <a:pt x="886" y="626"/>
                  </a:lnTo>
                  <a:lnTo>
                    <a:pt x="658" y="1026"/>
                  </a:lnTo>
                  <a:lnTo>
                    <a:pt x="0" y="1017"/>
                  </a:lnTo>
                  <a:lnTo>
                    <a:pt x="434" y="265"/>
                  </a:lnTo>
                  <a:moveTo>
                    <a:pt x="434" y="265"/>
                  </a:moveTo>
                  <a:lnTo>
                    <a:pt x="434" y="265"/>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0" name="Freeform 19">
              <a:extLst>
                <a:ext uri="{FF2B5EF4-FFF2-40B4-BE49-F238E27FC236}">
                  <a16:creationId xmlns:a16="http://schemas.microsoft.com/office/drawing/2014/main" xmlns="" id="{F1F44FAF-D8B9-46B5-8F3B-B1B09B43061A}"/>
                </a:ext>
              </a:extLst>
            </p:cNvPr>
            <p:cNvSpPr>
              <a:spLocks noEditPoints="1"/>
            </p:cNvSpPr>
            <p:nvPr/>
          </p:nvSpPr>
          <p:spPr bwMode="auto">
            <a:xfrm>
              <a:off x="2579" y="925"/>
              <a:ext cx="2188" cy="1026"/>
            </a:xfrm>
            <a:custGeom>
              <a:avLst/>
              <a:gdLst>
                <a:gd name="T0" fmla="*/ 84 w 1983"/>
                <a:gd name="T1" fmla="*/ 0 h 930"/>
                <a:gd name="T2" fmla="*/ 361 w 1983"/>
                <a:gd name="T3" fmla="*/ 567 h 930"/>
                <a:gd name="T4" fmla="*/ 154 w 1983"/>
                <a:gd name="T5" fmla="*/ 930 h 930"/>
                <a:gd name="T6" fmla="*/ 64 w 1983"/>
                <a:gd name="T7" fmla="*/ 713 h 930"/>
                <a:gd name="T8" fmla="*/ 133 w 1983"/>
                <a:gd name="T9" fmla="*/ 649 h 930"/>
                <a:gd name="T10" fmla="*/ 0 w 1983"/>
                <a:gd name="T11" fmla="*/ 578 h 930"/>
                <a:gd name="T12" fmla="*/ 168 w 1983"/>
                <a:gd name="T13" fmla="*/ 481 h 930"/>
                <a:gd name="T14" fmla="*/ 84 w 1983"/>
                <a:gd name="T15" fmla="*/ 433 h 930"/>
                <a:gd name="T16" fmla="*/ 84 w 1983"/>
                <a:gd name="T17" fmla="*/ 0 h 930"/>
                <a:gd name="T18" fmla="*/ 1559 w 1983"/>
                <a:gd name="T19" fmla="*/ 247 h 930"/>
                <a:gd name="T20" fmla="*/ 1421 w 1983"/>
                <a:gd name="T21" fmla="*/ 2 h 930"/>
                <a:gd name="T22" fmla="*/ 1253 w 1983"/>
                <a:gd name="T23" fmla="*/ 344 h 930"/>
                <a:gd name="T24" fmla="*/ 1443 w 1983"/>
                <a:gd name="T25" fmla="*/ 717 h 930"/>
                <a:gd name="T26" fmla="*/ 1555 w 1983"/>
                <a:gd name="T27" fmla="*/ 930 h 930"/>
                <a:gd name="T28" fmla="*/ 1983 w 1983"/>
                <a:gd name="T29" fmla="*/ 930 h 930"/>
                <a:gd name="T30" fmla="*/ 1559 w 1983"/>
                <a:gd name="T31" fmla="*/ 247 h 930"/>
                <a:gd name="T32" fmla="*/ 1559 w 1983"/>
                <a:gd name="T33" fmla="*/ 247 h 930"/>
                <a:gd name="T34" fmla="*/ 1559 w 1983"/>
                <a:gd name="T35" fmla="*/ 247 h 9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983" h="930">
                  <a:moveTo>
                    <a:pt x="84" y="0"/>
                  </a:moveTo>
                  <a:cubicBezTo>
                    <a:pt x="361" y="567"/>
                    <a:pt x="361" y="567"/>
                    <a:pt x="361" y="567"/>
                  </a:cubicBezTo>
                  <a:cubicBezTo>
                    <a:pt x="154" y="930"/>
                    <a:pt x="154" y="930"/>
                    <a:pt x="154" y="930"/>
                  </a:cubicBezTo>
                  <a:cubicBezTo>
                    <a:pt x="107" y="884"/>
                    <a:pt x="99" y="771"/>
                    <a:pt x="64" y="713"/>
                  </a:cubicBezTo>
                  <a:cubicBezTo>
                    <a:pt x="133" y="649"/>
                    <a:pt x="133" y="649"/>
                    <a:pt x="133" y="649"/>
                  </a:cubicBezTo>
                  <a:cubicBezTo>
                    <a:pt x="0" y="578"/>
                    <a:pt x="0" y="578"/>
                    <a:pt x="0" y="578"/>
                  </a:cubicBezTo>
                  <a:cubicBezTo>
                    <a:pt x="168" y="481"/>
                    <a:pt x="168" y="481"/>
                    <a:pt x="168" y="481"/>
                  </a:cubicBezTo>
                  <a:cubicBezTo>
                    <a:pt x="84" y="433"/>
                    <a:pt x="84" y="433"/>
                    <a:pt x="84" y="433"/>
                  </a:cubicBezTo>
                  <a:cubicBezTo>
                    <a:pt x="84" y="0"/>
                    <a:pt x="84" y="0"/>
                    <a:pt x="84" y="0"/>
                  </a:cubicBezTo>
                  <a:close/>
                  <a:moveTo>
                    <a:pt x="1559" y="247"/>
                  </a:moveTo>
                  <a:cubicBezTo>
                    <a:pt x="1421" y="2"/>
                    <a:pt x="1421" y="2"/>
                    <a:pt x="1421" y="2"/>
                  </a:cubicBezTo>
                  <a:cubicBezTo>
                    <a:pt x="1253" y="344"/>
                    <a:pt x="1253" y="344"/>
                    <a:pt x="1253" y="344"/>
                  </a:cubicBezTo>
                  <a:cubicBezTo>
                    <a:pt x="1443" y="717"/>
                    <a:pt x="1443" y="717"/>
                    <a:pt x="1443" y="717"/>
                  </a:cubicBezTo>
                  <a:cubicBezTo>
                    <a:pt x="1555" y="930"/>
                    <a:pt x="1555" y="930"/>
                    <a:pt x="1555" y="930"/>
                  </a:cubicBezTo>
                  <a:cubicBezTo>
                    <a:pt x="1983" y="930"/>
                    <a:pt x="1983" y="930"/>
                    <a:pt x="1983" y="930"/>
                  </a:cubicBezTo>
                  <a:lnTo>
                    <a:pt x="1559" y="247"/>
                  </a:lnTo>
                  <a:close/>
                  <a:moveTo>
                    <a:pt x="1559" y="247"/>
                  </a:moveTo>
                  <a:cubicBezTo>
                    <a:pt x="1559" y="247"/>
                    <a:pt x="1559" y="247"/>
                    <a:pt x="1559" y="247"/>
                  </a:cubicBezTo>
                </a:path>
              </a:pathLst>
            </a:custGeom>
            <a:solidFill>
              <a:srgbClr val="CCCCC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1" name="Freeform 20">
              <a:extLst>
                <a:ext uri="{FF2B5EF4-FFF2-40B4-BE49-F238E27FC236}">
                  <a16:creationId xmlns:a16="http://schemas.microsoft.com/office/drawing/2014/main" xmlns="" id="{CED13DA7-57CA-43F2-BAC1-71E9F0B20EB0}"/>
                </a:ext>
              </a:extLst>
            </p:cNvPr>
            <p:cNvSpPr>
              <a:spLocks noEditPoints="1"/>
            </p:cNvSpPr>
            <p:nvPr/>
          </p:nvSpPr>
          <p:spPr bwMode="auto">
            <a:xfrm>
              <a:off x="2074" y="928"/>
              <a:ext cx="2106" cy="698"/>
            </a:xfrm>
            <a:custGeom>
              <a:avLst/>
              <a:gdLst>
                <a:gd name="T0" fmla="*/ 1879 w 1909"/>
                <a:gd name="T1" fmla="*/ 0 h 633"/>
                <a:gd name="T2" fmla="*/ 1711 w 1909"/>
                <a:gd name="T3" fmla="*/ 342 h 633"/>
                <a:gd name="T4" fmla="*/ 1859 w 1909"/>
                <a:gd name="T5" fmla="*/ 633 h 633"/>
                <a:gd name="T6" fmla="*/ 1909 w 1909"/>
                <a:gd name="T7" fmla="*/ 554 h 633"/>
                <a:gd name="T8" fmla="*/ 1849 w 1909"/>
                <a:gd name="T9" fmla="*/ 455 h 633"/>
                <a:gd name="T10" fmla="*/ 1902 w 1909"/>
                <a:gd name="T11" fmla="*/ 399 h 633"/>
                <a:gd name="T12" fmla="*/ 1840 w 1909"/>
                <a:gd name="T13" fmla="*/ 355 h 633"/>
                <a:gd name="T14" fmla="*/ 1879 w 1909"/>
                <a:gd name="T15" fmla="*/ 0 h 633"/>
                <a:gd name="T16" fmla="*/ 173 w 1909"/>
                <a:gd name="T17" fmla="*/ 162 h 633"/>
                <a:gd name="T18" fmla="*/ 216 w 1909"/>
                <a:gd name="T19" fmla="*/ 169 h 633"/>
                <a:gd name="T20" fmla="*/ 269 w 1909"/>
                <a:gd name="T21" fmla="*/ 154 h 633"/>
                <a:gd name="T22" fmla="*/ 344 w 1909"/>
                <a:gd name="T23" fmla="*/ 194 h 633"/>
                <a:gd name="T24" fmla="*/ 383 w 1909"/>
                <a:gd name="T25" fmla="*/ 219 h 633"/>
                <a:gd name="T26" fmla="*/ 390 w 1909"/>
                <a:gd name="T27" fmla="*/ 219 h 633"/>
                <a:gd name="T28" fmla="*/ 418 w 1909"/>
                <a:gd name="T29" fmla="*/ 223 h 633"/>
                <a:gd name="T30" fmla="*/ 409 w 1909"/>
                <a:gd name="T31" fmla="*/ 238 h 633"/>
                <a:gd name="T32" fmla="*/ 374 w 1909"/>
                <a:gd name="T33" fmla="*/ 300 h 633"/>
                <a:gd name="T34" fmla="*/ 361 w 1909"/>
                <a:gd name="T35" fmla="*/ 296 h 633"/>
                <a:gd name="T36" fmla="*/ 303 w 1909"/>
                <a:gd name="T37" fmla="*/ 326 h 633"/>
                <a:gd name="T38" fmla="*/ 260 w 1909"/>
                <a:gd name="T39" fmla="*/ 314 h 633"/>
                <a:gd name="T40" fmla="*/ 217 w 1909"/>
                <a:gd name="T41" fmla="*/ 326 h 633"/>
                <a:gd name="T42" fmla="*/ 175 w 1909"/>
                <a:gd name="T43" fmla="*/ 315 h 633"/>
                <a:gd name="T44" fmla="*/ 131 w 1909"/>
                <a:gd name="T45" fmla="*/ 328 h 633"/>
                <a:gd name="T46" fmla="*/ 88 w 1909"/>
                <a:gd name="T47" fmla="*/ 316 h 633"/>
                <a:gd name="T48" fmla="*/ 73 w 1909"/>
                <a:gd name="T49" fmla="*/ 317 h 633"/>
                <a:gd name="T50" fmla="*/ 0 w 1909"/>
                <a:gd name="T51" fmla="*/ 268 h 633"/>
                <a:gd name="T52" fmla="*/ 73 w 1909"/>
                <a:gd name="T53" fmla="*/ 219 h 633"/>
                <a:gd name="T54" fmla="*/ 79 w 1909"/>
                <a:gd name="T55" fmla="*/ 220 h 633"/>
                <a:gd name="T56" fmla="*/ 173 w 1909"/>
                <a:gd name="T57" fmla="*/ 162 h 633"/>
                <a:gd name="T58" fmla="*/ 173 w 1909"/>
                <a:gd name="T59" fmla="*/ 162 h 633"/>
                <a:gd name="T60" fmla="*/ 173 w 1909"/>
                <a:gd name="T61" fmla="*/ 162 h 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909" h="633">
                  <a:moveTo>
                    <a:pt x="1879" y="0"/>
                  </a:moveTo>
                  <a:cubicBezTo>
                    <a:pt x="1711" y="342"/>
                    <a:pt x="1711" y="342"/>
                    <a:pt x="1711" y="342"/>
                  </a:cubicBezTo>
                  <a:cubicBezTo>
                    <a:pt x="1859" y="633"/>
                    <a:pt x="1859" y="633"/>
                    <a:pt x="1859" y="633"/>
                  </a:cubicBezTo>
                  <a:cubicBezTo>
                    <a:pt x="1909" y="554"/>
                    <a:pt x="1909" y="554"/>
                    <a:pt x="1909" y="554"/>
                  </a:cubicBezTo>
                  <a:cubicBezTo>
                    <a:pt x="1849" y="455"/>
                    <a:pt x="1849" y="455"/>
                    <a:pt x="1849" y="455"/>
                  </a:cubicBezTo>
                  <a:cubicBezTo>
                    <a:pt x="1902" y="399"/>
                    <a:pt x="1902" y="399"/>
                    <a:pt x="1902" y="399"/>
                  </a:cubicBezTo>
                  <a:cubicBezTo>
                    <a:pt x="1840" y="355"/>
                    <a:pt x="1840" y="355"/>
                    <a:pt x="1840" y="355"/>
                  </a:cubicBezTo>
                  <a:lnTo>
                    <a:pt x="1879" y="0"/>
                  </a:lnTo>
                  <a:close/>
                  <a:moveTo>
                    <a:pt x="173" y="162"/>
                  </a:moveTo>
                  <a:cubicBezTo>
                    <a:pt x="188" y="162"/>
                    <a:pt x="203" y="165"/>
                    <a:pt x="216" y="169"/>
                  </a:cubicBezTo>
                  <a:cubicBezTo>
                    <a:pt x="229" y="160"/>
                    <a:pt x="248" y="154"/>
                    <a:pt x="269" y="154"/>
                  </a:cubicBezTo>
                  <a:cubicBezTo>
                    <a:pt x="305" y="154"/>
                    <a:pt x="336" y="171"/>
                    <a:pt x="344" y="194"/>
                  </a:cubicBezTo>
                  <a:cubicBezTo>
                    <a:pt x="362" y="198"/>
                    <a:pt x="377" y="207"/>
                    <a:pt x="383" y="219"/>
                  </a:cubicBezTo>
                  <a:cubicBezTo>
                    <a:pt x="385" y="219"/>
                    <a:pt x="387" y="219"/>
                    <a:pt x="390" y="219"/>
                  </a:cubicBezTo>
                  <a:cubicBezTo>
                    <a:pt x="400" y="219"/>
                    <a:pt x="409" y="221"/>
                    <a:pt x="418" y="223"/>
                  </a:cubicBezTo>
                  <a:cubicBezTo>
                    <a:pt x="409" y="238"/>
                    <a:pt x="409" y="238"/>
                    <a:pt x="409" y="238"/>
                  </a:cubicBezTo>
                  <a:cubicBezTo>
                    <a:pt x="374" y="300"/>
                    <a:pt x="374" y="300"/>
                    <a:pt x="374" y="300"/>
                  </a:cubicBezTo>
                  <a:cubicBezTo>
                    <a:pt x="369" y="299"/>
                    <a:pt x="365" y="298"/>
                    <a:pt x="361" y="296"/>
                  </a:cubicBezTo>
                  <a:cubicBezTo>
                    <a:pt x="354" y="313"/>
                    <a:pt x="330" y="326"/>
                    <a:pt x="303" y="326"/>
                  </a:cubicBezTo>
                  <a:cubicBezTo>
                    <a:pt x="286" y="326"/>
                    <a:pt x="271" y="321"/>
                    <a:pt x="260" y="314"/>
                  </a:cubicBezTo>
                  <a:cubicBezTo>
                    <a:pt x="249" y="321"/>
                    <a:pt x="234" y="326"/>
                    <a:pt x="217" y="326"/>
                  </a:cubicBezTo>
                  <a:cubicBezTo>
                    <a:pt x="201" y="326"/>
                    <a:pt x="186" y="322"/>
                    <a:pt x="175" y="315"/>
                  </a:cubicBezTo>
                  <a:cubicBezTo>
                    <a:pt x="164" y="323"/>
                    <a:pt x="148" y="328"/>
                    <a:pt x="131" y="328"/>
                  </a:cubicBezTo>
                  <a:cubicBezTo>
                    <a:pt x="114" y="328"/>
                    <a:pt x="99" y="324"/>
                    <a:pt x="88" y="316"/>
                  </a:cubicBezTo>
                  <a:cubicBezTo>
                    <a:pt x="83" y="317"/>
                    <a:pt x="78" y="317"/>
                    <a:pt x="73" y="317"/>
                  </a:cubicBezTo>
                  <a:cubicBezTo>
                    <a:pt x="33" y="317"/>
                    <a:pt x="0" y="296"/>
                    <a:pt x="0" y="268"/>
                  </a:cubicBezTo>
                  <a:cubicBezTo>
                    <a:pt x="0" y="241"/>
                    <a:pt x="33" y="219"/>
                    <a:pt x="73" y="219"/>
                  </a:cubicBezTo>
                  <a:cubicBezTo>
                    <a:pt x="75" y="219"/>
                    <a:pt x="77" y="219"/>
                    <a:pt x="79" y="220"/>
                  </a:cubicBezTo>
                  <a:cubicBezTo>
                    <a:pt x="84" y="187"/>
                    <a:pt x="124" y="162"/>
                    <a:pt x="173" y="162"/>
                  </a:cubicBezTo>
                  <a:close/>
                  <a:moveTo>
                    <a:pt x="173" y="162"/>
                  </a:moveTo>
                  <a:cubicBezTo>
                    <a:pt x="173" y="162"/>
                    <a:pt x="173" y="162"/>
                    <a:pt x="173" y="162"/>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2" name="Freeform 21">
              <a:extLst>
                <a:ext uri="{FF2B5EF4-FFF2-40B4-BE49-F238E27FC236}">
                  <a16:creationId xmlns:a16="http://schemas.microsoft.com/office/drawing/2014/main" xmlns="" id="{8491989A-B203-4549-8612-80E36675203C}"/>
                </a:ext>
              </a:extLst>
            </p:cNvPr>
            <p:cNvSpPr>
              <a:spLocks noEditPoints="1"/>
            </p:cNvSpPr>
            <p:nvPr/>
          </p:nvSpPr>
          <p:spPr bwMode="auto">
            <a:xfrm>
              <a:off x="1619" y="1942"/>
              <a:ext cx="3615" cy="2003"/>
            </a:xfrm>
            <a:custGeom>
              <a:avLst/>
              <a:gdLst>
                <a:gd name="T0" fmla="*/ 0 w 3276"/>
                <a:gd name="T1" fmla="*/ 0 h 1600"/>
                <a:gd name="T2" fmla="*/ 3276 w 3276"/>
                <a:gd name="T3" fmla="*/ 0 h 1600"/>
                <a:gd name="T4" fmla="*/ 1638 w 3276"/>
                <a:gd name="T5" fmla="*/ 1600 h 1600"/>
                <a:gd name="T6" fmla="*/ 0 w 3276"/>
                <a:gd name="T7" fmla="*/ 0 h 1600"/>
                <a:gd name="T8" fmla="*/ 0 w 3276"/>
                <a:gd name="T9" fmla="*/ 0 h 1600"/>
                <a:gd name="T10" fmla="*/ 0 w 3276"/>
                <a:gd name="T11" fmla="*/ 0 h 1600"/>
              </a:gdLst>
              <a:ahLst/>
              <a:cxnLst>
                <a:cxn ang="0">
                  <a:pos x="T0" y="T1"/>
                </a:cxn>
                <a:cxn ang="0">
                  <a:pos x="T2" y="T3"/>
                </a:cxn>
                <a:cxn ang="0">
                  <a:pos x="T4" y="T5"/>
                </a:cxn>
                <a:cxn ang="0">
                  <a:pos x="T6" y="T7"/>
                </a:cxn>
                <a:cxn ang="0">
                  <a:pos x="T8" y="T9"/>
                </a:cxn>
                <a:cxn ang="0">
                  <a:pos x="T10" y="T11"/>
                </a:cxn>
              </a:cxnLst>
              <a:rect l="0" t="0" r="r" b="b"/>
              <a:pathLst>
                <a:path w="3276" h="1600">
                  <a:moveTo>
                    <a:pt x="0" y="0"/>
                  </a:moveTo>
                  <a:cubicBezTo>
                    <a:pt x="3276" y="0"/>
                    <a:pt x="3276" y="0"/>
                    <a:pt x="3276" y="0"/>
                  </a:cubicBezTo>
                  <a:cubicBezTo>
                    <a:pt x="3255" y="887"/>
                    <a:pt x="2530" y="1600"/>
                    <a:pt x="1638" y="1600"/>
                  </a:cubicBezTo>
                  <a:cubicBezTo>
                    <a:pt x="746" y="1600"/>
                    <a:pt x="21" y="887"/>
                    <a:pt x="0" y="0"/>
                  </a:cubicBezTo>
                  <a:close/>
                  <a:moveTo>
                    <a:pt x="0" y="0"/>
                  </a:moveTo>
                  <a:cubicBezTo>
                    <a:pt x="0" y="0"/>
                    <a:pt x="0" y="0"/>
                    <a:pt x="0" y="0"/>
                  </a:cubicBezTo>
                </a:path>
              </a:pathLst>
            </a:custGeom>
            <a:solidFill>
              <a:srgbClr val="666666">
                <a:alpha val="70000"/>
              </a:srgbClr>
            </a:solidFill>
            <a:ln w="9525">
              <a:solidFill>
                <a:srgbClr val="000000"/>
              </a:solidFill>
              <a:round/>
              <a:headEnd/>
              <a:tailEnd/>
            </a:ln>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3" name="Freeform 25">
              <a:extLst>
                <a:ext uri="{FF2B5EF4-FFF2-40B4-BE49-F238E27FC236}">
                  <a16:creationId xmlns:a16="http://schemas.microsoft.com/office/drawing/2014/main" xmlns="" id="{917BEC03-6744-4134-979D-E4C1EBEA6B64}"/>
                </a:ext>
              </a:extLst>
            </p:cNvPr>
            <p:cNvSpPr>
              <a:spLocks noEditPoints="1"/>
            </p:cNvSpPr>
            <p:nvPr/>
          </p:nvSpPr>
          <p:spPr bwMode="auto">
            <a:xfrm>
              <a:off x="2086" y="1942"/>
              <a:ext cx="2681" cy="763"/>
            </a:xfrm>
            <a:custGeom>
              <a:avLst/>
              <a:gdLst>
                <a:gd name="T0" fmla="*/ 439 w 2681"/>
                <a:gd name="T1" fmla="*/ 763 h 763"/>
                <a:gd name="T2" fmla="*/ 0 w 2681"/>
                <a:gd name="T3" fmla="*/ 0 h 763"/>
                <a:gd name="T4" fmla="*/ 2681 w 2681"/>
                <a:gd name="T5" fmla="*/ 0 h 763"/>
                <a:gd name="T6" fmla="*/ 2213 w 2681"/>
                <a:gd name="T7" fmla="*/ 754 h 763"/>
                <a:gd name="T8" fmla="*/ 1729 w 2681"/>
                <a:gd name="T9" fmla="*/ 225 h 763"/>
                <a:gd name="T10" fmla="*/ 795 w 2681"/>
                <a:gd name="T11" fmla="*/ 234 h 763"/>
                <a:gd name="T12" fmla="*/ 439 w 2681"/>
                <a:gd name="T13" fmla="*/ 763 h 763"/>
                <a:gd name="T14" fmla="*/ 439 w 2681"/>
                <a:gd name="T15" fmla="*/ 763 h 763"/>
                <a:gd name="T16" fmla="*/ 439 w 2681"/>
                <a:gd name="T17" fmla="*/ 763 h 7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81" h="763">
                  <a:moveTo>
                    <a:pt x="439" y="763"/>
                  </a:moveTo>
                  <a:lnTo>
                    <a:pt x="0" y="0"/>
                  </a:lnTo>
                  <a:lnTo>
                    <a:pt x="2681" y="0"/>
                  </a:lnTo>
                  <a:lnTo>
                    <a:pt x="2213" y="754"/>
                  </a:lnTo>
                  <a:lnTo>
                    <a:pt x="1729" y="225"/>
                  </a:lnTo>
                  <a:lnTo>
                    <a:pt x="795" y="234"/>
                  </a:lnTo>
                  <a:lnTo>
                    <a:pt x="439" y="763"/>
                  </a:lnTo>
                  <a:close/>
                  <a:moveTo>
                    <a:pt x="439" y="763"/>
                  </a:moveTo>
                  <a:lnTo>
                    <a:pt x="439" y="763"/>
                  </a:lnTo>
                  <a:close/>
                </a:path>
              </a:pathLst>
            </a:custGeom>
            <a:solidFill>
              <a:srgbClr val="C2E2E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4" name="Freeform 26">
              <a:extLst>
                <a:ext uri="{FF2B5EF4-FFF2-40B4-BE49-F238E27FC236}">
                  <a16:creationId xmlns:a16="http://schemas.microsoft.com/office/drawing/2014/main" xmlns="" id="{D403B87A-AD95-4A1D-AB82-4CCE780995CF}"/>
                </a:ext>
              </a:extLst>
            </p:cNvPr>
            <p:cNvSpPr>
              <a:spLocks noEditPoints="1"/>
            </p:cNvSpPr>
            <p:nvPr/>
          </p:nvSpPr>
          <p:spPr bwMode="auto">
            <a:xfrm>
              <a:off x="2086" y="1942"/>
              <a:ext cx="2681" cy="763"/>
            </a:xfrm>
            <a:custGeom>
              <a:avLst/>
              <a:gdLst>
                <a:gd name="T0" fmla="*/ 439 w 2681"/>
                <a:gd name="T1" fmla="*/ 763 h 763"/>
                <a:gd name="T2" fmla="*/ 0 w 2681"/>
                <a:gd name="T3" fmla="*/ 0 h 763"/>
                <a:gd name="T4" fmla="*/ 2681 w 2681"/>
                <a:gd name="T5" fmla="*/ 0 h 763"/>
                <a:gd name="T6" fmla="*/ 2213 w 2681"/>
                <a:gd name="T7" fmla="*/ 754 h 763"/>
                <a:gd name="T8" fmla="*/ 1729 w 2681"/>
                <a:gd name="T9" fmla="*/ 225 h 763"/>
                <a:gd name="T10" fmla="*/ 795 w 2681"/>
                <a:gd name="T11" fmla="*/ 234 h 763"/>
                <a:gd name="T12" fmla="*/ 439 w 2681"/>
                <a:gd name="T13" fmla="*/ 763 h 763"/>
                <a:gd name="T14" fmla="*/ 439 w 2681"/>
                <a:gd name="T15" fmla="*/ 763 h 763"/>
                <a:gd name="T16" fmla="*/ 439 w 2681"/>
                <a:gd name="T17" fmla="*/ 763 h 7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81" h="763">
                  <a:moveTo>
                    <a:pt x="439" y="763"/>
                  </a:moveTo>
                  <a:lnTo>
                    <a:pt x="0" y="0"/>
                  </a:lnTo>
                  <a:lnTo>
                    <a:pt x="2681" y="0"/>
                  </a:lnTo>
                  <a:lnTo>
                    <a:pt x="2213" y="754"/>
                  </a:lnTo>
                  <a:lnTo>
                    <a:pt x="1729" y="225"/>
                  </a:lnTo>
                  <a:lnTo>
                    <a:pt x="795" y="234"/>
                  </a:lnTo>
                  <a:lnTo>
                    <a:pt x="439" y="763"/>
                  </a:lnTo>
                  <a:moveTo>
                    <a:pt x="439" y="763"/>
                  </a:moveTo>
                  <a:lnTo>
                    <a:pt x="439" y="763"/>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5" name="Freeform 27">
              <a:extLst>
                <a:ext uri="{FF2B5EF4-FFF2-40B4-BE49-F238E27FC236}">
                  <a16:creationId xmlns:a16="http://schemas.microsoft.com/office/drawing/2014/main" xmlns="" id="{30C4159B-B41B-4746-BCA7-C30E46FA0779}"/>
                </a:ext>
              </a:extLst>
            </p:cNvPr>
            <p:cNvSpPr>
              <a:spLocks noEditPoints="1"/>
            </p:cNvSpPr>
            <p:nvPr/>
          </p:nvSpPr>
          <p:spPr bwMode="auto">
            <a:xfrm>
              <a:off x="2749" y="1942"/>
              <a:ext cx="1422" cy="1779"/>
            </a:xfrm>
            <a:custGeom>
              <a:avLst/>
              <a:gdLst>
                <a:gd name="T0" fmla="*/ 0 w 1289"/>
                <a:gd name="T1" fmla="*/ 0 h 867"/>
                <a:gd name="T2" fmla="*/ 261 w 1289"/>
                <a:gd name="T3" fmla="*/ 457 h 867"/>
                <a:gd name="T4" fmla="*/ 323 w 1289"/>
                <a:gd name="T5" fmla="*/ 334 h 867"/>
                <a:gd name="T6" fmla="*/ 629 w 1289"/>
                <a:gd name="T7" fmla="*/ 867 h 867"/>
                <a:gd name="T8" fmla="*/ 918 w 1289"/>
                <a:gd name="T9" fmla="*/ 300 h 867"/>
                <a:gd name="T10" fmla="*/ 1091 w 1289"/>
                <a:gd name="T11" fmla="*/ 602 h 867"/>
                <a:gd name="T12" fmla="*/ 1289 w 1289"/>
                <a:gd name="T13" fmla="*/ 213 h 867"/>
                <a:gd name="T14" fmla="*/ 1101 w 1289"/>
                <a:gd name="T15" fmla="*/ 0 h 867"/>
                <a:gd name="T16" fmla="*/ 0 w 1289"/>
                <a:gd name="T17" fmla="*/ 0 h 867"/>
                <a:gd name="T18" fmla="*/ 0 w 1289"/>
                <a:gd name="T19" fmla="*/ 0 h 867"/>
                <a:gd name="T20" fmla="*/ 0 w 1289"/>
                <a:gd name="T21" fmla="*/ 0 h 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289" h="867">
                  <a:moveTo>
                    <a:pt x="0" y="0"/>
                  </a:moveTo>
                  <a:cubicBezTo>
                    <a:pt x="261" y="457"/>
                    <a:pt x="261" y="457"/>
                    <a:pt x="261" y="457"/>
                  </a:cubicBezTo>
                  <a:cubicBezTo>
                    <a:pt x="323" y="334"/>
                    <a:pt x="323" y="334"/>
                    <a:pt x="323" y="334"/>
                  </a:cubicBezTo>
                  <a:cubicBezTo>
                    <a:pt x="629" y="867"/>
                    <a:pt x="629" y="867"/>
                    <a:pt x="629" y="867"/>
                  </a:cubicBezTo>
                  <a:cubicBezTo>
                    <a:pt x="918" y="300"/>
                    <a:pt x="918" y="300"/>
                    <a:pt x="918" y="300"/>
                  </a:cubicBezTo>
                  <a:cubicBezTo>
                    <a:pt x="1091" y="602"/>
                    <a:pt x="1091" y="602"/>
                    <a:pt x="1091" y="602"/>
                  </a:cubicBezTo>
                  <a:cubicBezTo>
                    <a:pt x="1289" y="213"/>
                    <a:pt x="1289" y="213"/>
                    <a:pt x="1289" y="213"/>
                  </a:cubicBezTo>
                  <a:cubicBezTo>
                    <a:pt x="1239" y="132"/>
                    <a:pt x="1176" y="60"/>
                    <a:pt x="1101" y="0"/>
                  </a:cubicBezTo>
                  <a:lnTo>
                    <a:pt x="0" y="0"/>
                  </a:lnTo>
                  <a:close/>
                  <a:moveTo>
                    <a:pt x="0" y="0"/>
                  </a:moveTo>
                  <a:cubicBezTo>
                    <a:pt x="0" y="0"/>
                    <a:pt x="0" y="0"/>
                    <a:pt x="0" y="0"/>
                  </a:cubicBezTo>
                </a:path>
              </a:pathLst>
            </a:custGeom>
            <a:solidFill>
              <a:srgbClr val="99DFF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6" name="Freeform 28">
              <a:extLst>
                <a:ext uri="{FF2B5EF4-FFF2-40B4-BE49-F238E27FC236}">
                  <a16:creationId xmlns:a16="http://schemas.microsoft.com/office/drawing/2014/main" xmlns="" id="{DD1AEBA6-17F2-46BD-B82B-3C58A663D197}"/>
                </a:ext>
              </a:extLst>
            </p:cNvPr>
            <p:cNvSpPr>
              <a:spLocks noEditPoints="1"/>
            </p:cNvSpPr>
            <p:nvPr/>
          </p:nvSpPr>
          <p:spPr bwMode="auto">
            <a:xfrm>
              <a:off x="3324" y="1942"/>
              <a:ext cx="971" cy="1280"/>
            </a:xfrm>
            <a:custGeom>
              <a:avLst/>
              <a:gdLst>
                <a:gd name="T0" fmla="*/ 119 w 971"/>
                <a:gd name="T1" fmla="*/ 957 h 957"/>
                <a:gd name="T2" fmla="*/ 491 w 971"/>
                <a:gd name="T3" fmla="*/ 225 h 957"/>
                <a:gd name="T4" fmla="*/ 629 w 971"/>
                <a:gd name="T5" fmla="*/ 665 h 957"/>
                <a:gd name="T6" fmla="*/ 971 w 971"/>
                <a:gd name="T7" fmla="*/ 0 h 957"/>
                <a:gd name="T8" fmla="*/ 110 w 971"/>
                <a:gd name="T9" fmla="*/ 0 h 957"/>
                <a:gd name="T10" fmla="*/ 190 w 971"/>
                <a:gd name="T11" fmla="*/ 72 h 957"/>
                <a:gd name="T12" fmla="*/ 0 w 971"/>
                <a:gd name="T13" fmla="*/ 168 h 957"/>
                <a:gd name="T14" fmla="*/ 239 w 971"/>
                <a:gd name="T15" fmla="*/ 301 h 957"/>
                <a:gd name="T16" fmla="*/ 119 w 971"/>
                <a:gd name="T17" fmla="*/ 366 h 957"/>
                <a:gd name="T18" fmla="*/ 119 w 971"/>
                <a:gd name="T19" fmla="*/ 957 h 957"/>
                <a:gd name="T20" fmla="*/ 119 w 971"/>
                <a:gd name="T21" fmla="*/ 957 h 957"/>
                <a:gd name="T22" fmla="*/ 119 w 971"/>
                <a:gd name="T23" fmla="*/ 957 h 9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71" h="957">
                  <a:moveTo>
                    <a:pt x="119" y="957"/>
                  </a:moveTo>
                  <a:lnTo>
                    <a:pt x="491" y="225"/>
                  </a:lnTo>
                  <a:lnTo>
                    <a:pt x="629" y="665"/>
                  </a:lnTo>
                  <a:lnTo>
                    <a:pt x="971" y="0"/>
                  </a:lnTo>
                  <a:lnTo>
                    <a:pt x="110" y="0"/>
                  </a:lnTo>
                  <a:lnTo>
                    <a:pt x="190" y="72"/>
                  </a:lnTo>
                  <a:lnTo>
                    <a:pt x="0" y="168"/>
                  </a:lnTo>
                  <a:lnTo>
                    <a:pt x="239" y="301"/>
                  </a:lnTo>
                  <a:lnTo>
                    <a:pt x="119" y="366"/>
                  </a:lnTo>
                  <a:lnTo>
                    <a:pt x="119" y="957"/>
                  </a:lnTo>
                  <a:close/>
                  <a:moveTo>
                    <a:pt x="119" y="957"/>
                  </a:moveTo>
                  <a:lnTo>
                    <a:pt x="119" y="957"/>
                  </a:lnTo>
                  <a:close/>
                </a:path>
              </a:pathLst>
            </a:cu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7" name="Freeform 29">
              <a:extLst>
                <a:ext uri="{FF2B5EF4-FFF2-40B4-BE49-F238E27FC236}">
                  <a16:creationId xmlns:a16="http://schemas.microsoft.com/office/drawing/2014/main" xmlns="" id="{AE416010-6D0A-43ED-BBCE-C294F5622F3D}"/>
                </a:ext>
              </a:extLst>
            </p:cNvPr>
            <p:cNvSpPr>
              <a:spLocks noEditPoints="1"/>
            </p:cNvSpPr>
            <p:nvPr/>
          </p:nvSpPr>
          <p:spPr bwMode="auto">
            <a:xfrm>
              <a:off x="3324" y="1942"/>
              <a:ext cx="971" cy="957"/>
            </a:xfrm>
            <a:custGeom>
              <a:avLst/>
              <a:gdLst>
                <a:gd name="T0" fmla="*/ 119 w 971"/>
                <a:gd name="T1" fmla="*/ 957 h 957"/>
                <a:gd name="T2" fmla="*/ 491 w 971"/>
                <a:gd name="T3" fmla="*/ 225 h 957"/>
                <a:gd name="T4" fmla="*/ 629 w 971"/>
                <a:gd name="T5" fmla="*/ 665 h 957"/>
                <a:gd name="T6" fmla="*/ 971 w 971"/>
                <a:gd name="T7" fmla="*/ 0 h 957"/>
                <a:gd name="T8" fmla="*/ 110 w 971"/>
                <a:gd name="T9" fmla="*/ 0 h 957"/>
                <a:gd name="T10" fmla="*/ 190 w 971"/>
                <a:gd name="T11" fmla="*/ 72 h 957"/>
                <a:gd name="T12" fmla="*/ 0 w 971"/>
                <a:gd name="T13" fmla="*/ 168 h 957"/>
                <a:gd name="T14" fmla="*/ 239 w 971"/>
                <a:gd name="T15" fmla="*/ 301 h 957"/>
                <a:gd name="T16" fmla="*/ 119 w 971"/>
                <a:gd name="T17" fmla="*/ 366 h 957"/>
                <a:gd name="T18" fmla="*/ 119 w 971"/>
                <a:gd name="T19" fmla="*/ 957 h 957"/>
                <a:gd name="T20" fmla="*/ 119 w 971"/>
                <a:gd name="T21" fmla="*/ 957 h 957"/>
                <a:gd name="T22" fmla="*/ 119 w 971"/>
                <a:gd name="T23" fmla="*/ 957 h 9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71" h="957">
                  <a:moveTo>
                    <a:pt x="119" y="957"/>
                  </a:moveTo>
                  <a:lnTo>
                    <a:pt x="491" y="225"/>
                  </a:lnTo>
                  <a:lnTo>
                    <a:pt x="629" y="665"/>
                  </a:lnTo>
                  <a:lnTo>
                    <a:pt x="971" y="0"/>
                  </a:lnTo>
                  <a:lnTo>
                    <a:pt x="110" y="0"/>
                  </a:lnTo>
                  <a:lnTo>
                    <a:pt x="190" y="72"/>
                  </a:lnTo>
                  <a:lnTo>
                    <a:pt x="0" y="168"/>
                  </a:lnTo>
                  <a:lnTo>
                    <a:pt x="239" y="301"/>
                  </a:lnTo>
                  <a:lnTo>
                    <a:pt x="119" y="366"/>
                  </a:lnTo>
                  <a:lnTo>
                    <a:pt x="119" y="957"/>
                  </a:lnTo>
                  <a:moveTo>
                    <a:pt x="119" y="957"/>
                  </a:moveTo>
                  <a:lnTo>
                    <a:pt x="119" y="95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8" name="Freeform 30">
              <a:extLst>
                <a:ext uri="{FF2B5EF4-FFF2-40B4-BE49-F238E27FC236}">
                  <a16:creationId xmlns:a16="http://schemas.microsoft.com/office/drawing/2014/main" xmlns="" id="{5A394CE7-88E8-49F0-967C-D653EBBA2787}"/>
                </a:ext>
              </a:extLst>
            </p:cNvPr>
            <p:cNvSpPr>
              <a:spLocks noEditPoints="1"/>
            </p:cNvSpPr>
            <p:nvPr/>
          </p:nvSpPr>
          <p:spPr bwMode="auto">
            <a:xfrm>
              <a:off x="2091" y="1942"/>
              <a:ext cx="886" cy="1779"/>
            </a:xfrm>
            <a:custGeom>
              <a:avLst/>
              <a:gdLst>
                <a:gd name="T0" fmla="*/ 434 w 886"/>
                <a:gd name="T1" fmla="*/ 763 h 1028"/>
                <a:gd name="T2" fmla="*/ 581 w 886"/>
                <a:gd name="T3" fmla="*/ 1028 h 1028"/>
                <a:gd name="T4" fmla="*/ 886 w 886"/>
                <a:gd name="T5" fmla="*/ 402 h 1028"/>
                <a:gd name="T6" fmla="*/ 658 w 886"/>
                <a:gd name="T7" fmla="*/ 0 h 1028"/>
                <a:gd name="T8" fmla="*/ 0 w 886"/>
                <a:gd name="T9" fmla="*/ 9 h 1028"/>
                <a:gd name="T10" fmla="*/ 434 w 886"/>
                <a:gd name="T11" fmla="*/ 763 h 1028"/>
                <a:gd name="T12" fmla="*/ 434 w 886"/>
                <a:gd name="T13" fmla="*/ 763 h 1028"/>
                <a:gd name="T14" fmla="*/ 434 w 886"/>
                <a:gd name="T15" fmla="*/ 763 h 10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86" h="1028">
                  <a:moveTo>
                    <a:pt x="434" y="763"/>
                  </a:moveTo>
                  <a:lnTo>
                    <a:pt x="581" y="1028"/>
                  </a:lnTo>
                  <a:lnTo>
                    <a:pt x="886" y="402"/>
                  </a:lnTo>
                  <a:lnTo>
                    <a:pt x="658" y="0"/>
                  </a:lnTo>
                  <a:lnTo>
                    <a:pt x="0" y="9"/>
                  </a:lnTo>
                  <a:lnTo>
                    <a:pt x="434" y="763"/>
                  </a:lnTo>
                  <a:close/>
                  <a:moveTo>
                    <a:pt x="434" y="763"/>
                  </a:moveTo>
                  <a:lnTo>
                    <a:pt x="434" y="763"/>
                  </a:lnTo>
                  <a:close/>
                </a:path>
              </a:pathLst>
            </a:custGeom>
            <a:solidFill>
              <a:srgbClr val="99DFF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89" name="Freeform 31">
              <a:extLst>
                <a:ext uri="{FF2B5EF4-FFF2-40B4-BE49-F238E27FC236}">
                  <a16:creationId xmlns:a16="http://schemas.microsoft.com/office/drawing/2014/main" xmlns="" id="{279D1D91-6D6F-48EE-92D4-10D1EB15D128}"/>
                </a:ext>
              </a:extLst>
            </p:cNvPr>
            <p:cNvSpPr>
              <a:spLocks noEditPoints="1"/>
            </p:cNvSpPr>
            <p:nvPr/>
          </p:nvSpPr>
          <p:spPr bwMode="auto">
            <a:xfrm>
              <a:off x="2091" y="1942"/>
              <a:ext cx="886" cy="1028"/>
            </a:xfrm>
            <a:custGeom>
              <a:avLst/>
              <a:gdLst>
                <a:gd name="T0" fmla="*/ 434 w 886"/>
                <a:gd name="T1" fmla="*/ 763 h 1028"/>
                <a:gd name="T2" fmla="*/ 581 w 886"/>
                <a:gd name="T3" fmla="*/ 1028 h 1028"/>
                <a:gd name="T4" fmla="*/ 886 w 886"/>
                <a:gd name="T5" fmla="*/ 402 h 1028"/>
                <a:gd name="T6" fmla="*/ 658 w 886"/>
                <a:gd name="T7" fmla="*/ 0 h 1028"/>
                <a:gd name="T8" fmla="*/ 0 w 886"/>
                <a:gd name="T9" fmla="*/ 9 h 1028"/>
                <a:gd name="T10" fmla="*/ 434 w 886"/>
                <a:gd name="T11" fmla="*/ 763 h 1028"/>
                <a:gd name="T12" fmla="*/ 434 w 886"/>
                <a:gd name="T13" fmla="*/ 763 h 1028"/>
                <a:gd name="T14" fmla="*/ 434 w 886"/>
                <a:gd name="T15" fmla="*/ 763 h 10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86" h="1028">
                  <a:moveTo>
                    <a:pt x="434" y="763"/>
                  </a:moveTo>
                  <a:lnTo>
                    <a:pt x="581" y="1028"/>
                  </a:lnTo>
                  <a:lnTo>
                    <a:pt x="886" y="402"/>
                  </a:lnTo>
                  <a:lnTo>
                    <a:pt x="658" y="0"/>
                  </a:lnTo>
                  <a:lnTo>
                    <a:pt x="0" y="9"/>
                  </a:lnTo>
                  <a:lnTo>
                    <a:pt x="434" y="763"/>
                  </a:lnTo>
                  <a:moveTo>
                    <a:pt x="434" y="763"/>
                  </a:moveTo>
                  <a:lnTo>
                    <a:pt x="434" y="763"/>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90" name="Freeform 32">
              <a:extLst>
                <a:ext uri="{FF2B5EF4-FFF2-40B4-BE49-F238E27FC236}">
                  <a16:creationId xmlns:a16="http://schemas.microsoft.com/office/drawing/2014/main" xmlns="" id="{A36975D4-DACA-4C8F-9D05-9ACA20CD0362}"/>
                </a:ext>
              </a:extLst>
            </p:cNvPr>
            <p:cNvSpPr>
              <a:spLocks noEditPoints="1"/>
            </p:cNvSpPr>
            <p:nvPr/>
          </p:nvSpPr>
          <p:spPr bwMode="auto">
            <a:xfrm>
              <a:off x="2579" y="1942"/>
              <a:ext cx="2188" cy="1572"/>
            </a:xfrm>
            <a:custGeom>
              <a:avLst/>
              <a:gdLst>
                <a:gd name="T0" fmla="*/ 84 w 1983"/>
                <a:gd name="T1" fmla="*/ 931 h 931"/>
                <a:gd name="T2" fmla="*/ 361 w 1983"/>
                <a:gd name="T3" fmla="*/ 364 h 931"/>
                <a:gd name="T4" fmla="*/ 154 w 1983"/>
                <a:gd name="T5" fmla="*/ 0 h 931"/>
                <a:gd name="T6" fmla="*/ 64 w 1983"/>
                <a:gd name="T7" fmla="*/ 217 h 931"/>
                <a:gd name="T8" fmla="*/ 133 w 1983"/>
                <a:gd name="T9" fmla="*/ 282 h 931"/>
                <a:gd name="T10" fmla="*/ 0 w 1983"/>
                <a:gd name="T11" fmla="*/ 353 h 931"/>
                <a:gd name="T12" fmla="*/ 168 w 1983"/>
                <a:gd name="T13" fmla="*/ 449 h 931"/>
                <a:gd name="T14" fmla="*/ 84 w 1983"/>
                <a:gd name="T15" fmla="*/ 498 h 931"/>
                <a:gd name="T16" fmla="*/ 84 w 1983"/>
                <a:gd name="T17" fmla="*/ 931 h 931"/>
                <a:gd name="T18" fmla="*/ 1559 w 1983"/>
                <a:gd name="T19" fmla="*/ 683 h 931"/>
                <a:gd name="T20" fmla="*/ 1421 w 1983"/>
                <a:gd name="T21" fmla="*/ 929 h 931"/>
                <a:gd name="T22" fmla="*/ 1253 w 1983"/>
                <a:gd name="T23" fmla="*/ 586 h 931"/>
                <a:gd name="T24" fmla="*/ 1443 w 1983"/>
                <a:gd name="T25" fmla="*/ 213 h 931"/>
                <a:gd name="T26" fmla="*/ 1555 w 1983"/>
                <a:gd name="T27" fmla="*/ 0 h 931"/>
                <a:gd name="T28" fmla="*/ 1983 w 1983"/>
                <a:gd name="T29" fmla="*/ 0 h 931"/>
                <a:gd name="T30" fmla="*/ 1559 w 1983"/>
                <a:gd name="T31" fmla="*/ 683 h 931"/>
                <a:gd name="T32" fmla="*/ 1559 w 1983"/>
                <a:gd name="T33" fmla="*/ 683 h 931"/>
                <a:gd name="T34" fmla="*/ 1559 w 1983"/>
                <a:gd name="T35" fmla="*/ 683 h 9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983" h="931">
                  <a:moveTo>
                    <a:pt x="84" y="931"/>
                  </a:moveTo>
                  <a:cubicBezTo>
                    <a:pt x="361" y="364"/>
                    <a:pt x="361" y="364"/>
                    <a:pt x="361" y="364"/>
                  </a:cubicBezTo>
                  <a:cubicBezTo>
                    <a:pt x="154" y="0"/>
                    <a:pt x="154" y="0"/>
                    <a:pt x="154" y="0"/>
                  </a:cubicBezTo>
                  <a:cubicBezTo>
                    <a:pt x="107" y="47"/>
                    <a:pt x="99" y="160"/>
                    <a:pt x="64" y="217"/>
                  </a:cubicBezTo>
                  <a:cubicBezTo>
                    <a:pt x="133" y="282"/>
                    <a:pt x="133" y="282"/>
                    <a:pt x="133" y="282"/>
                  </a:cubicBezTo>
                  <a:cubicBezTo>
                    <a:pt x="0" y="353"/>
                    <a:pt x="0" y="353"/>
                    <a:pt x="0" y="353"/>
                  </a:cubicBezTo>
                  <a:cubicBezTo>
                    <a:pt x="168" y="449"/>
                    <a:pt x="168" y="449"/>
                    <a:pt x="168" y="449"/>
                  </a:cubicBezTo>
                  <a:cubicBezTo>
                    <a:pt x="84" y="498"/>
                    <a:pt x="84" y="498"/>
                    <a:pt x="84" y="498"/>
                  </a:cubicBezTo>
                  <a:cubicBezTo>
                    <a:pt x="84" y="931"/>
                    <a:pt x="84" y="931"/>
                    <a:pt x="84" y="931"/>
                  </a:cubicBezTo>
                  <a:close/>
                  <a:moveTo>
                    <a:pt x="1559" y="683"/>
                  </a:moveTo>
                  <a:cubicBezTo>
                    <a:pt x="1421" y="929"/>
                    <a:pt x="1421" y="929"/>
                    <a:pt x="1421" y="929"/>
                  </a:cubicBezTo>
                  <a:cubicBezTo>
                    <a:pt x="1253" y="586"/>
                    <a:pt x="1253" y="586"/>
                    <a:pt x="1253" y="586"/>
                  </a:cubicBezTo>
                  <a:cubicBezTo>
                    <a:pt x="1443" y="213"/>
                    <a:pt x="1443" y="213"/>
                    <a:pt x="1443" y="213"/>
                  </a:cubicBezTo>
                  <a:cubicBezTo>
                    <a:pt x="1555" y="0"/>
                    <a:pt x="1555" y="0"/>
                    <a:pt x="1555" y="0"/>
                  </a:cubicBezTo>
                  <a:cubicBezTo>
                    <a:pt x="1983" y="0"/>
                    <a:pt x="1983" y="0"/>
                    <a:pt x="1983" y="0"/>
                  </a:cubicBezTo>
                  <a:lnTo>
                    <a:pt x="1559" y="683"/>
                  </a:lnTo>
                  <a:close/>
                  <a:moveTo>
                    <a:pt x="1559" y="683"/>
                  </a:moveTo>
                  <a:cubicBezTo>
                    <a:pt x="1559" y="683"/>
                    <a:pt x="1559" y="683"/>
                    <a:pt x="1559" y="683"/>
                  </a:cubicBezTo>
                </a:path>
              </a:pathLst>
            </a:cu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91" name="Freeform 33">
              <a:extLst>
                <a:ext uri="{FF2B5EF4-FFF2-40B4-BE49-F238E27FC236}">
                  <a16:creationId xmlns:a16="http://schemas.microsoft.com/office/drawing/2014/main" xmlns="" id="{66BCE818-FA62-4C86-B50F-DAAE4A3B8871}"/>
                </a:ext>
              </a:extLst>
            </p:cNvPr>
            <p:cNvSpPr>
              <a:spLocks noEditPoints="1"/>
            </p:cNvSpPr>
            <p:nvPr/>
          </p:nvSpPr>
          <p:spPr bwMode="auto">
            <a:xfrm>
              <a:off x="4087" y="1975"/>
              <a:ext cx="218" cy="573"/>
            </a:xfrm>
            <a:custGeom>
              <a:avLst/>
              <a:gdLst>
                <a:gd name="T0" fmla="*/ 185 w 218"/>
                <a:gd name="T1" fmla="*/ 699 h 699"/>
                <a:gd name="T2" fmla="*/ 0 w 218"/>
                <a:gd name="T3" fmla="*/ 321 h 699"/>
                <a:gd name="T4" fmla="*/ 163 w 218"/>
                <a:gd name="T5" fmla="*/ 0 h 699"/>
                <a:gd name="T6" fmla="*/ 218 w 218"/>
                <a:gd name="T7" fmla="*/ 88 h 699"/>
                <a:gd name="T8" fmla="*/ 152 w 218"/>
                <a:gd name="T9" fmla="*/ 197 h 699"/>
                <a:gd name="T10" fmla="*/ 210 w 218"/>
                <a:gd name="T11" fmla="*/ 259 h 699"/>
                <a:gd name="T12" fmla="*/ 142 w 218"/>
                <a:gd name="T13" fmla="*/ 308 h 699"/>
                <a:gd name="T14" fmla="*/ 185 w 218"/>
                <a:gd name="T15" fmla="*/ 699 h 699"/>
                <a:gd name="T16" fmla="*/ 185 w 218"/>
                <a:gd name="T17" fmla="*/ 699 h 699"/>
                <a:gd name="T18" fmla="*/ 185 w 218"/>
                <a:gd name="T19" fmla="*/ 699 h 6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18" h="699">
                  <a:moveTo>
                    <a:pt x="185" y="699"/>
                  </a:moveTo>
                  <a:lnTo>
                    <a:pt x="0" y="321"/>
                  </a:lnTo>
                  <a:lnTo>
                    <a:pt x="163" y="0"/>
                  </a:lnTo>
                  <a:lnTo>
                    <a:pt x="218" y="88"/>
                  </a:lnTo>
                  <a:lnTo>
                    <a:pt x="152" y="197"/>
                  </a:lnTo>
                  <a:lnTo>
                    <a:pt x="210" y="259"/>
                  </a:lnTo>
                  <a:lnTo>
                    <a:pt x="142" y="308"/>
                  </a:lnTo>
                  <a:lnTo>
                    <a:pt x="185" y="699"/>
                  </a:lnTo>
                  <a:close/>
                  <a:moveTo>
                    <a:pt x="185" y="699"/>
                  </a:moveTo>
                  <a:lnTo>
                    <a:pt x="185" y="699"/>
                  </a:lnTo>
                  <a:close/>
                </a:path>
              </a:pathLst>
            </a:custGeom>
            <a:solidFill>
              <a:srgbClr val="99DFF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92" name="Freeform 34">
              <a:extLst>
                <a:ext uri="{FF2B5EF4-FFF2-40B4-BE49-F238E27FC236}">
                  <a16:creationId xmlns:a16="http://schemas.microsoft.com/office/drawing/2014/main" xmlns="" id="{98F62AE1-7208-4F4A-828F-64589A5C633C}"/>
                </a:ext>
              </a:extLst>
            </p:cNvPr>
            <p:cNvSpPr>
              <a:spLocks noEditPoints="1"/>
            </p:cNvSpPr>
            <p:nvPr/>
          </p:nvSpPr>
          <p:spPr bwMode="auto">
            <a:xfrm>
              <a:off x="3962" y="2268"/>
              <a:ext cx="218" cy="699"/>
            </a:xfrm>
            <a:custGeom>
              <a:avLst/>
              <a:gdLst>
                <a:gd name="T0" fmla="*/ 185 w 218"/>
                <a:gd name="T1" fmla="*/ 699 h 699"/>
                <a:gd name="T2" fmla="*/ 0 w 218"/>
                <a:gd name="T3" fmla="*/ 321 h 699"/>
                <a:gd name="T4" fmla="*/ 163 w 218"/>
                <a:gd name="T5" fmla="*/ 0 h 699"/>
                <a:gd name="T6" fmla="*/ 218 w 218"/>
                <a:gd name="T7" fmla="*/ 88 h 699"/>
                <a:gd name="T8" fmla="*/ 152 w 218"/>
                <a:gd name="T9" fmla="*/ 197 h 699"/>
                <a:gd name="T10" fmla="*/ 210 w 218"/>
                <a:gd name="T11" fmla="*/ 259 h 699"/>
                <a:gd name="T12" fmla="*/ 142 w 218"/>
                <a:gd name="T13" fmla="*/ 308 h 699"/>
                <a:gd name="T14" fmla="*/ 185 w 218"/>
                <a:gd name="T15" fmla="*/ 699 h 699"/>
                <a:gd name="T16" fmla="*/ 185 w 218"/>
                <a:gd name="T17" fmla="*/ 699 h 699"/>
                <a:gd name="T18" fmla="*/ 185 w 218"/>
                <a:gd name="T19" fmla="*/ 699 h 6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18" h="699">
                  <a:moveTo>
                    <a:pt x="185" y="699"/>
                  </a:moveTo>
                  <a:lnTo>
                    <a:pt x="0" y="321"/>
                  </a:lnTo>
                  <a:lnTo>
                    <a:pt x="163" y="0"/>
                  </a:lnTo>
                  <a:lnTo>
                    <a:pt x="218" y="88"/>
                  </a:lnTo>
                  <a:lnTo>
                    <a:pt x="152" y="197"/>
                  </a:lnTo>
                  <a:lnTo>
                    <a:pt x="210" y="259"/>
                  </a:lnTo>
                  <a:lnTo>
                    <a:pt x="142" y="308"/>
                  </a:lnTo>
                  <a:lnTo>
                    <a:pt x="185" y="699"/>
                  </a:lnTo>
                  <a:moveTo>
                    <a:pt x="185" y="699"/>
                  </a:moveTo>
                  <a:lnTo>
                    <a:pt x="185" y="699"/>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sp>
          <p:nvSpPr>
            <p:cNvPr id="193" name="Rectangle 35">
              <a:extLst>
                <a:ext uri="{FF2B5EF4-FFF2-40B4-BE49-F238E27FC236}">
                  <a16:creationId xmlns:a16="http://schemas.microsoft.com/office/drawing/2014/main" xmlns="" id="{14489607-A1FD-49F2-9380-913E7657CD0C}"/>
                </a:ext>
              </a:extLst>
            </p:cNvPr>
            <p:cNvSpPr>
              <a:spLocks noChangeArrowheads="1"/>
            </p:cNvSpPr>
            <p:nvPr/>
          </p:nvSpPr>
          <p:spPr bwMode="auto">
            <a:xfrm>
              <a:off x="2091" y="1942"/>
              <a:ext cx="2676" cy="15"/>
            </a:xfrm>
            <a:prstGeom prst="rect">
              <a:avLst/>
            </a:prstGeom>
            <a:solidFill>
              <a:srgbClr val="B3B3B3"/>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endParaRPr lang="en-US" sz="1600" dirty="0">
                <a:latin typeface="Huawei Sans" panose="020C0503030203020204" pitchFamily="34" charset="0"/>
                <a:ea typeface="微软雅黑"/>
              </a:endParaRPr>
            </a:p>
          </p:txBody>
        </p:sp>
      </p:grpSp>
      <p:cxnSp>
        <p:nvCxnSpPr>
          <p:cNvPr id="162" name="直接连接符 161">
            <a:extLst>
              <a:ext uri="{FF2B5EF4-FFF2-40B4-BE49-F238E27FC236}">
                <a16:creationId xmlns:a16="http://schemas.microsoft.com/office/drawing/2014/main" xmlns="" id="{B6902A5A-1A10-4377-89CD-D256A7E0AB78}"/>
              </a:ext>
            </a:extLst>
          </p:cNvPr>
          <p:cNvCxnSpPr/>
          <p:nvPr/>
        </p:nvCxnSpPr>
        <p:spPr>
          <a:xfrm>
            <a:off x="9598197" y="3203810"/>
            <a:ext cx="609470" cy="8694"/>
          </a:xfrm>
          <a:prstGeom prst="line">
            <a:avLst/>
          </a:prstGeom>
          <a:ln w="3175">
            <a:solidFill>
              <a:schemeClr val="bg1">
                <a:lumMod val="50000"/>
              </a:schemeClr>
            </a:solidFill>
            <a:prstDash val="lgDash"/>
          </a:ln>
        </p:spPr>
        <p:style>
          <a:lnRef idx="1">
            <a:schemeClr val="accent1"/>
          </a:lnRef>
          <a:fillRef idx="0">
            <a:schemeClr val="accent1"/>
          </a:fillRef>
          <a:effectRef idx="0">
            <a:schemeClr val="accent1"/>
          </a:effectRef>
          <a:fontRef idx="minor">
            <a:schemeClr val="tx1"/>
          </a:fontRef>
        </p:style>
      </p:cxnSp>
      <p:cxnSp>
        <p:nvCxnSpPr>
          <p:cNvPr id="163" name="直接连接符 162">
            <a:extLst>
              <a:ext uri="{FF2B5EF4-FFF2-40B4-BE49-F238E27FC236}">
                <a16:creationId xmlns:a16="http://schemas.microsoft.com/office/drawing/2014/main" xmlns="" id="{F0C478E1-9102-45D1-9F3C-23941133163C}"/>
              </a:ext>
            </a:extLst>
          </p:cNvPr>
          <p:cNvCxnSpPr>
            <a:cxnSpLocks/>
          </p:cNvCxnSpPr>
          <p:nvPr/>
        </p:nvCxnSpPr>
        <p:spPr>
          <a:xfrm>
            <a:off x="7012839" y="4734658"/>
            <a:ext cx="2977115" cy="1400"/>
          </a:xfrm>
          <a:prstGeom prst="line">
            <a:avLst/>
          </a:prstGeom>
          <a:ln w="3175">
            <a:solidFill>
              <a:schemeClr val="tx1"/>
            </a:solidFill>
            <a:prstDash val="lgDash"/>
          </a:ln>
        </p:spPr>
        <p:style>
          <a:lnRef idx="1">
            <a:schemeClr val="accent1"/>
          </a:lnRef>
          <a:fillRef idx="0">
            <a:schemeClr val="accent1"/>
          </a:fillRef>
          <a:effectRef idx="0">
            <a:schemeClr val="accent1"/>
          </a:effectRef>
          <a:fontRef idx="minor">
            <a:schemeClr val="tx1"/>
          </a:fontRef>
        </p:style>
      </p:cxnSp>
      <p:cxnSp>
        <p:nvCxnSpPr>
          <p:cNvPr id="166" name="直接箭头连接符 165">
            <a:extLst>
              <a:ext uri="{FF2B5EF4-FFF2-40B4-BE49-F238E27FC236}">
                <a16:creationId xmlns:a16="http://schemas.microsoft.com/office/drawing/2014/main" xmlns="" id="{D0B3A8BD-A329-4BDE-92F8-520C56898B76}"/>
              </a:ext>
            </a:extLst>
          </p:cNvPr>
          <p:cNvCxnSpPr>
            <a:cxnSpLocks/>
          </p:cNvCxnSpPr>
          <p:nvPr/>
        </p:nvCxnSpPr>
        <p:spPr>
          <a:xfrm flipH="1">
            <a:off x="10015328" y="2432182"/>
            <a:ext cx="14048" cy="763258"/>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67" name="直接箭头连接符 166">
            <a:extLst>
              <a:ext uri="{FF2B5EF4-FFF2-40B4-BE49-F238E27FC236}">
                <a16:creationId xmlns:a16="http://schemas.microsoft.com/office/drawing/2014/main" xmlns="" id="{27BE8EE6-6313-4E81-B91D-2B021DD23EE5}"/>
              </a:ext>
            </a:extLst>
          </p:cNvPr>
          <p:cNvCxnSpPr>
            <a:cxnSpLocks/>
          </p:cNvCxnSpPr>
          <p:nvPr/>
        </p:nvCxnSpPr>
        <p:spPr>
          <a:xfrm flipH="1">
            <a:off x="9999201" y="3179161"/>
            <a:ext cx="16127" cy="1523468"/>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70" name="直接连接符 169">
            <a:extLst>
              <a:ext uri="{FF2B5EF4-FFF2-40B4-BE49-F238E27FC236}">
                <a16:creationId xmlns:a16="http://schemas.microsoft.com/office/drawing/2014/main" xmlns="" id="{772BCC85-96C7-4691-994E-5358D121F161}"/>
              </a:ext>
            </a:extLst>
          </p:cNvPr>
          <p:cNvCxnSpPr>
            <a:cxnSpLocks/>
          </p:cNvCxnSpPr>
          <p:nvPr/>
        </p:nvCxnSpPr>
        <p:spPr>
          <a:xfrm>
            <a:off x="7012839" y="2397852"/>
            <a:ext cx="3027485" cy="3815"/>
          </a:xfrm>
          <a:prstGeom prst="line">
            <a:avLst/>
          </a:prstGeom>
          <a:ln w="3175">
            <a:solidFill>
              <a:schemeClr val="tx1"/>
            </a:solidFill>
            <a:prstDash val="lgDash"/>
          </a:ln>
        </p:spPr>
        <p:style>
          <a:lnRef idx="1">
            <a:schemeClr val="accent1"/>
          </a:lnRef>
          <a:fillRef idx="0">
            <a:schemeClr val="accent1"/>
          </a:fillRef>
          <a:effectRef idx="0">
            <a:schemeClr val="accent1"/>
          </a:effectRef>
          <a:fontRef idx="minor">
            <a:schemeClr val="tx1"/>
          </a:fontRef>
        </p:style>
      </p:cxnSp>
      <p:sp>
        <p:nvSpPr>
          <p:cNvPr id="199" name="圆角矩形 75">
            <a:extLst>
              <a:ext uri="{FF2B5EF4-FFF2-40B4-BE49-F238E27FC236}">
                <a16:creationId xmlns:a16="http://schemas.microsoft.com/office/drawing/2014/main" xmlns="" id="{8131A2AE-1278-4DA8-9770-B4C8F2D4DD79}"/>
              </a:ext>
            </a:extLst>
          </p:cNvPr>
          <p:cNvSpPr/>
          <p:nvPr/>
        </p:nvSpPr>
        <p:spPr>
          <a:xfrm>
            <a:off x="466704" y="1297869"/>
            <a:ext cx="5385066" cy="411119"/>
          </a:xfrm>
          <a:prstGeom prst="roundRect">
            <a:avLst>
              <a:gd name="adj" fmla="val 10604"/>
            </a:avLst>
          </a:prstGeom>
          <a:solidFill>
            <a:srgbClr val="00B0F0"/>
          </a:solidFill>
          <a:ln>
            <a:noFill/>
          </a:ln>
        </p:spPr>
        <p:txBody>
          <a:bodyPr wrap="square" rtlCol="0" anchor="ctr" anchorCtr="0">
            <a:noAutofit/>
          </a:bodyPr>
          <a:lstStyle/>
          <a:p>
            <a:pPr algn="ctr"/>
            <a:r>
              <a:rPr lang="zh-CN" altLang="en-US" b="1" dirty="0">
                <a:solidFill>
                  <a:prstClr val="white"/>
                </a:solidFill>
                <a:latin typeface="Huawei Sans" panose="020C0503030203020204" pitchFamily="34" charset="0"/>
                <a:ea typeface="方正兰亭黑简体" panose="02000000000000000000" pitchFamily="2" charset="-122"/>
              </a:rPr>
              <a:t>故障发现难</a:t>
            </a:r>
          </a:p>
        </p:txBody>
      </p:sp>
      <p:sp>
        <p:nvSpPr>
          <p:cNvPr id="200" name="圆角矩形 75">
            <a:extLst>
              <a:ext uri="{FF2B5EF4-FFF2-40B4-BE49-F238E27FC236}">
                <a16:creationId xmlns:a16="http://schemas.microsoft.com/office/drawing/2014/main" xmlns="" id="{00EE95DE-D5FA-4E18-A54C-6442F9E395CC}"/>
              </a:ext>
            </a:extLst>
          </p:cNvPr>
          <p:cNvSpPr/>
          <p:nvPr/>
        </p:nvSpPr>
        <p:spPr>
          <a:xfrm>
            <a:off x="469838" y="1754841"/>
            <a:ext cx="5385066" cy="4398052"/>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201" name="圆角矩形 75">
            <a:extLst>
              <a:ext uri="{FF2B5EF4-FFF2-40B4-BE49-F238E27FC236}">
                <a16:creationId xmlns:a16="http://schemas.microsoft.com/office/drawing/2014/main" xmlns="" id="{9A8AD844-6717-4812-8A06-EA9AE49E66AC}"/>
              </a:ext>
            </a:extLst>
          </p:cNvPr>
          <p:cNvSpPr/>
          <p:nvPr/>
        </p:nvSpPr>
        <p:spPr>
          <a:xfrm>
            <a:off x="6096000" y="1297869"/>
            <a:ext cx="5626162" cy="411119"/>
          </a:xfrm>
          <a:prstGeom prst="roundRect">
            <a:avLst>
              <a:gd name="adj" fmla="val 10604"/>
            </a:avLst>
          </a:prstGeom>
          <a:solidFill>
            <a:srgbClr val="00B0F0"/>
          </a:solidFill>
          <a:ln>
            <a:noFill/>
          </a:ln>
        </p:spPr>
        <p:txBody>
          <a:bodyPr wrap="square" rtlCol="0" anchor="ctr" anchorCtr="0">
            <a:noAutofit/>
          </a:bodyPr>
          <a:lstStyle/>
          <a:p>
            <a:pPr algn="ctr"/>
            <a:r>
              <a:rPr lang="zh-CN" altLang="en-US" b="1">
                <a:solidFill>
                  <a:prstClr val="white"/>
                </a:solidFill>
                <a:latin typeface="Huawei Sans" panose="020C0503030203020204" pitchFamily="34" charset="0"/>
                <a:ea typeface="方正兰亭黑简体" panose="02000000000000000000" pitchFamily="2" charset="-122"/>
              </a:rPr>
              <a:t>故障定位难</a:t>
            </a:r>
          </a:p>
        </p:txBody>
      </p:sp>
      <p:sp>
        <p:nvSpPr>
          <p:cNvPr id="202" name="圆角矩形 75">
            <a:extLst>
              <a:ext uri="{FF2B5EF4-FFF2-40B4-BE49-F238E27FC236}">
                <a16:creationId xmlns:a16="http://schemas.microsoft.com/office/drawing/2014/main" xmlns="" id="{419715EA-19D2-4CD0-A64C-35F874399E84}"/>
              </a:ext>
            </a:extLst>
          </p:cNvPr>
          <p:cNvSpPr/>
          <p:nvPr/>
        </p:nvSpPr>
        <p:spPr>
          <a:xfrm>
            <a:off x="6096000" y="1754841"/>
            <a:ext cx="5626162" cy="4398052"/>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228" name="圆角矩形 5">
            <a:extLst>
              <a:ext uri="{FF2B5EF4-FFF2-40B4-BE49-F238E27FC236}">
                <a16:creationId xmlns:a16="http://schemas.microsoft.com/office/drawing/2014/main" xmlns="" id="{CB08A9FF-9E8C-451B-B213-67022CE6B972}"/>
              </a:ext>
            </a:extLst>
          </p:cNvPr>
          <p:cNvSpPr/>
          <p:nvPr/>
        </p:nvSpPr>
        <p:spPr>
          <a:xfrm>
            <a:off x="780076" y="2037070"/>
            <a:ext cx="1443069" cy="309817"/>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400" kern="0" dirty="0">
                <a:solidFill>
                  <a:srgbClr val="1D1D1A"/>
                </a:solidFill>
                <a:latin typeface="Huawei Sans" panose="020C0503030203020204" pitchFamily="34" charset="0"/>
                <a:ea typeface="方正兰亭黑简体" panose="02000000000000000000" pitchFamily="2" charset="-122"/>
              </a:rPr>
              <a:t>人工故障识别</a:t>
            </a:r>
          </a:p>
        </p:txBody>
      </p:sp>
      <p:sp>
        <p:nvSpPr>
          <p:cNvPr id="229" name="圆角矩形 5">
            <a:extLst>
              <a:ext uri="{FF2B5EF4-FFF2-40B4-BE49-F238E27FC236}">
                <a16:creationId xmlns:a16="http://schemas.microsoft.com/office/drawing/2014/main" xmlns="" id="{4EFD94D4-D547-4ED9-AA87-39A18EC61226}"/>
              </a:ext>
            </a:extLst>
          </p:cNvPr>
          <p:cNvSpPr/>
          <p:nvPr/>
        </p:nvSpPr>
        <p:spPr>
          <a:xfrm>
            <a:off x="2390300" y="2028157"/>
            <a:ext cx="1443069" cy="309817"/>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400" kern="0" dirty="0">
                <a:solidFill>
                  <a:srgbClr val="1D1D1A"/>
                </a:solidFill>
                <a:latin typeface="Huawei Sans" panose="020C0503030203020204" pitchFamily="34" charset="0"/>
                <a:ea typeface="方正兰亭黑简体" panose="02000000000000000000" pitchFamily="2" charset="-122"/>
              </a:rPr>
              <a:t>人工抓包定位</a:t>
            </a:r>
          </a:p>
        </p:txBody>
      </p:sp>
      <p:sp>
        <p:nvSpPr>
          <p:cNvPr id="230" name="圆角矩形 5">
            <a:extLst>
              <a:ext uri="{FF2B5EF4-FFF2-40B4-BE49-F238E27FC236}">
                <a16:creationId xmlns:a16="http://schemas.microsoft.com/office/drawing/2014/main" xmlns="" id="{072FA2FE-D30A-4CC7-BAE1-90887BC4809B}"/>
              </a:ext>
            </a:extLst>
          </p:cNvPr>
          <p:cNvSpPr/>
          <p:nvPr/>
        </p:nvSpPr>
        <p:spPr>
          <a:xfrm>
            <a:off x="4010469" y="2037070"/>
            <a:ext cx="1443069" cy="309817"/>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400" kern="0" dirty="0">
                <a:solidFill>
                  <a:srgbClr val="1D1D1A"/>
                </a:solidFill>
                <a:latin typeface="Huawei Sans" panose="020C0503030203020204" pitchFamily="34" charset="0"/>
                <a:ea typeface="方正兰亭黑简体" panose="02000000000000000000" pitchFamily="2" charset="-122"/>
              </a:rPr>
              <a:t>人工问题诊断</a:t>
            </a:r>
          </a:p>
        </p:txBody>
      </p:sp>
      <p:sp>
        <p:nvSpPr>
          <p:cNvPr id="248" name="文本框 247">
            <a:extLst>
              <a:ext uri="{FF2B5EF4-FFF2-40B4-BE49-F238E27FC236}">
                <a16:creationId xmlns:a16="http://schemas.microsoft.com/office/drawing/2014/main" xmlns="" id="{4F75FA0A-7142-4912-9708-E356CEC87590}"/>
              </a:ext>
            </a:extLst>
          </p:cNvPr>
          <p:cNvSpPr txBox="1"/>
          <p:nvPr/>
        </p:nvSpPr>
        <p:spPr>
          <a:xfrm>
            <a:off x="556356" y="4746935"/>
            <a:ext cx="5091061" cy="1254895"/>
          </a:xfrm>
          <a:prstGeom prst="rect">
            <a:avLst/>
          </a:prstGeom>
          <a:noFill/>
        </p:spPr>
        <p:txBody>
          <a:bodyPr wrap="square" rtlCol="0">
            <a:spAutoFit/>
          </a:bodyPr>
          <a:lstStyle/>
          <a:p>
            <a:pPr marL="285750" indent="-285750">
              <a:lnSpc>
                <a:spcPct val="120000"/>
              </a:lnSpc>
              <a:buFont typeface="Arial" panose="020B0604020202020204" pitchFamily="34" charset="0"/>
              <a:buChar char="•"/>
            </a:pPr>
            <a:r>
              <a:rPr lang="zh-CN" altLang="en-US" sz="1600" dirty="0"/>
              <a:t>传统运维网络故障依靠人工故障识别、人工定位和人工诊断。</a:t>
            </a:r>
            <a:endParaRPr lang="en-US" altLang="zh-CN" sz="1600" dirty="0"/>
          </a:p>
          <a:p>
            <a:pPr marL="285750" indent="-285750">
              <a:lnSpc>
                <a:spcPct val="120000"/>
              </a:lnSpc>
              <a:buFont typeface="Arial" panose="020B0604020202020204" pitchFamily="34" charset="0"/>
              <a:buChar char="•"/>
            </a:pPr>
            <a:r>
              <a:rPr lang="zh-CN" altLang="en-US" sz="1600" dirty="0"/>
              <a:t>超过</a:t>
            </a:r>
            <a:r>
              <a:rPr lang="en-US" altLang="zh-CN" sz="1600" dirty="0"/>
              <a:t>85%</a:t>
            </a:r>
            <a:r>
              <a:rPr lang="zh-CN" altLang="en-US" sz="1600" dirty="0"/>
              <a:t>的网络故障业务投诉后才发现。无法有效主动识别、分析问题。</a:t>
            </a:r>
          </a:p>
        </p:txBody>
      </p:sp>
      <p:sp>
        <p:nvSpPr>
          <p:cNvPr id="249" name="文本框 248">
            <a:extLst>
              <a:ext uri="{FF2B5EF4-FFF2-40B4-BE49-F238E27FC236}">
                <a16:creationId xmlns:a16="http://schemas.microsoft.com/office/drawing/2014/main" xmlns="" id="{7A5A8BEB-1E8C-4BD4-86C6-DF3EE0D75459}"/>
              </a:ext>
            </a:extLst>
          </p:cNvPr>
          <p:cNvSpPr txBox="1"/>
          <p:nvPr/>
        </p:nvSpPr>
        <p:spPr>
          <a:xfrm>
            <a:off x="6209898" y="4877561"/>
            <a:ext cx="5226553" cy="978729"/>
          </a:xfrm>
          <a:prstGeom prst="rect">
            <a:avLst/>
          </a:prstGeom>
          <a:noFill/>
        </p:spPr>
        <p:txBody>
          <a:bodyPr wrap="square" rtlCol="0">
            <a:spAutoFit/>
          </a:bodyPr>
          <a:lstStyle/>
          <a:p>
            <a:pPr marL="285750" indent="-285750">
              <a:lnSpc>
                <a:spcPct val="120000"/>
              </a:lnSpc>
              <a:buFont typeface="Arial" panose="020B0604020202020204" pitchFamily="34" charset="0"/>
              <a:buChar char="•"/>
            </a:pPr>
            <a:r>
              <a:rPr lang="zh-CN" altLang="en-US" sz="1600" dirty="0"/>
              <a:t>传统运维仅监控设备指标，存在指标正常，但用户体验差的情况。缺少用户和网络的关联分析。</a:t>
            </a:r>
          </a:p>
          <a:p>
            <a:pPr marL="285750" indent="-285750">
              <a:lnSpc>
                <a:spcPct val="120000"/>
              </a:lnSpc>
              <a:buFont typeface="Arial" panose="020B0604020202020204" pitchFamily="34" charset="0"/>
              <a:buChar char="•"/>
            </a:pPr>
            <a:r>
              <a:rPr lang="zh-CN" altLang="en-US" sz="1600" dirty="0"/>
              <a:t>数据中心网络统计，一个故障定位平均耗时</a:t>
            </a:r>
            <a:r>
              <a:rPr lang="en-US" altLang="zh-CN" sz="1600" dirty="0"/>
              <a:t>76 min</a:t>
            </a:r>
            <a:r>
              <a:rPr lang="zh-CN" altLang="en-US" sz="1600" dirty="0"/>
              <a:t>。</a:t>
            </a:r>
            <a:endParaRPr lang="en-US" altLang="zh-CN" sz="1600" dirty="0"/>
          </a:p>
        </p:txBody>
      </p:sp>
      <p:sp>
        <p:nvSpPr>
          <p:cNvPr id="258" name="文本框 332">
            <a:extLst>
              <a:ext uri="{FF2B5EF4-FFF2-40B4-BE49-F238E27FC236}">
                <a16:creationId xmlns:a16="http://schemas.microsoft.com/office/drawing/2014/main" xmlns="" id="{2BBEBE09-ED38-41F2-8AFB-6159C76C8686}"/>
              </a:ext>
            </a:extLst>
          </p:cNvPr>
          <p:cNvSpPr txBox="1"/>
          <p:nvPr/>
        </p:nvSpPr>
        <p:spPr>
          <a:xfrm>
            <a:off x="10067810" y="2359302"/>
            <a:ext cx="1719228" cy="1231130"/>
          </a:xfrm>
          <a:prstGeom prst="rect">
            <a:avLst/>
          </a:prstGeom>
          <a:noFill/>
        </p:spPr>
        <p:txBody>
          <a:bodyPr wrap="square" lIns="121944" tIns="60972" rIns="121944" bIns="60972" rtlCol="0">
            <a:spAutoFit/>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defTabSz="1218184">
              <a:lnSpc>
                <a:spcPct val="150000"/>
              </a:lnSpc>
            </a:pPr>
            <a:r>
              <a:rPr lang="zh-CN" altLang="en-US" sz="1600" dirty="0">
                <a:latin typeface="+mn-ea"/>
              </a:rPr>
              <a:t>经用户投诉而定位的网络故障仅是冰山一角。</a:t>
            </a:r>
            <a:endParaRPr lang="en-US" sz="1600" dirty="0">
              <a:latin typeface="+mn-ea"/>
            </a:endParaRPr>
          </a:p>
        </p:txBody>
      </p:sp>
      <p:sp>
        <p:nvSpPr>
          <p:cNvPr id="169" name="文本框 332">
            <a:extLst>
              <a:ext uri="{FF2B5EF4-FFF2-40B4-BE49-F238E27FC236}">
                <a16:creationId xmlns:a16="http://schemas.microsoft.com/office/drawing/2014/main" xmlns="" id="{B8AC4371-FDD8-4BEE-A8E6-0328C14C10BE}"/>
              </a:ext>
            </a:extLst>
          </p:cNvPr>
          <p:cNvSpPr txBox="1"/>
          <p:nvPr/>
        </p:nvSpPr>
        <p:spPr>
          <a:xfrm>
            <a:off x="6650519" y="1831677"/>
            <a:ext cx="3356745" cy="450340"/>
          </a:xfrm>
          <a:prstGeom prst="rect">
            <a:avLst/>
          </a:prstGeom>
          <a:noFill/>
        </p:spPr>
        <p:txBody>
          <a:bodyPr wrap="square" lIns="121944" tIns="60972" rIns="121944" bIns="60972" rtlCol="0">
            <a:spAutoFit/>
          </a:bodyPr>
          <a:ls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a:lstStyle>
          <a:p>
            <a:pPr algn="ctr" defTabSz="1218184">
              <a:lnSpc>
                <a:spcPct val="150000"/>
              </a:lnSpc>
            </a:pPr>
            <a:r>
              <a:rPr lang="zh-CN" altLang="en-US" sz="1600" dirty="0">
                <a:latin typeface="Huawei Sans" panose="020C0503030203020204" pitchFamily="34" charset="0"/>
                <a:ea typeface="微软雅黑"/>
              </a:rPr>
              <a:t>异常流占全网流</a:t>
            </a:r>
            <a:r>
              <a:rPr lang="en-US" sz="1600" b="1" dirty="0">
                <a:latin typeface="Huawei Sans" panose="020C0503030203020204" pitchFamily="34" charset="0"/>
                <a:ea typeface="微软雅黑"/>
              </a:rPr>
              <a:t>3.65</a:t>
            </a:r>
            <a:r>
              <a:rPr lang="en-US" altLang="zh-CN" sz="1600" b="1" dirty="0">
                <a:latin typeface="Huawei Sans" panose="020C0503030203020204" pitchFamily="34" charset="0"/>
                <a:ea typeface="微软雅黑"/>
              </a:rPr>
              <a:t>%</a:t>
            </a:r>
            <a:endParaRPr lang="en-US" sz="1600" b="1" dirty="0">
              <a:latin typeface="Huawei Sans" panose="020C0503030203020204" pitchFamily="34" charset="0"/>
              <a:ea typeface="微软雅黑"/>
            </a:endParaRPr>
          </a:p>
        </p:txBody>
      </p:sp>
    </p:spTree>
    <p:extLst>
      <p:ext uri="{BB962C8B-B14F-4D97-AF65-F5344CB8AC3E}">
        <p14:creationId xmlns:p14="http://schemas.microsoft.com/office/powerpoint/2010/main" val="200669262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圆角矩形 109">
            <a:extLst>
              <a:ext uri="{FF2B5EF4-FFF2-40B4-BE49-F238E27FC236}">
                <a16:creationId xmlns:a16="http://schemas.microsoft.com/office/drawing/2014/main" xmlns="" id="{FA0C3298-826B-4508-9C7D-049CFD0EDFEB}"/>
              </a:ext>
            </a:extLst>
          </p:cNvPr>
          <p:cNvSpPr>
            <a:spLocks noChangeAspect="1"/>
          </p:cNvSpPr>
          <p:nvPr/>
        </p:nvSpPr>
        <p:spPr>
          <a:xfrm>
            <a:off x="6096000" y="4654203"/>
            <a:ext cx="5168304" cy="1537706"/>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sym typeface="Arial"/>
            </a:endParaRPr>
          </a:p>
        </p:txBody>
      </p:sp>
      <p:sp>
        <p:nvSpPr>
          <p:cNvPr id="67" name="圆角矩形 109">
            <a:extLst>
              <a:ext uri="{FF2B5EF4-FFF2-40B4-BE49-F238E27FC236}">
                <a16:creationId xmlns:a16="http://schemas.microsoft.com/office/drawing/2014/main" xmlns="" id="{FA0C3298-826B-4508-9C7D-049CFD0EDFEB}"/>
              </a:ext>
            </a:extLst>
          </p:cNvPr>
          <p:cNvSpPr>
            <a:spLocks noChangeAspect="1"/>
          </p:cNvSpPr>
          <p:nvPr/>
        </p:nvSpPr>
        <p:spPr>
          <a:xfrm>
            <a:off x="6096000" y="3094853"/>
            <a:ext cx="5168304" cy="1431302"/>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sym typeface="Arial"/>
            </a:endParaRPr>
          </a:p>
        </p:txBody>
      </p:sp>
      <p:sp>
        <p:nvSpPr>
          <p:cNvPr id="69" name="圆角矩形 109">
            <a:extLst>
              <a:ext uri="{FF2B5EF4-FFF2-40B4-BE49-F238E27FC236}">
                <a16:creationId xmlns:a16="http://schemas.microsoft.com/office/drawing/2014/main" xmlns="" id="{FA0C3298-826B-4508-9C7D-049CFD0EDFEB}"/>
              </a:ext>
            </a:extLst>
          </p:cNvPr>
          <p:cNvSpPr>
            <a:spLocks noChangeAspect="1"/>
          </p:cNvSpPr>
          <p:nvPr/>
        </p:nvSpPr>
        <p:spPr>
          <a:xfrm>
            <a:off x="6096000" y="1504145"/>
            <a:ext cx="5168304" cy="1460104"/>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sym typeface="Arial"/>
            </a:endParaRPr>
          </a:p>
        </p:txBody>
      </p:sp>
      <p:sp>
        <p:nvSpPr>
          <p:cNvPr id="2" name="标题 1">
            <a:extLst>
              <a:ext uri="{FF2B5EF4-FFF2-40B4-BE49-F238E27FC236}">
                <a16:creationId xmlns:a16="http://schemas.microsoft.com/office/drawing/2014/main" xmlns="" id="{482537A7-EA36-45F4-AD89-E12BA9A36EF7}"/>
              </a:ext>
            </a:extLst>
          </p:cNvPr>
          <p:cNvSpPr>
            <a:spLocks noGrp="1"/>
          </p:cNvSpPr>
          <p:nvPr>
            <p:ph type="title"/>
          </p:nvPr>
        </p:nvSpPr>
        <p:spPr/>
        <p:txBody>
          <a:bodyPr/>
          <a:lstStyle/>
          <a:p>
            <a:r>
              <a:rPr lang="zh-CN" altLang="en-US"/>
              <a:t>网络业务的部署速度太慢</a:t>
            </a:r>
          </a:p>
        </p:txBody>
      </p:sp>
      <p:sp>
        <p:nvSpPr>
          <p:cNvPr id="48" name="五边形 24">
            <a:extLst>
              <a:ext uri="{FF2B5EF4-FFF2-40B4-BE49-F238E27FC236}">
                <a16:creationId xmlns:a16="http://schemas.microsoft.com/office/drawing/2014/main" xmlns="" id="{84C35E3C-5A75-4336-80E1-7C15B3F90C38}"/>
              </a:ext>
            </a:extLst>
          </p:cNvPr>
          <p:cNvSpPr/>
          <p:nvPr/>
        </p:nvSpPr>
        <p:spPr bwMode="auto">
          <a:xfrm>
            <a:off x="8616902" y="124239"/>
            <a:ext cx="888968" cy="213120"/>
          </a:xfrm>
          <a:prstGeom prst="homePlate">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zh-CN" altLang="en-US" sz="1200" kern="0"/>
              <a:t>网络易拥塞</a:t>
            </a:r>
            <a:endParaRPr lang="zh-CN" altLang="en-US" sz="1200" kern="0" dirty="0"/>
          </a:p>
        </p:txBody>
      </p:sp>
      <p:sp>
        <p:nvSpPr>
          <p:cNvPr id="49" name="燕尾形 25">
            <a:extLst>
              <a:ext uri="{FF2B5EF4-FFF2-40B4-BE49-F238E27FC236}">
                <a16:creationId xmlns:a16="http://schemas.microsoft.com/office/drawing/2014/main" xmlns="" id="{8879B196-9FBA-4DC7-9D40-154ACBD68B8D}"/>
              </a:ext>
            </a:extLst>
          </p:cNvPr>
          <p:cNvSpPr/>
          <p:nvPr/>
        </p:nvSpPr>
        <p:spPr bwMode="auto">
          <a:xfrm>
            <a:off x="9425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技术复杂</a:t>
            </a:r>
            <a:endParaRPr lang="en-US" altLang="zh-CN" sz="1200" kern="0"/>
          </a:p>
        </p:txBody>
      </p:sp>
      <p:sp>
        <p:nvSpPr>
          <p:cNvPr id="50" name="燕尾形 26">
            <a:extLst>
              <a:ext uri="{FF2B5EF4-FFF2-40B4-BE49-F238E27FC236}">
                <a16:creationId xmlns:a16="http://schemas.microsoft.com/office/drawing/2014/main" xmlns="" id="{5B433DAE-6A5F-4F46-B5B3-42C6130909C0}"/>
              </a:ext>
            </a:extLst>
          </p:cNvPr>
          <p:cNvSpPr/>
          <p:nvPr/>
        </p:nvSpPr>
        <p:spPr bwMode="auto">
          <a:xfrm>
            <a:off x="10234392"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zh-CN" altLang="en-US" sz="1200" kern="0"/>
              <a:t>运维困难</a:t>
            </a:r>
            <a:endParaRPr lang="en-US" altLang="zh-CN" sz="1200" kern="0"/>
          </a:p>
        </p:txBody>
      </p:sp>
      <p:sp>
        <p:nvSpPr>
          <p:cNvPr id="51" name="燕尾形 27">
            <a:extLst>
              <a:ext uri="{FF2B5EF4-FFF2-40B4-BE49-F238E27FC236}">
                <a16:creationId xmlns:a16="http://schemas.microsoft.com/office/drawing/2014/main" xmlns="" id="{1A272FD7-7754-40BC-B3CE-A2F9A4646754}"/>
              </a:ext>
            </a:extLst>
          </p:cNvPr>
          <p:cNvSpPr/>
          <p:nvPr/>
        </p:nvSpPr>
        <p:spPr bwMode="auto">
          <a:xfrm>
            <a:off x="11043138" y="124239"/>
            <a:ext cx="1008107"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dirty="0">
                <a:solidFill>
                  <a:srgbClr val="FFFFFF"/>
                </a:solidFill>
              </a:rPr>
              <a:t>业务部署慢</a:t>
            </a:r>
            <a:endParaRPr lang="en-US" altLang="zh-CN" sz="1200" b="1" kern="0" dirty="0">
              <a:solidFill>
                <a:srgbClr val="FFFFFF"/>
              </a:solidFill>
            </a:endParaRPr>
          </a:p>
        </p:txBody>
      </p:sp>
      <p:sp>
        <p:nvSpPr>
          <p:cNvPr id="12" name="矩形 11">
            <a:extLst>
              <a:ext uri="{FF2B5EF4-FFF2-40B4-BE49-F238E27FC236}">
                <a16:creationId xmlns:a16="http://schemas.microsoft.com/office/drawing/2014/main" xmlns="" id="{843E9517-313A-467C-92BA-21043AFC584C}"/>
              </a:ext>
            </a:extLst>
          </p:cNvPr>
          <p:cNvSpPr>
            <a:spLocks noChangeAspect="1"/>
          </p:cNvSpPr>
          <p:nvPr/>
        </p:nvSpPr>
        <p:spPr>
          <a:xfrm>
            <a:off x="6138419" y="4873300"/>
            <a:ext cx="5113781" cy="609898"/>
          </a:xfrm>
          <a:prstGeom prst="rect">
            <a:avLst/>
          </a:prstGeom>
        </p:spPr>
        <p:txBody>
          <a:bodyPr wrap="square" lIns="96000" tIns="48000" rIns="96000" bIns="48000">
            <a:spAutoFit/>
          </a:bodyPr>
          <a:lstStyle/>
          <a:p>
            <a:pPr defTabSz="1625655" fontAlgn="ctr">
              <a:lnSpc>
                <a:spcPts val="2000"/>
              </a:lnSpc>
            </a:pPr>
            <a:r>
              <a:rPr lang="zh-CN" altLang="en-US" sz="1600" b="1" dirty="0"/>
              <a:t>物理网络</a:t>
            </a:r>
            <a:r>
              <a:rPr lang="en-US" sz="1600" b="1" dirty="0" err="1"/>
              <a:t>部署效率</a:t>
            </a:r>
            <a:r>
              <a:rPr lang="zh-CN" altLang="en-US" sz="1600" b="1" dirty="0"/>
              <a:t>低：</a:t>
            </a:r>
            <a:endParaRPr lang="en-US" sz="1600" b="1" dirty="0"/>
          </a:p>
          <a:p>
            <a:pPr defTabSz="1625655" fontAlgn="ctr">
              <a:lnSpc>
                <a:spcPts val="2000"/>
              </a:lnSpc>
            </a:pPr>
            <a:r>
              <a:rPr lang="zh-CN" altLang="en-US" sz="1600" dirty="0"/>
              <a:t>物理网络无零配置部署能力。</a:t>
            </a:r>
            <a:endParaRPr lang="en-US" sz="1600" dirty="0"/>
          </a:p>
        </p:txBody>
      </p:sp>
      <p:sp>
        <p:nvSpPr>
          <p:cNvPr id="14" name="矩形 13">
            <a:extLst>
              <a:ext uri="{FF2B5EF4-FFF2-40B4-BE49-F238E27FC236}">
                <a16:creationId xmlns:a16="http://schemas.microsoft.com/office/drawing/2014/main" xmlns="" id="{8F83223D-0D0B-4900-B7AE-8E8C7DC28298}"/>
              </a:ext>
            </a:extLst>
          </p:cNvPr>
          <p:cNvSpPr>
            <a:spLocks noChangeAspect="1"/>
          </p:cNvSpPr>
          <p:nvPr/>
        </p:nvSpPr>
        <p:spPr>
          <a:xfrm>
            <a:off x="6150523" y="1583274"/>
            <a:ext cx="4083869" cy="866379"/>
          </a:xfrm>
          <a:prstGeom prst="rect">
            <a:avLst/>
          </a:prstGeom>
        </p:spPr>
        <p:txBody>
          <a:bodyPr wrap="square" lIns="96000" tIns="48000" rIns="96000" bIns="48000">
            <a:spAutoFit/>
          </a:bodyPr>
          <a:lstStyle/>
          <a:p>
            <a:pPr defTabSz="1625655" fontAlgn="ctr">
              <a:lnSpc>
                <a:spcPts val="2000"/>
              </a:lnSpc>
            </a:pPr>
            <a:r>
              <a:rPr lang="en-US" sz="1600" b="1" dirty="0" err="1"/>
              <a:t>网络策略</a:t>
            </a:r>
            <a:r>
              <a:rPr lang="zh-CN" altLang="en-US" sz="1600" b="1" dirty="0"/>
              <a:t>变更复杂、不灵活：</a:t>
            </a:r>
            <a:endParaRPr lang="en-US" sz="1600" b="1" dirty="0"/>
          </a:p>
          <a:p>
            <a:pPr defTabSz="1625655" fontAlgn="ctr">
              <a:lnSpc>
                <a:spcPts val="2000"/>
              </a:lnSpc>
            </a:pPr>
            <a:r>
              <a:rPr lang="zh-CN" altLang="en-US" sz="1600" dirty="0"/>
              <a:t>网络策略无法细化到用户。策略变更复杂，无法灵活调整。</a:t>
            </a:r>
          </a:p>
        </p:txBody>
      </p:sp>
      <p:sp>
        <p:nvSpPr>
          <p:cNvPr id="15" name="矩形 14">
            <a:extLst>
              <a:ext uri="{FF2B5EF4-FFF2-40B4-BE49-F238E27FC236}">
                <a16:creationId xmlns:a16="http://schemas.microsoft.com/office/drawing/2014/main" xmlns="" id="{81AED2F5-D822-4064-9741-9DB08451B71D}"/>
              </a:ext>
            </a:extLst>
          </p:cNvPr>
          <p:cNvSpPr>
            <a:spLocks noChangeAspect="1"/>
          </p:cNvSpPr>
          <p:nvPr/>
        </p:nvSpPr>
        <p:spPr>
          <a:xfrm>
            <a:off x="6150523" y="3198395"/>
            <a:ext cx="5113781" cy="609898"/>
          </a:xfrm>
          <a:prstGeom prst="rect">
            <a:avLst/>
          </a:prstGeom>
        </p:spPr>
        <p:txBody>
          <a:bodyPr wrap="square" lIns="96000" tIns="48000" rIns="96000" bIns="48000">
            <a:spAutoFit/>
          </a:bodyPr>
          <a:lstStyle/>
          <a:p>
            <a:pPr defTabSz="1625655" fontAlgn="ctr">
              <a:lnSpc>
                <a:spcPts val="2000"/>
              </a:lnSpc>
            </a:pPr>
            <a:r>
              <a:rPr lang="en-US" sz="1600" b="1" dirty="0" err="1"/>
              <a:t>新业务部署周期</a:t>
            </a:r>
            <a:r>
              <a:rPr lang="zh-CN" altLang="en-US" sz="1600" b="1" dirty="0"/>
              <a:t>长：</a:t>
            </a:r>
            <a:endParaRPr lang="en-US" sz="1600" b="1" dirty="0"/>
          </a:p>
          <a:p>
            <a:pPr defTabSz="1625655" fontAlgn="ctr">
              <a:lnSpc>
                <a:spcPts val="2000"/>
              </a:lnSpc>
            </a:pPr>
            <a:r>
              <a:rPr lang="zh-CN" altLang="en-US" sz="1600" dirty="0"/>
              <a:t>新业务部署涉及端到端设备配置修改。</a:t>
            </a:r>
            <a:endParaRPr lang="en-US" sz="1600" dirty="0"/>
          </a:p>
        </p:txBody>
      </p:sp>
      <p:sp>
        <p:nvSpPr>
          <p:cNvPr id="16" name="矩形 15">
            <a:extLst>
              <a:ext uri="{FF2B5EF4-FFF2-40B4-BE49-F238E27FC236}">
                <a16:creationId xmlns:a16="http://schemas.microsoft.com/office/drawing/2014/main" xmlns="" id="{60153648-A004-4859-A61A-93FDA7B6F1F5}"/>
              </a:ext>
            </a:extLst>
          </p:cNvPr>
          <p:cNvSpPr/>
          <p:nvPr/>
        </p:nvSpPr>
        <p:spPr>
          <a:xfrm>
            <a:off x="8051731" y="5586316"/>
            <a:ext cx="1920000" cy="540000"/>
          </a:xfrm>
          <a:prstGeom prst="rect">
            <a:avLst/>
          </a:prstGeom>
          <a:solidFill>
            <a:srgbClr val="F4FBFE"/>
          </a:solidFill>
          <a:ln w="12700" cap="flat" cmpd="sng" algn="ctr">
            <a:solidFill>
              <a:srgbClr val="00B0F0"/>
            </a:solidFill>
            <a:prstDash val="solid"/>
          </a:ln>
          <a:effectLst/>
        </p:spPr>
        <p:txBody>
          <a:bodyPr wrap="square" rtlCol="0" anchor="ctr">
            <a:noAutofit/>
          </a:bodyPr>
          <a:lstStyle/>
          <a:p>
            <a:pPr algn="ctr" defTabSz="1219272"/>
            <a:r>
              <a:rPr lang="zh-CN" altLang="en-US" sz="1400" kern="0" dirty="0"/>
              <a:t>设备逐台命令行配置</a:t>
            </a:r>
          </a:p>
        </p:txBody>
      </p:sp>
      <p:sp>
        <p:nvSpPr>
          <p:cNvPr id="18" name="矩形 17">
            <a:extLst>
              <a:ext uri="{FF2B5EF4-FFF2-40B4-BE49-F238E27FC236}">
                <a16:creationId xmlns:a16="http://schemas.microsoft.com/office/drawing/2014/main" xmlns="" id="{37A33364-AAB6-4FE4-894D-226920E0F3F5}"/>
              </a:ext>
            </a:extLst>
          </p:cNvPr>
          <p:cNvSpPr/>
          <p:nvPr/>
        </p:nvSpPr>
        <p:spPr>
          <a:xfrm>
            <a:off x="8071777" y="3889371"/>
            <a:ext cx="1920000" cy="540000"/>
          </a:xfrm>
          <a:prstGeom prst="rect">
            <a:avLst/>
          </a:prstGeom>
          <a:solidFill>
            <a:srgbClr val="F4FBFE"/>
          </a:solidFill>
          <a:ln w="12700" cap="flat" cmpd="sng" algn="ctr">
            <a:solidFill>
              <a:srgbClr val="00B0F0"/>
            </a:solidFill>
            <a:prstDash val="solid"/>
          </a:ln>
          <a:effectLst/>
        </p:spPr>
        <p:txBody>
          <a:bodyPr wrap="square" rtlCol="0" anchor="ctr">
            <a:noAutofit/>
          </a:bodyPr>
          <a:lstStyle/>
          <a:p>
            <a:pPr algn="ctr" defTabSz="1219272"/>
            <a:r>
              <a:rPr lang="en-US" sz="1400" kern="0"/>
              <a:t>命令行</a:t>
            </a:r>
            <a:r>
              <a:rPr lang="zh-CN" altLang="en-US" sz="1400" kern="0"/>
              <a:t>端到端配置</a:t>
            </a:r>
            <a:endParaRPr lang="en-US" sz="1400" kern="0" dirty="0"/>
          </a:p>
        </p:txBody>
      </p:sp>
      <p:sp>
        <p:nvSpPr>
          <p:cNvPr id="20" name="矩形 19">
            <a:extLst>
              <a:ext uri="{FF2B5EF4-FFF2-40B4-BE49-F238E27FC236}">
                <a16:creationId xmlns:a16="http://schemas.microsoft.com/office/drawing/2014/main" xmlns="" id="{86F91BE2-E9BD-4694-90EE-ABB738D3C7E5}"/>
              </a:ext>
            </a:extLst>
          </p:cNvPr>
          <p:cNvSpPr/>
          <p:nvPr/>
        </p:nvSpPr>
        <p:spPr>
          <a:xfrm>
            <a:off x="8071777" y="2310908"/>
            <a:ext cx="1920000" cy="540000"/>
          </a:xfrm>
          <a:prstGeom prst="rect">
            <a:avLst/>
          </a:prstGeom>
          <a:solidFill>
            <a:srgbClr val="F4FBFE"/>
          </a:solidFill>
          <a:ln w="12700" cap="flat" cmpd="sng" algn="ctr">
            <a:solidFill>
              <a:srgbClr val="00B0F0"/>
            </a:solidFill>
            <a:prstDash val="solid"/>
          </a:ln>
          <a:effectLst/>
        </p:spPr>
        <p:txBody>
          <a:bodyPr wrap="square" rtlCol="0" anchor="ctr">
            <a:noAutofit/>
          </a:bodyPr>
          <a:lstStyle/>
          <a:p>
            <a:pPr lvl="0" algn="ctr" defTabSz="1219272">
              <a:defRPr/>
            </a:pPr>
            <a:r>
              <a:rPr lang="zh-CN" altLang="en-US" sz="1400" kern="0" dirty="0"/>
              <a:t>基于</a:t>
            </a:r>
            <a:r>
              <a:rPr lang="en-US" altLang="zh-CN" sz="1400" kern="0" dirty="0"/>
              <a:t>IP</a:t>
            </a:r>
            <a:r>
              <a:rPr lang="zh-CN" altLang="en-US" sz="1400" kern="0" dirty="0"/>
              <a:t>、位置固定、命令行配置</a:t>
            </a:r>
          </a:p>
        </p:txBody>
      </p:sp>
      <p:sp>
        <p:nvSpPr>
          <p:cNvPr id="46" name="椭圆 45">
            <a:extLst>
              <a:ext uri="{FF2B5EF4-FFF2-40B4-BE49-F238E27FC236}">
                <a16:creationId xmlns:a16="http://schemas.microsoft.com/office/drawing/2014/main" xmlns="" id="{FFD8590C-BAD5-428A-BD9C-42DF5B6F530D}"/>
              </a:ext>
            </a:extLst>
          </p:cNvPr>
          <p:cNvSpPr/>
          <p:nvPr/>
        </p:nvSpPr>
        <p:spPr>
          <a:xfrm>
            <a:off x="764077" y="1713384"/>
            <a:ext cx="5075621" cy="1146002"/>
          </a:xfrm>
          <a:prstGeom prst="ellipse">
            <a:avLst/>
          </a:prstGeom>
          <a:solidFill>
            <a:srgbClr val="70AD47">
              <a:lumMod val="20000"/>
              <a:lumOff val="80000"/>
            </a:srgbClr>
          </a:solidFill>
          <a:ln w="12700" cap="flat" cmpd="sng" algn="ctr">
            <a:noFill/>
            <a:prstDash val="solid"/>
            <a:miter lim="800000"/>
          </a:ln>
          <a:effectLst/>
        </p:spPr>
        <p:txBody>
          <a:bodyPr wrap="square" rtlCol="0" anchor="ctr">
            <a:noAutofit/>
          </a:bodyPr>
          <a:lstStyle/>
          <a:p>
            <a:pPr algn="ctr" defTabSz="1219170" fontAlgn="ctr">
              <a:defRPr/>
            </a:pPr>
            <a:endParaRPr lang="en-US" altLang="zh-CN" sz="1400" kern="0" dirty="0">
              <a:solidFill>
                <a:prstClr val="white"/>
              </a:solidFill>
            </a:endParaRPr>
          </a:p>
        </p:txBody>
      </p:sp>
      <p:sp>
        <p:nvSpPr>
          <p:cNvPr id="47" name="椭圆 46">
            <a:extLst>
              <a:ext uri="{FF2B5EF4-FFF2-40B4-BE49-F238E27FC236}">
                <a16:creationId xmlns:a16="http://schemas.microsoft.com/office/drawing/2014/main" xmlns="" id="{FE56419C-E08A-40B7-A407-1E3B419A2257}"/>
              </a:ext>
            </a:extLst>
          </p:cNvPr>
          <p:cNvSpPr/>
          <p:nvPr/>
        </p:nvSpPr>
        <p:spPr>
          <a:xfrm>
            <a:off x="764077" y="3263266"/>
            <a:ext cx="5075621" cy="1199547"/>
          </a:xfrm>
          <a:prstGeom prst="ellipse">
            <a:avLst/>
          </a:prstGeom>
          <a:solidFill>
            <a:srgbClr val="FFC000">
              <a:lumMod val="20000"/>
              <a:lumOff val="80000"/>
            </a:srgbClr>
          </a:solidFill>
          <a:ln w="12700" cap="flat" cmpd="sng" algn="ctr">
            <a:noFill/>
            <a:prstDash val="solid"/>
            <a:miter lim="800000"/>
          </a:ln>
          <a:effectLst/>
        </p:spPr>
        <p:txBody>
          <a:bodyPr wrap="square" rtlCol="0" anchor="ctr">
            <a:noAutofit/>
          </a:bodyPr>
          <a:lstStyle/>
          <a:p>
            <a:pPr algn="ctr" defTabSz="1219170" fontAlgn="ctr">
              <a:defRPr/>
            </a:pPr>
            <a:endParaRPr lang="en-US" altLang="zh-CN" sz="1400" kern="0" dirty="0">
              <a:solidFill>
                <a:prstClr val="white"/>
              </a:solidFill>
            </a:endParaRPr>
          </a:p>
        </p:txBody>
      </p:sp>
      <p:sp>
        <p:nvSpPr>
          <p:cNvPr id="52" name="椭圆 51">
            <a:extLst>
              <a:ext uri="{FF2B5EF4-FFF2-40B4-BE49-F238E27FC236}">
                <a16:creationId xmlns:a16="http://schemas.microsoft.com/office/drawing/2014/main" xmlns="" id="{ECD7B8C5-71BC-463D-A33B-237A74D4859C}"/>
              </a:ext>
            </a:extLst>
          </p:cNvPr>
          <p:cNvSpPr/>
          <p:nvPr/>
        </p:nvSpPr>
        <p:spPr>
          <a:xfrm>
            <a:off x="775495" y="5009618"/>
            <a:ext cx="5064203" cy="1183917"/>
          </a:xfrm>
          <a:prstGeom prst="ellipse">
            <a:avLst/>
          </a:prstGeom>
          <a:solidFill>
            <a:sysClr val="window" lastClr="FFFFFF">
              <a:lumMod val="95000"/>
            </a:sysClr>
          </a:solidFill>
          <a:ln w="12700" cap="flat" cmpd="sng" algn="ctr">
            <a:noFill/>
            <a:prstDash val="solid"/>
            <a:miter lim="800000"/>
          </a:ln>
          <a:effectLst/>
        </p:spPr>
        <p:txBody>
          <a:bodyPr wrap="square" rtlCol="0" anchor="ctr">
            <a:noAutofit/>
          </a:bodyPr>
          <a:lstStyle/>
          <a:p>
            <a:pPr algn="ctr" defTabSz="1219170" fontAlgn="ctr">
              <a:defRPr/>
            </a:pPr>
            <a:endParaRPr lang="en-US" altLang="zh-CN" sz="1400" kern="0" dirty="0">
              <a:solidFill>
                <a:prstClr val="white"/>
              </a:solidFill>
            </a:endParaRPr>
          </a:p>
        </p:txBody>
      </p:sp>
      <p:cxnSp>
        <p:nvCxnSpPr>
          <p:cNvPr id="53" name="直接连接符 52">
            <a:extLst>
              <a:ext uri="{FF2B5EF4-FFF2-40B4-BE49-F238E27FC236}">
                <a16:creationId xmlns:a16="http://schemas.microsoft.com/office/drawing/2014/main" xmlns="" id="{72464378-E8DB-498D-B469-6397F2C5D86C}"/>
              </a:ext>
            </a:extLst>
          </p:cNvPr>
          <p:cNvCxnSpPr>
            <a:cxnSpLocks/>
            <a:stCxn id="78" idx="3"/>
            <a:endCxn id="97" idx="1"/>
          </p:cNvCxnSpPr>
          <p:nvPr/>
        </p:nvCxnSpPr>
        <p:spPr>
          <a:xfrm flipV="1">
            <a:off x="4229043" y="5930284"/>
            <a:ext cx="551531" cy="4703"/>
          </a:xfrm>
          <a:prstGeom prst="line">
            <a:avLst/>
          </a:prstGeom>
          <a:noFill/>
          <a:ln w="9525" cap="flat" cmpd="sng" algn="ctr">
            <a:solidFill>
              <a:sysClr val="window" lastClr="FFFFFF">
                <a:lumMod val="50000"/>
              </a:sysClr>
            </a:solidFill>
            <a:prstDash val="solid"/>
            <a:miter lim="800000"/>
          </a:ln>
          <a:effectLst/>
        </p:spPr>
      </p:cxnSp>
      <p:sp>
        <p:nvSpPr>
          <p:cNvPr id="55" name="矩形 352">
            <a:extLst>
              <a:ext uri="{FF2B5EF4-FFF2-40B4-BE49-F238E27FC236}">
                <a16:creationId xmlns:a16="http://schemas.microsoft.com/office/drawing/2014/main" xmlns="" id="{6754664B-BC6D-4F18-BB1A-F908BD0AFE7B}"/>
              </a:ext>
            </a:extLst>
          </p:cNvPr>
          <p:cNvSpPr/>
          <p:nvPr/>
        </p:nvSpPr>
        <p:spPr>
          <a:xfrm>
            <a:off x="2847707" y="4728703"/>
            <a:ext cx="1362442" cy="294884"/>
          </a:xfrm>
          <a:prstGeom prst="rect">
            <a:avLst/>
          </a:prstGeom>
        </p:spPr>
        <p:txBody>
          <a:bodyPr wrap="square">
            <a:noAutofit/>
          </a:bodyPr>
          <a:lstStyle/>
          <a:p>
            <a:pPr fontAlgn="ctr"/>
            <a:r>
              <a:rPr lang="zh-CN" altLang="en-US" sz="1600" b="1">
                <a:solidFill>
                  <a:prstClr val="black"/>
                </a:solidFill>
              </a:rPr>
              <a:t>物理网络</a:t>
            </a:r>
            <a:endParaRPr lang="zh-CN" altLang="en-US" sz="1600" b="1" dirty="0">
              <a:solidFill>
                <a:prstClr val="black"/>
              </a:solidFill>
            </a:endParaRPr>
          </a:p>
        </p:txBody>
      </p:sp>
      <p:cxnSp>
        <p:nvCxnSpPr>
          <p:cNvPr id="62" name="直接连接符 61">
            <a:extLst>
              <a:ext uri="{FF2B5EF4-FFF2-40B4-BE49-F238E27FC236}">
                <a16:creationId xmlns:a16="http://schemas.microsoft.com/office/drawing/2014/main" xmlns="" id="{E04C2366-B6F3-4216-A98E-ABC56D22DC1B}"/>
              </a:ext>
            </a:extLst>
          </p:cNvPr>
          <p:cNvCxnSpPr>
            <a:cxnSpLocks/>
          </p:cNvCxnSpPr>
          <p:nvPr/>
        </p:nvCxnSpPr>
        <p:spPr>
          <a:xfrm>
            <a:off x="1580410" y="5597961"/>
            <a:ext cx="622267" cy="0"/>
          </a:xfrm>
          <a:prstGeom prst="line">
            <a:avLst/>
          </a:prstGeom>
          <a:noFill/>
          <a:ln w="9525" cap="flat" cmpd="sng" algn="ctr">
            <a:solidFill>
              <a:sysClr val="window" lastClr="FFFFFF">
                <a:lumMod val="50000"/>
              </a:sysClr>
            </a:solidFill>
            <a:prstDash val="solid"/>
            <a:miter lim="800000"/>
          </a:ln>
          <a:effectLst/>
        </p:spPr>
      </p:cxnSp>
      <p:cxnSp>
        <p:nvCxnSpPr>
          <p:cNvPr id="70" name="直接连接符 69">
            <a:extLst>
              <a:ext uri="{FF2B5EF4-FFF2-40B4-BE49-F238E27FC236}">
                <a16:creationId xmlns:a16="http://schemas.microsoft.com/office/drawing/2014/main" xmlns="" id="{EE1FC398-5B6E-4DE2-A220-41E673D3BFFD}"/>
              </a:ext>
            </a:extLst>
          </p:cNvPr>
          <p:cNvCxnSpPr>
            <a:cxnSpLocks/>
            <a:endCxn id="79" idx="1"/>
          </p:cNvCxnSpPr>
          <p:nvPr/>
        </p:nvCxnSpPr>
        <p:spPr>
          <a:xfrm flipV="1">
            <a:off x="3499838" y="5247643"/>
            <a:ext cx="876615" cy="6584"/>
          </a:xfrm>
          <a:prstGeom prst="line">
            <a:avLst/>
          </a:prstGeom>
          <a:noFill/>
          <a:ln w="9525" cap="flat" cmpd="sng" algn="ctr">
            <a:solidFill>
              <a:sysClr val="window" lastClr="FFFFFF">
                <a:lumMod val="50000"/>
              </a:sysClr>
            </a:solidFill>
            <a:prstDash val="solid"/>
            <a:miter lim="800000"/>
          </a:ln>
          <a:effectLst/>
        </p:spPr>
      </p:cxnSp>
      <p:cxnSp>
        <p:nvCxnSpPr>
          <p:cNvPr id="72" name="直接连接符 71">
            <a:extLst>
              <a:ext uri="{FF2B5EF4-FFF2-40B4-BE49-F238E27FC236}">
                <a16:creationId xmlns:a16="http://schemas.microsoft.com/office/drawing/2014/main" xmlns="" id="{061D1FD3-33DF-479E-8B7D-44CCDF841A2D}"/>
              </a:ext>
            </a:extLst>
          </p:cNvPr>
          <p:cNvCxnSpPr>
            <a:cxnSpLocks/>
            <a:endCxn id="78" idx="3"/>
          </p:cNvCxnSpPr>
          <p:nvPr/>
        </p:nvCxnSpPr>
        <p:spPr>
          <a:xfrm>
            <a:off x="3018033" y="5929205"/>
            <a:ext cx="1211010" cy="5782"/>
          </a:xfrm>
          <a:prstGeom prst="line">
            <a:avLst/>
          </a:prstGeom>
          <a:noFill/>
          <a:ln w="9525" cap="flat" cmpd="sng" algn="ctr">
            <a:solidFill>
              <a:sysClr val="window" lastClr="FFFFFF">
                <a:lumMod val="50000"/>
              </a:sysClr>
            </a:solidFill>
            <a:prstDash val="solid"/>
            <a:miter lim="800000"/>
          </a:ln>
          <a:effectLst/>
        </p:spPr>
      </p:cxnSp>
      <p:cxnSp>
        <p:nvCxnSpPr>
          <p:cNvPr id="73" name="直接连接符 72">
            <a:extLst>
              <a:ext uri="{FF2B5EF4-FFF2-40B4-BE49-F238E27FC236}">
                <a16:creationId xmlns:a16="http://schemas.microsoft.com/office/drawing/2014/main" xmlns="" id="{E08D8A6B-4681-4AE7-BBB9-A02E4A80C203}"/>
              </a:ext>
            </a:extLst>
          </p:cNvPr>
          <p:cNvCxnSpPr>
            <a:cxnSpLocks/>
            <a:endCxn id="79" idx="3"/>
          </p:cNvCxnSpPr>
          <p:nvPr/>
        </p:nvCxnSpPr>
        <p:spPr>
          <a:xfrm flipV="1">
            <a:off x="3018032" y="5247643"/>
            <a:ext cx="1701854" cy="681566"/>
          </a:xfrm>
          <a:prstGeom prst="line">
            <a:avLst/>
          </a:prstGeom>
          <a:noFill/>
          <a:ln w="9525" cap="flat" cmpd="sng" algn="ctr">
            <a:solidFill>
              <a:sysClr val="window" lastClr="FFFFFF">
                <a:lumMod val="50000"/>
              </a:sysClr>
            </a:solidFill>
            <a:prstDash val="solid"/>
            <a:miter lim="800000"/>
          </a:ln>
          <a:effectLst/>
        </p:spPr>
      </p:cxnSp>
      <p:cxnSp>
        <p:nvCxnSpPr>
          <p:cNvPr id="74" name="直接连接符 73">
            <a:extLst>
              <a:ext uri="{FF2B5EF4-FFF2-40B4-BE49-F238E27FC236}">
                <a16:creationId xmlns:a16="http://schemas.microsoft.com/office/drawing/2014/main" xmlns="" id="{63193FB6-7620-4057-B764-366DDE5A2BD7}"/>
              </a:ext>
            </a:extLst>
          </p:cNvPr>
          <p:cNvCxnSpPr>
            <a:cxnSpLocks/>
            <a:endCxn id="78" idx="3"/>
          </p:cNvCxnSpPr>
          <p:nvPr/>
        </p:nvCxnSpPr>
        <p:spPr>
          <a:xfrm>
            <a:off x="3597373" y="5254226"/>
            <a:ext cx="631670" cy="680761"/>
          </a:xfrm>
          <a:prstGeom prst="line">
            <a:avLst/>
          </a:prstGeom>
          <a:noFill/>
          <a:ln w="9525" cap="flat" cmpd="sng" algn="ctr">
            <a:solidFill>
              <a:sysClr val="window" lastClr="FFFFFF">
                <a:lumMod val="50000"/>
              </a:sysClr>
            </a:solidFill>
            <a:prstDash val="solid"/>
            <a:miter lim="800000"/>
          </a:ln>
          <a:effectLst/>
        </p:spPr>
      </p:cxnSp>
      <p:cxnSp>
        <p:nvCxnSpPr>
          <p:cNvPr id="75" name="直接连接符 74">
            <a:extLst>
              <a:ext uri="{FF2B5EF4-FFF2-40B4-BE49-F238E27FC236}">
                <a16:creationId xmlns:a16="http://schemas.microsoft.com/office/drawing/2014/main" xmlns="" id="{F5C197B8-19E5-459B-B34A-5A9FCA8CA840}"/>
              </a:ext>
            </a:extLst>
          </p:cNvPr>
          <p:cNvCxnSpPr/>
          <p:nvPr/>
        </p:nvCxnSpPr>
        <p:spPr>
          <a:xfrm flipH="1">
            <a:off x="3102152" y="5254226"/>
            <a:ext cx="506269" cy="685779"/>
          </a:xfrm>
          <a:prstGeom prst="line">
            <a:avLst/>
          </a:prstGeom>
          <a:noFill/>
          <a:ln w="9525" cap="flat" cmpd="sng" algn="ctr">
            <a:solidFill>
              <a:sysClr val="window" lastClr="FFFFFF">
                <a:lumMod val="50000"/>
              </a:sysClr>
            </a:solidFill>
            <a:prstDash val="solid"/>
            <a:miter lim="800000"/>
          </a:ln>
          <a:effectLst/>
        </p:spPr>
      </p:cxnSp>
      <p:cxnSp>
        <p:nvCxnSpPr>
          <p:cNvPr id="76" name="直接连接符 75">
            <a:extLst>
              <a:ext uri="{FF2B5EF4-FFF2-40B4-BE49-F238E27FC236}">
                <a16:creationId xmlns:a16="http://schemas.microsoft.com/office/drawing/2014/main" xmlns="" id="{B22DDBDE-5118-4F3A-939F-6343F5B1B474}"/>
              </a:ext>
            </a:extLst>
          </p:cNvPr>
          <p:cNvCxnSpPr/>
          <p:nvPr/>
        </p:nvCxnSpPr>
        <p:spPr>
          <a:xfrm flipH="1">
            <a:off x="3043018" y="5254226"/>
            <a:ext cx="506269" cy="685779"/>
          </a:xfrm>
          <a:prstGeom prst="line">
            <a:avLst/>
          </a:prstGeom>
          <a:noFill/>
          <a:ln w="9525" cap="flat" cmpd="sng" algn="ctr">
            <a:solidFill>
              <a:sysClr val="window" lastClr="FFFFFF">
                <a:lumMod val="50000"/>
              </a:sysClr>
            </a:solidFill>
            <a:prstDash val="solid"/>
            <a:miter lim="800000"/>
          </a:ln>
          <a:effectLst/>
        </p:spPr>
      </p:cxnSp>
      <p:cxnSp>
        <p:nvCxnSpPr>
          <p:cNvPr id="77" name="直接连接符 76">
            <a:extLst>
              <a:ext uri="{FF2B5EF4-FFF2-40B4-BE49-F238E27FC236}">
                <a16:creationId xmlns:a16="http://schemas.microsoft.com/office/drawing/2014/main" xmlns="" id="{E0AACDEF-8256-43A9-9B21-74647358B687}"/>
              </a:ext>
            </a:extLst>
          </p:cNvPr>
          <p:cNvCxnSpPr/>
          <p:nvPr/>
        </p:nvCxnSpPr>
        <p:spPr>
          <a:xfrm flipH="1" flipV="1">
            <a:off x="2456687" y="5597115"/>
            <a:ext cx="590619" cy="340976"/>
          </a:xfrm>
          <a:prstGeom prst="line">
            <a:avLst/>
          </a:prstGeom>
          <a:noFill/>
          <a:ln w="9525" cap="flat" cmpd="sng" algn="ctr">
            <a:solidFill>
              <a:sysClr val="window" lastClr="FFFFFF">
                <a:lumMod val="50000"/>
              </a:sysClr>
            </a:solidFill>
            <a:prstDash val="solid"/>
            <a:miter lim="800000"/>
          </a:ln>
          <a:effectLst/>
        </p:spPr>
      </p:cxnSp>
      <p:pic>
        <p:nvPicPr>
          <p:cNvPr id="78" name="图片 76" descr="接入交换机.png">
            <a:extLst>
              <a:ext uri="{FF2B5EF4-FFF2-40B4-BE49-F238E27FC236}">
                <a16:creationId xmlns:a16="http://schemas.microsoft.com/office/drawing/2014/main" xmlns="" id="{E354A290-BB6F-480A-8724-E46B8AE913E4}"/>
              </a:ext>
            </a:extLst>
          </p:cNvPr>
          <p:cNvPicPr>
            <a:picLocks noChangeAspect="1"/>
          </p:cNvPicPr>
          <p:nvPr/>
        </p:nvPicPr>
        <p:blipFill>
          <a:blip r:embed="rId3"/>
          <a:stretch>
            <a:fillRect/>
          </a:stretch>
        </p:blipFill>
        <p:spPr>
          <a:xfrm>
            <a:off x="3885610" y="5794491"/>
            <a:ext cx="343433" cy="280992"/>
          </a:xfrm>
          <a:prstGeom prst="rect">
            <a:avLst/>
          </a:prstGeom>
        </p:spPr>
      </p:pic>
      <p:pic>
        <p:nvPicPr>
          <p:cNvPr id="79" name="图片 78" descr="接入交换机.png">
            <a:extLst>
              <a:ext uri="{FF2B5EF4-FFF2-40B4-BE49-F238E27FC236}">
                <a16:creationId xmlns:a16="http://schemas.microsoft.com/office/drawing/2014/main" xmlns="" id="{E1EC4F64-5F2E-43C3-A250-3F8B65D20C27}"/>
              </a:ext>
            </a:extLst>
          </p:cNvPr>
          <p:cNvPicPr>
            <a:picLocks noChangeAspect="1"/>
          </p:cNvPicPr>
          <p:nvPr/>
        </p:nvPicPr>
        <p:blipFill>
          <a:blip r:embed="rId3"/>
          <a:stretch>
            <a:fillRect/>
          </a:stretch>
        </p:blipFill>
        <p:spPr>
          <a:xfrm>
            <a:off x="4376453" y="5107147"/>
            <a:ext cx="343433" cy="280992"/>
          </a:xfrm>
          <a:prstGeom prst="rect">
            <a:avLst/>
          </a:prstGeom>
        </p:spPr>
      </p:pic>
      <p:cxnSp>
        <p:nvCxnSpPr>
          <p:cNvPr id="80" name="直接连接符 79">
            <a:extLst>
              <a:ext uri="{FF2B5EF4-FFF2-40B4-BE49-F238E27FC236}">
                <a16:creationId xmlns:a16="http://schemas.microsoft.com/office/drawing/2014/main" xmlns="" id="{7904EE0A-C7A1-4263-8489-0A57313424E1}"/>
              </a:ext>
            </a:extLst>
          </p:cNvPr>
          <p:cNvCxnSpPr/>
          <p:nvPr/>
        </p:nvCxnSpPr>
        <p:spPr>
          <a:xfrm flipH="1">
            <a:off x="2457461" y="5254227"/>
            <a:ext cx="1102015" cy="332089"/>
          </a:xfrm>
          <a:prstGeom prst="line">
            <a:avLst/>
          </a:prstGeom>
          <a:noFill/>
          <a:ln w="9525" cap="flat" cmpd="sng" algn="ctr">
            <a:solidFill>
              <a:sysClr val="window" lastClr="FFFFFF">
                <a:lumMod val="50000"/>
              </a:sysClr>
            </a:solidFill>
            <a:prstDash val="solid"/>
            <a:miter lim="800000"/>
          </a:ln>
          <a:effectLst/>
        </p:spPr>
      </p:cxnSp>
      <p:pic>
        <p:nvPicPr>
          <p:cNvPr id="81" name="图片 87" descr="汇聚交换机.png">
            <a:extLst>
              <a:ext uri="{FF2B5EF4-FFF2-40B4-BE49-F238E27FC236}">
                <a16:creationId xmlns:a16="http://schemas.microsoft.com/office/drawing/2014/main" xmlns="" id="{FA5056A0-C7EE-420A-A705-5923C5428C62}"/>
              </a:ext>
            </a:extLst>
          </p:cNvPr>
          <p:cNvPicPr>
            <a:picLocks noChangeAspect="1"/>
          </p:cNvPicPr>
          <p:nvPr/>
        </p:nvPicPr>
        <p:blipFill>
          <a:blip r:embed="rId4"/>
          <a:stretch>
            <a:fillRect/>
          </a:stretch>
        </p:blipFill>
        <p:spPr>
          <a:xfrm>
            <a:off x="3307281" y="5107147"/>
            <a:ext cx="343433" cy="280992"/>
          </a:xfrm>
          <a:prstGeom prst="rect">
            <a:avLst/>
          </a:prstGeom>
        </p:spPr>
      </p:pic>
      <p:pic>
        <p:nvPicPr>
          <p:cNvPr id="82" name="图片 87" descr="汇聚交换机.png">
            <a:extLst>
              <a:ext uri="{FF2B5EF4-FFF2-40B4-BE49-F238E27FC236}">
                <a16:creationId xmlns:a16="http://schemas.microsoft.com/office/drawing/2014/main" xmlns="" id="{37DD2F9D-B374-4699-BCE9-B7977510B450}"/>
              </a:ext>
            </a:extLst>
          </p:cNvPr>
          <p:cNvPicPr>
            <a:picLocks noChangeAspect="1"/>
          </p:cNvPicPr>
          <p:nvPr/>
        </p:nvPicPr>
        <p:blipFill>
          <a:blip r:embed="rId4"/>
          <a:stretch>
            <a:fillRect/>
          </a:stretch>
        </p:blipFill>
        <p:spPr>
          <a:xfrm>
            <a:off x="2817532" y="5794491"/>
            <a:ext cx="343433" cy="280992"/>
          </a:xfrm>
          <a:prstGeom prst="rect">
            <a:avLst/>
          </a:prstGeom>
        </p:spPr>
      </p:pic>
      <p:pic>
        <p:nvPicPr>
          <p:cNvPr id="84" name="图片 86" descr="核心交换机.png">
            <a:extLst>
              <a:ext uri="{FF2B5EF4-FFF2-40B4-BE49-F238E27FC236}">
                <a16:creationId xmlns:a16="http://schemas.microsoft.com/office/drawing/2014/main" xmlns="" id="{FC087D14-2DA7-4032-A9EC-895DF41F393A}"/>
              </a:ext>
            </a:extLst>
          </p:cNvPr>
          <p:cNvPicPr>
            <a:picLocks noChangeAspect="1"/>
          </p:cNvPicPr>
          <p:nvPr/>
        </p:nvPicPr>
        <p:blipFill>
          <a:blip r:embed="rId5"/>
          <a:stretch>
            <a:fillRect/>
          </a:stretch>
        </p:blipFill>
        <p:spPr>
          <a:xfrm>
            <a:off x="2123560" y="5461390"/>
            <a:ext cx="343433" cy="280992"/>
          </a:xfrm>
          <a:prstGeom prst="rect">
            <a:avLst/>
          </a:prstGeom>
        </p:spPr>
      </p:pic>
      <p:pic>
        <p:nvPicPr>
          <p:cNvPr id="85" name="图片 84">
            <a:extLst>
              <a:ext uri="{FF2B5EF4-FFF2-40B4-BE49-F238E27FC236}">
                <a16:creationId xmlns:a16="http://schemas.microsoft.com/office/drawing/2014/main" xmlns="" id="{9C9B3717-4297-4EB4-BD99-20B3CD2059F0}"/>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348005" y="5471732"/>
            <a:ext cx="343433" cy="281216"/>
          </a:xfrm>
          <a:prstGeom prst="rect">
            <a:avLst/>
          </a:prstGeom>
        </p:spPr>
      </p:pic>
      <p:grpSp>
        <p:nvGrpSpPr>
          <p:cNvPr id="86" name="组合 85">
            <a:extLst>
              <a:ext uri="{FF2B5EF4-FFF2-40B4-BE49-F238E27FC236}">
                <a16:creationId xmlns:a16="http://schemas.microsoft.com/office/drawing/2014/main" xmlns="" id="{9CD90AC0-2F38-4A37-9B28-5707BE26170F}"/>
              </a:ext>
            </a:extLst>
          </p:cNvPr>
          <p:cNvGrpSpPr/>
          <p:nvPr/>
        </p:nvGrpSpPr>
        <p:grpSpPr>
          <a:xfrm>
            <a:off x="1020887" y="3499670"/>
            <a:ext cx="4532164" cy="725107"/>
            <a:chOff x="779587" y="3438710"/>
            <a:chExt cx="4532164" cy="725107"/>
          </a:xfrm>
        </p:grpSpPr>
        <p:grpSp>
          <p:nvGrpSpPr>
            <p:cNvPr id="87" name="组合 86">
              <a:extLst>
                <a:ext uri="{FF2B5EF4-FFF2-40B4-BE49-F238E27FC236}">
                  <a16:creationId xmlns:a16="http://schemas.microsoft.com/office/drawing/2014/main" xmlns="" id="{831F12FA-68A4-4833-AA76-0133DCC04448}"/>
                </a:ext>
              </a:extLst>
            </p:cNvPr>
            <p:cNvGrpSpPr/>
            <p:nvPr/>
          </p:nvGrpSpPr>
          <p:grpSpPr>
            <a:xfrm>
              <a:off x="2214202" y="3438710"/>
              <a:ext cx="1691509" cy="725107"/>
              <a:chOff x="1794803" y="3524054"/>
              <a:chExt cx="1771437" cy="725107"/>
            </a:xfrm>
          </p:grpSpPr>
          <p:sp>
            <p:nvSpPr>
              <p:cNvPr id="94" name="Rectangle 12">
                <a:extLst>
                  <a:ext uri="{FF2B5EF4-FFF2-40B4-BE49-F238E27FC236}">
                    <a16:creationId xmlns:a16="http://schemas.microsoft.com/office/drawing/2014/main" xmlns="" id="{F157EF01-B998-47A7-8703-A4400D54CF75}"/>
                  </a:ext>
                </a:extLst>
              </p:cNvPr>
              <p:cNvSpPr>
                <a:spLocks noChangeAspect="1" noChangeArrowheads="1"/>
              </p:cNvSpPr>
              <p:nvPr/>
            </p:nvSpPr>
            <p:spPr bwMode="auto">
              <a:xfrm rot="16200000" flipV="1">
                <a:off x="2317968" y="3000889"/>
                <a:ext cx="725107" cy="1771437"/>
              </a:xfrm>
              <a:prstGeom prst="rect">
                <a:avLst/>
              </a:prstGeom>
              <a:solidFill>
                <a:srgbClr val="4F81BD">
                  <a:lumMod val="75000"/>
                  <a:alpha val="63000"/>
                </a:srgbClr>
              </a:solidFill>
              <a:ln w="9525" cap="flat" cmpd="sng" algn="ctr">
                <a:noFill/>
                <a:prstDash val="solid"/>
                <a:headEnd type="none" w="med" len="med"/>
                <a:tailEnd type="none" w="med" len="med"/>
              </a:ln>
              <a:effectLst/>
              <a:scene3d>
                <a:camera prst="isometricRightUp"/>
                <a:lightRig rig="threePt" dir="t"/>
              </a:scene3d>
            </p:spPr>
            <p:txBody>
              <a:bodyPr vert="horz" wrap="square" lIns="121920" tIns="60960" rIns="121920" bIns="60960" numCol="1" rtlCol="0" anchor="ctr" anchorCtr="1" compatLnSpc="1">
                <a:prstTxWarp prst="textNoShape">
                  <a:avLst/>
                </a:prstTxWarp>
                <a:noAutofit/>
              </a:bodyPr>
              <a:lstStyle/>
              <a:p>
                <a:pPr indent="-239994" algn="ctr" defTabSz="1625655" fontAlgn="ctr">
                  <a:lnSpc>
                    <a:spcPct val="90000"/>
                  </a:lnSpc>
                  <a:spcBef>
                    <a:spcPct val="20000"/>
                  </a:spcBef>
                  <a:buClr>
                    <a:srgbClr val="CC9900"/>
                  </a:buClr>
                  <a:buSzTx/>
                  <a:defRPr/>
                </a:pPr>
                <a:endParaRPr lang="en-US" altLang="zh-CN" sz="1400" kern="0" dirty="0">
                  <a:gradFill>
                    <a:gsLst>
                      <a:gs pos="0">
                        <a:prstClr val="white"/>
                      </a:gs>
                      <a:gs pos="100000">
                        <a:srgbClr val="4FEEFF"/>
                      </a:gs>
                    </a:gsLst>
                    <a:lin ang="5400000" scaled="0"/>
                  </a:gradFill>
                  <a:effectLst>
                    <a:outerShdw blurRad="38100" dist="38100" dir="2700000" algn="tl">
                      <a:srgbClr val="000000">
                        <a:alpha val="43137"/>
                      </a:srgbClr>
                    </a:outerShdw>
                  </a:effectLst>
                  <a:sym typeface="Arial" panose="020B0604020202020204" pitchFamily="34" charset="0"/>
                </a:endParaRPr>
              </a:p>
            </p:txBody>
          </p:sp>
          <p:sp>
            <p:nvSpPr>
              <p:cNvPr id="95" name="上下箭头 97">
                <a:extLst>
                  <a:ext uri="{FF2B5EF4-FFF2-40B4-BE49-F238E27FC236}">
                    <a16:creationId xmlns:a16="http://schemas.microsoft.com/office/drawing/2014/main" xmlns="" id="{B15EF458-3B2D-4038-8C34-34F094722E60}"/>
                  </a:ext>
                </a:extLst>
              </p:cNvPr>
              <p:cNvSpPr>
                <a:spLocks noChangeAspect="1"/>
              </p:cNvSpPr>
              <p:nvPr/>
            </p:nvSpPr>
            <p:spPr>
              <a:xfrm rot="5400000">
                <a:off x="2499344" y="3232878"/>
                <a:ext cx="341003" cy="1307488"/>
              </a:xfrm>
              <a:prstGeom prst="upDownArrow">
                <a:avLst/>
              </a:prstGeom>
              <a:noFill/>
              <a:ln w="3175" cap="flat" cmpd="sng" algn="ctr">
                <a:noFill/>
                <a:prstDash val="solid"/>
              </a:ln>
              <a:effectLst/>
            </p:spPr>
            <p:txBody>
              <a:bodyPr rot="0" spcFirstLastPara="0" vertOverflow="overflow" horzOverflow="overflow" vert="vert270" wrap="square" lIns="0" tIns="0" rIns="0" bIns="0" numCol="1" spcCol="0" rtlCol="0" fromWordArt="0" anchor="ctr" anchorCtr="0" forceAA="0" compatLnSpc="1">
                <a:prstTxWarp prst="textNoShape">
                  <a:avLst/>
                </a:prstTxWarp>
                <a:noAutofit/>
              </a:bodyPr>
              <a:lstStyle/>
              <a:p>
                <a:pPr algn="ctr" defTabSz="1625655" fontAlgn="ctr">
                  <a:lnSpc>
                    <a:spcPct val="90000"/>
                  </a:lnSpc>
                  <a:defRPr/>
                </a:pPr>
                <a:r>
                  <a:rPr lang="en-US" sz="1400" dirty="0" err="1">
                    <a:solidFill>
                      <a:prstClr val="black"/>
                    </a:solidFill>
                  </a:rPr>
                  <a:t>科研虚拟</a:t>
                </a:r>
                <a:r>
                  <a:rPr lang="zh-CN" altLang="en-US" sz="1400" dirty="0">
                    <a:solidFill>
                      <a:prstClr val="black"/>
                    </a:solidFill>
                  </a:rPr>
                  <a:t>网</a:t>
                </a:r>
                <a:endParaRPr lang="en-US" sz="1400" dirty="0">
                  <a:solidFill>
                    <a:prstClr val="black"/>
                  </a:solidFill>
                </a:endParaRPr>
              </a:p>
            </p:txBody>
          </p:sp>
        </p:grpSp>
        <p:grpSp>
          <p:nvGrpSpPr>
            <p:cNvPr id="88" name="组合 87">
              <a:extLst>
                <a:ext uri="{FF2B5EF4-FFF2-40B4-BE49-F238E27FC236}">
                  <a16:creationId xmlns:a16="http://schemas.microsoft.com/office/drawing/2014/main" xmlns="" id="{163BA3A9-659A-4ABE-B079-B0AB7B582C47}"/>
                </a:ext>
              </a:extLst>
            </p:cNvPr>
            <p:cNvGrpSpPr/>
            <p:nvPr/>
          </p:nvGrpSpPr>
          <p:grpSpPr>
            <a:xfrm>
              <a:off x="3591532" y="3438710"/>
              <a:ext cx="1720219" cy="725107"/>
              <a:chOff x="3120916" y="3524054"/>
              <a:chExt cx="1771437" cy="725107"/>
            </a:xfrm>
          </p:grpSpPr>
          <p:sp>
            <p:nvSpPr>
              <p:cNvPr id="92" name="Rectangle 12">
                <a:extLst>
                  <a:ext uri="{FF2B5EF4-FFF2-40B4-BE49-F238E27FC236}">
                    <a16:creationId xmlns:a16="http://schemas.microsoft.com/office/drawing/2014/main" xmlns="" id="{F683132B-5F01-4268-B344-FC6B8CCC0CA4}"/>
                  </a:ext>
                </a:extLst>
              </p:cNvPr>
              <p:cNvSpPr>
                <a:spLocks noChangeAspect="1" noChangeArrowheads="1"/>
              </p:cNvSpPr>
              <p:nvPr/>
            </p:nvSpPr>
            <p:spPr bwMode="auto">
              <a:xfrm rot="16200000" flipV="1">
                <a:off x="3644081" y="3000889"/>
                <a:ext cx="725107" cy="1771437"/>
              </a:xfrm>
              <a:prstGeom prst="rect">
                <a:avLst/>
              </a:prstGeom>
              <a:solidFill>
                <a:srgbClr val="F79646">
                  <a:alpha val="80000"/>
                </a:srgbClr>
              </a:solidFill>
              <a:ln w="9525" cap="flat" cmpd="sng" algn="ctr">
                <a:noFill/>
                <a:prstDash val="solid"/>
                <a:headEnd type="none" w="med" len="med"/>
                <a:tailEnd type="none" w="med" len="med"/>
              </a:ln>
              <a:effectLst/>
              <a:scene3d>
                <a:camera prst="isometricRightUp"/>
                <a:lightRig rig="threePt" dir="t"/>
              </a:scene3d>
            </p:spPr>
            <p:txBody>
              <a:bodyPr vert="horz" wrap="square" lIns="121920" tIns="60960" rIns="121920" bIns="60960" numCol="1" rtlCol="0" anchor="ctr" anchorCtr="1" compatLnSpc="1">
                <a:prstTxWarp prst="textNoShape">
                  <a:avLst/>
                </a:prstTxWarp>
                <a:noAutofit/>
              </a:bodyPr>
              <a:lstStyle/>
              <a:p>
                <a:pPr indent="-239994" algn="ctr" defTabSz="1625655" fontAlgn="ctr">
                  <a:lnSpc>
                    <a:spcPct val="90000"/>
                  </a:lnSpc>
                  <a:spcBef>
                    <a:spcPct val="20000"/>
                  </a:spcBef>
                  <a:buClr>
                    <a:srgbClr val="CC9900"/>
                  </a:buClr>
                  <a:buSzTx/>
                  <a:defRPr/>
                </a:pPr>
                <a:endParaRPr lang="en-US" altLang="zh-CN" sz="1400" kern="0" dirty="0">
                  <a:gradFill>
                    <a:gsLst>
                      <a:gs pos="0">
                        <a:prstClr val="white"/>
                      </a:gs>
                      <a:gs pos="100000">
                        <a:srgbClr val="4FEEFF"/>
                      </a:gs>
                    </a:gsLst>
                    <a:lin ang="5400000" scaled="0"/>
                  </a:gradFill>
                  <a:effectLst>
                    <a:outerShdw blurRad="38100" dist="38100" dir="2700000" algn="tl">
                      <a:srgbClr val="000000">
                        <a:alpha val="43137"/>
                      </a:srgbClr>
                    </a:outerShdw>
                  </a:effectLst>
                  <a:sym typeface="Arial" panose="020B0604020202020204" pitchFamily="34" charset="0"/>
                </a:endParaRPr>
              </a:p>
            </p:txBody>
          </p:sp>
          <p:sp>
            <p:nvSpPr>
              <p:cNvPr id="93" name="上下箭头 98">
                <a:extLst>
                  <a:ext uri="{FF2B5EF4-FFF2-40B4-BE49-F238E27FC236}">
                    <a16:creationId xmlns:a16="http://schemas.microsoft.com/office/drawing/2014/main" xmlns="" id="{019D52E9-5CD4-4FB5-BB14-BD8562AD6A62}"/>
                  </a:ext>
                </a:extLst>
              </p:cNvPr>
              <p:cNvSpPr>
                <a:spLocks noChangeAspect="1"/>
              </p:cNvSpPr>
              <p:nvPr/>
            </p:nvSpPr>
            <p:spPr>
              <a:xfrm rot="5400000">
                <a:off x="3852300" y="3120312"/>
                <a:ext cx="341003" cy="1532623"/>
              </a:xfrm>
              <a:prstGeom prst="upDownArrow">
                <a:avLst/>
              </a:prstGeom>
              <a:noFill/>
              <a:ln w="3175" cap="flat" cmpd="sng" algn="ctr">
                <a:noFill/>
                <a:prstDash val="solid"/>
              </a:ln>
              <a:effectLst/>
            </p:spPr>
            <p:txBody>
              <a:bodyPr rot="0" spcFirstLastPara="0" vertOverflow="overflow" horzOverflow="overflow" vert="vert270" wrap="square" lIns="0" tIns="0" rIns="0" bIns="0" numCol="1" spcCol="0" rtlCol="0" fromWordArt="0" anchor="ctr" anchorCtr="0" forceAA="0" compatLnSpc="1">
                <a:prstTxWarp prst="textNoShape">
                  <a:avLst/>
                </a:prstTxWarp>
                <a:noAutofit/>
              </a:bodyPr>
              <a:lstStyle/>
              <a:p>
                <a:pPr algn="ctr" defTabSz="1625655" fontAlgn="ctr">
                  <a:lnSpc>
                    <a:spcPct val="90000"/>
                  </a:lnSpc>
                  <a:defRPr/>
                </a:pPr>
                <a:r>
                  <a:rPr lang="zh-CN" altLang="en-US" sz="1400" dirty="0">
                    <a:solidFill>
                      <a:prstClr val="black"/>
                    </a:solidFill>
                  </a:rPr>
                  <a:t>视频监控虚拟网</a:t>
                </a:r>
                <a:endParaRPr lang="en-US" sz="1400" dirty="0">
                  <a:solidFill>
                    <a:prstClr val="black"/>
                  </a:solidFill>
                </a:endParaRPr>
              </a:p>
            </p:txBody>
          </p:sp>
        </p:grpSp>
        <p:grpSp>
          <p:nvGrpSpPr>
            <p:cNvPr id="89" name="组合 88">
              <a:extLst>
                <a:ext uri="{FF2B5EF4-FFF2-40B4-BE49-F238E27FC236}">
                  <a16:creationId xmlns:a16="http://schemas.microsoft.com/office/drawing/2014/main" xmlns="" id="{2F99D6AC-97F3-4DB8-BD7C-F4C05E2ADEF0}"/>
                </a:ext>
              </a:extLst>
            </p:cNvPr>
            <p:cNvGrpSpPr/>
            <p:nvPr/>
          </p:nvGrpSpPr>
          <p:grpSpPr>
            <a:xfrm>
              <a:off x="779587" y="3438710"/>
              <a:ext cx="1749433" cy="725107"/>
              <a:chOff x="684812" y="3524054"/>
              <a:chExt cx="1771437" cy="725107"/>
            </a:xfrm>
          </p:grpSpPr>
          <p:sp>
            <p:nvSpPr>
              <p:cNvPr id="90" name="Rectangle 12">
                <a:extLst>
                  <a:ext uri="{FF2B5EF4-FFF2-40B4-BE49-F238E27FC236}">
                    <a16:creationId xmlns:a16="http://schemas.microsoft.com/office/drawing/2014/main" xmlns="" id="{DE88271E-D33D-4C4F-A72B-F8A4E40C2993}"/>
                  </a:ext>
                </a:extLst>
              </p:cNvPr>
              <p:cNvSpPr>
                <a:spLocks noChangeAspect="1" noChangeArrowheads="1"/>
              </p:cNvSpPr>
              <p:nvPr/>
            </p:nvSpPr>
            <p:spPr bwMode="auto">
              <a:xfrm rot="16200000" flipV="1">
                <a:off x="1207977" y="3000889"/>
                <a:ext cx="725107" cy="1771437"/>
              </a:xfrm>
              <a:prstGeom prst="rect">
                <a:avLst/>
              </a:prstGeom>
              <a:solidFill>
                <a:srgbClr val="00B0F0">
                  <a:alpha val="63000"/>
                </a:srgbClr>
              </a:solidFill>
              <a:ln w="9525" cap="flat" cmpd="sng" algn="ctr">
                <a:noFill/>
                <a:prstDash val="solid"/>
                <a:headEnd type="none" w="med" len="med"/>
                <a:tailEnd type="none" w="med" len="med"/>
              </a:ln>
              <a:effectLst/>
              <a:scene3d>
                <a:camera prst="isometricRightUp"/>
                <a:lightRig rig="threePt" dir="t"/>
              </a:scene3d>
            </p:spPr>
            <p:txBody>
              <a:bodyPr vert="horz" wrap="square" lIns="121920" tIns="60960" rIns="121920" bIns="60960" numCol="1" rtlCol="0" anchor="ctr" anchorCtr="1" compatLnSpc="1">
                <a:prstTxWarp prst="textNoShape">
                  <a:avLst/>
                </a:prstTxWarp>
                <a:noAutofit/>
              </a:bodyPr>
              <a:lstStyle/>
              <a:p>
                <a:pPr indent="-239994" algn="ctr" defTabSz="1625655" fontAlgn="ctr">
                  <a:lnSpc>
                    <a:spcPct val="90000"/>
                  </a:lnSpc>
                  <a:spcBef>
                    <a:spcPct val="20000"/>
                  </a:spcBef>
                  <a:buClr>
                    <a:srgbClr val="CC9900"/>
                  </a:buClr>
                  <a:buSzTx/>
                  <a:defRPr/>
                </a:pPr>
                <a:endParaRPr lang="en-US" altLang="zh-CN" sz="1400" kern="0" dirty="0">
                  <a:gradFill>
                    <a:gsLst>
                      <a:gs pos="0">
                        <a:prstClr val="white"/>
                      </a:gs>
                      <a:gs pos="100000">
                        <a:srgbClr val="4FEEFF"/>
                      </a:gs>
                    </a:gsLst>
                    <a:lin ang="5400000" scaled="0"/>
                  </a:gradFill>
                  <a:effectLst>
                    <a:outerShdw blurRad="38100" dist="38100" dir="2700000" algn="tl">
                      <a:srgbClr val="000000">
                        <a:alpha val="43137"/>
                      </a:srgbClr>
                    </a:outerShdw>
                  </a:effectLst>
                  <a:sym typeface="Arial" panose="020B0604020202020204" pitchFamily="34" charset="0"/>
                </a:endParaRPr>
              </a:p>
            </p:txBody>
          </p:sp>
          <p:sp>
            <p:nvSpPr>
              <p:cNvPr id="91" name="上下箭头 100">
                <a:extLst>
                  <a:ext uri="{FF2B5EF4-FFF2-40B4-BE49-F238E27FC236}">
                    <a16:creationId xmlns:a16="http://schemas.microsoft.com/office/drawing/2014/main" xmlns="" id="{7394439F-1A45-4D54-BFD5-00E5B11D8763}"/>
                  </a:ext>
                </a:extLst>
              </p:cNvPr>
              <p:cNvSpPr>
                <a:spLocks noChangeAspect="1"/>
              </p:cNvSpPr>
              <p:nvPr/>
            </p:nvSpPr>
            <p:spPr>
              <a:xfrm rot="5400000">
                <a:off x="1400029" y="3232878"/>
                <a:ext cx="341003" cy="1307488"/>
              </a:xfrm>
              <a:prstGeom prst="upDownArrow">
                <a:avLst/>
              </a:prstGeom>
              <a:noFill/>
              <a:ln w="3175" cap="flat" cmpd="sng" algn="ctr">
                <a:noFill/>
                <a:prstDash val="solid"/>
              </a:ln>
              <a:effectLst/>
            </p:spPr>
            <p:txBody>
              <a:bodyPr rot="0" spcFirstLastPara="0" vertOverflow="overflow" horzOverflow="overflow" vert="vert270" wrap="square" lIns="0" tIns="0" rIns="0" bIns="0" numCol="1" spcCol="0" rtlCol="0" fromWordArt="0" anchor="ctr" anchorCtr="0" forceAA="0" compatLnSpc="1">
                <a:prstTxWarp prst="textNoShape">
                  <a:avLst/>
                </a:prstTxWarp>
                <a:noAutofit/>
              </a:bodyPr>
              <a:lstStyle/>
              <a:p>
                <a:pPr algn="ctr" defTabSz="1625655" fontAlgn="ctr">
                  <a:lnSpc>
                    <a:spcPct val="90000"/>
                  </a:lnSpc>
                  <a:defRPr/>
                </a:pPr>
                <a:r>
                  <a:rPr lang="zh-CN" altLang="en-US" sz="1400" dirty="0">
                    <a:solidFill>
                      <a:prstClr val="black"/>
                    </a:solidFill>
                  </a:rPr>
                  <a:t>办公虚拟网</a:t>
                </a:r>
              </a:p>
            </p:txBody>
          </p:sp>
        </p:grpSp>
      </p:grpSp>
      <p:sp>
        <p:nvSpPr>
          <p:cNvPr id="96" name="矩形 354">
            <a:extLst>
              <a:ext uri="{FF2B5EF4-FFF2-40B4-BE49-F238E27FC236}">
                <a16:creationId xmlns:a16="http://schemas.microsoft.com/office/drawing/2014/main" xmlns="" id="{18C47967-C343-484A-8234-739F0F5C8ED6}"/>
              </a:ext>
            </a:extLst>
          </p:cNvPr>
          <p:cNvSpPr/>
          <p:nvPr/>
        </p:nvSpPr>
        <p:spPr>
          <a:xfrm>
            <a:off x="2834555" y="2979300"/>
            <a:ext cx="1195976" cy="294884"/>
          </a:xfrm>
          <a:prstGeom prst="rect">
            <a:avLst/>
          </a:prstGeom>
        </p:spPr>
        <p:txBody>
          <a:bodyPr wrap="square">
            <a:noAutofit/>
          </a:bodyPr>
          <a:lstStyle/>
          <a:p>
            <a:pPr fontAlgn="ctr"/>
            <a:r>
              <a:rPr lang="zh-CN" altLang="en-US" sz="1600" b="1">
                <a:solidFill>
                  <a:prstClr val="black"/>
                </a:solidFill>
              </a:rPr>
              <a:t>业务网络</a:t>
            </a:r>
            <a:endParaRPr lang="zh-CN" altLang="en-US" sz="1600" b="1" dirty="0">
              <a:solidFill>
                <a:prstClr val="black"/>
              </a:solidFill>
            </a:endParaRPr>
          </a:p>
        </p:txBody>
      </p:sp>
      <p:pic>
        <p:nvPicPr>
          <p:cNvPr id="97" name="图片 105" descr="AP.png">
            <a:extLst>
              <a:ext uri="{FF2B5EF4-FFF2-40B4-BE49-F238E27FC236}">
                <a16:creationId xmlns:a16="http://schemas.microsoft.com/office/drawing/2014/main" xmlns="" id="{FA28E9B6-F8A7-43C7-ACFD-2497F8B2E5D1}"/>
              </a:ext>
            </a:extLst>
          </p:cNvPr>
          <p:cNvPicPr>
            <a:picLocks noChangeAspect="1"/>
          </p:cNvPicPr>
          <p:nvPr/>
        </p:nvPicPr>
        <p:blipFill>
          <a:blip r:embed="rId7"/>
          <a:stretch>
            <a:fillRect/>
          </a:stretch>
        </p:blipFill>
        <p:spPr>
          <a:xfrm>
            <a:off x="4780574" y="5805367"/>
            <a:ext cx="305351" cy="249833"/>
          </a:xfrm>
          <a:prstGeom prst="rect">
            <a:avLst/>
          </a:prstGeom>
        </p:spPr>
      </p:pic>
      <p:sp>
        <p:nvSpPr>
          <p:cNvPr id="98" name="矩形 354">
            <a:extLst>
              <a:ext uri="{FF2B5EF4-FFF2-40B4-BE49-F238E27FC236}">
                <a16:creationId xmlns:a16="http://schemas.microsoft.com/office/drawing/2014/main" xmlns="" id="{4F2A5B6E-FE39-408D-B042-CF9B795AD655}"/>
              </a:ext>
            </a:extLst>
          </p:cNvPr>
          <p:cNvSpPr/>
          <p:nvPr/>
        </p:nvSpPr>
        <p:spPr>
          <a:xfrm>
            <a:off x="2882529" y="1357410"/>
            <a:ext cx="1264481" cy="294884"/>
          </a:xfrm>
          <a:prstGeom prst="rect">
            <a:avLst/>
          </a:prstGeom>
        </p:spPr>
        <p:txBody>
          <a:bodyPr wrap="square">
            <a:noAutofit/>
          </a:bodyPr>
          <a:lstStyle/>
          <a:p>
            <a:pPr fontAlgn="ctr"/>
            <a:r>
              <a:rPr lang="zh-CN" altLang="en-US" sz="1600" b="1">
                <a:solidFill>
                  <a:prstClr val="black"/>
                </a:solidFill>
              </a:rPr>
              <a:t>网络策略</a:t>
            </a:r>
            <a:endParaRPr lang="zh-CN" altLang="en-US" sz="1600" b="1" dirty="0">
              <a:solidFill>
                <a:prstClr val="black"/>
              </a:solidFill>
            </a:endParaRPr>
          </a:p>
        </p:txBody>
      </p:sp>
      <p:sp>
        <p:nvSpPr>
          <p:cNvPr id="99" name="圆角矩形 105">
            <a:extLst>
              <a:ext uri="{FF2B5EF4-FFF2-40B4-BE49-F238E27FC236}">
                <a16:creationId xmlns:a16="http://schemas.microsoft.com/office/drawing/2014/main" xmlns="" id="{A0F00F01-6C69-477F-8276-866F597CABBB}"/>
              </a:ext>
            </a:extLst>
          </p:cNvPr>
          <p:cNvSpPr>
            <a:spLocks noChangeAspect="1"/>
          </p:cNvSpPr>
          <p:nvPr/>
        </p:nvSpPr>
        <p:spPr>
          <a:xfrm>
            <a:off x="2332228" y="1975703"/>
            <a:ext cx="746521" cy="633600"/>
          </a:xfrm>
          <a:prstGeom prst="roundRect">
            <a:avLst/>
          </a:prstGeom>
          <a:solidFill>
            <a:srgbClr val="00B0F0"/>
          </a:solidFill>
          <a:ln w="25400" cap="flat" cmpd="sng" algn="ctr">
            <a:solidFill>
              <a:srgbClr val="70AD47">
                <a:lumMod val="40000"/>
                <a:lumOff val="60000"/>
              </a:srgbClr>
            </a:solidFill>
            <a:prstDash val="solid"/>
          </a:ln>
          <a:effectLst/>
        </p:spPr>
        <p:txBody>
          <a:bodyPr wrap="square" lIns="0" tIns="0" rIns="0" bIns="0" rtlCol="0" anchor="ctr">
            <a:noAutofit/>
          </a:bodyPr>
          <a:lstStyle/>
          <a:p>
            <a:pPr algn="ctr" defTabSz="1625655" fontAlgn="ctr">
              <a:defRPr/>
            </a:pPr>
            <a:r>
              <a:rPr lang="en-US" sz="1400" b="1" kern="0">
                <a:solidFill>
                  <a:prstClr val="white"/>
                </a:solidFill>
              </a:rPr>
              <a:t>带宽</a:t>
            </a:r>
          </a:p>
          <a:p>
            <a:pPr algn="ctr" defTabSz="1625655" fontAlgn="ctr">
              <a:defRPr/>
            </a:pPr>
            <a:r>
              <a:rPr lang="en-US" sz="1400" b="1" kern="0">
                <a:solidFill>
                  <a:prstClr val="white"/>
                </a:solidFill>
              </a:rPr>
              <a:t>策略</a:t>
            </a:r>
            <a:endParaRPr lang="en-US" sz="1400" b="1" kern="0" dirty="0">
              <a:solidFill>
                <a:prstClr val="white"/>
              </a:solidFill>
            </a:endParaRPr>
          </a:p>
        </p:txBody>
      </p:sp>
      <p:sp>
        <p:nvSpPr>
          <p:cNvPr id="100" name="圆角矩形 106">
            <a:extLst>
              <a:ext uri="{FF2B5EF4-FFF2-40B4-BE49-F238E27FC236}">
                <a16:creationId xmlns:a16="http://schemas.microsoft.com/office/drawing/2014/main" xmlns="" id="{72932E2F-720D-438C-AD3A-BE694B6A8C62}"/>
              </a:ext>
            </a:extLst>
          </p:cNvPr>
          <p:cNvSpPr>
            <a:spLocks noChangeAspect="1"/>
          </p:cNvSpPr>
          <p:nvPr/>
        </p:nvSpPr>
        <p:spPr>
          <a:xfrm>
            <a:off x="3169711" y="1975703"/>
            <a:ext cx="746522" cy="633600"/>
          </a:xfrm>
          <a:prstGeom prst="roundRect">
            <a:avLst/>
          </a:prstGeom>
          <a:solidFill>
            <a:srgbClr val="00B0F0"/>
          </a:solidFill>
          <a:ln w="25400" cap="flat" cmpd="sng" algn="ctr">
            <a:solidFill>
              <a:srgbClr val="70AD47">
                <a:lumMod val="40000"/>
                <a:lumOff val="60000"/>
              </a:srgbClr>
            </a:solidFill>
            <a:prstDash val="solid"/>
          </a:ln>
          <a:effectLst/>
        </p:spPr>
        <p:txBody>
          <a:bodyPr wrap="square" lIns="0" tIns="0" rIns="0" bIns="0" rtlCol="0" anchor="ctr">
            <a:noAutofit/>
          </a:bodyPr>
          <a:lstStyle/>
          <a:p>
            <a:pPr algn="ctr" defTabSz="1625655" fontAlgn="ctr">
              <a:defRPr/>
            </a:pPr>
            <a:r>
              <a:rPr lang="en-US" altLang="zh-CN" sz="1400" b="1" kern="0">
                <a:solidFill>
                  <a:prstClr val="white"/>
                </a:solidFill>
              </a:rPr>
              <a:t>QoS</a:t>
            </a:r>
          </a:p>
          <a:p>
            <a:pPr algn="ctr" defTabSz="1625655" fontAlgn="ctr">
              <a:defRPr/>
            </a:pPr>
            <a:r>
              <a:rPr lang="en-US" sz="1400" b="1" kern="0">
                <a:solidFill>
                  <a:prstClr val="white"/>
                </a:solidFill>
              </a:rPr>
              <a:t>策略</a:t>
            </a:r>
            <a:endParaRPr lang="en-US" sz="1400" b="1" kern="0" dirty="0">
              <a:solidFill>
                <a:prstClr val="white"/>
              </a:solidFill>
            </a:endParaRPr>
          </a:p>
        </p:txBody>
      </p:sp>
      <p:sp>
        <p:nvSpPr>
          <p:cNvPr id="101" name="圆角矩形 107">
            <a:extLst>
              <a:ext uri="{FF2B5EF4-FFF2-40B4-BE49-F238E27FC236}">
                <a16:creationId xmlns:a16="http://schemas.microsoft.com/office/drawing/2014/main" xmlns="" id="{ED9A30A3-C633-429E-AAA7-9A42C27B2D03}"/>
              </a:ext>
            </a:extLst>
          </p:cNvPr>
          <p:cNvSpPr>
            <a:spLocks noChangeAspect="1"/>
          </p:cNvSpPr>
          <p:nvPr/>
        </p:nvSpPr>
        <p:spPr>
          <a:xfrm>
            <a:off x="1607665" y="1975703"/>
            <a:ext cx="633601" cy="633600"/>
          </a:xfrm>
          <a:prstGeom prst="roundRect">
            <a:avLst/>
          </a:prstGeom>
          <a:solidFill>
            <a:srgbClr val="00B0F0"/>
          </a:solidFill>
          <a:ln w="25400" cap="flat" cmpd="sng" algn="ctr">
            <a:solidFill>
              <a:srgbClr val="70AD47">
                <a:lumMod val="40000"/>
                <a:lumOff val="60000"/>
              </a:srgbClr>
            </a:solidFill>
            <a:prstDash val="solid"/>
          </a:ln>
          <a:effectLst/>
        </p:spPr>
        <p:txBody>
          <a:bodyPr wrap="square" lIns="0" tIns="0" rIns="0" bIns="0" rtlCol="0" anchor="ctr">
            <a:noAutofit/>
          </a:bodyPr>
          <a:lstStyle/>
          <a:p>
            <a:pPr lvl="0" algn="ctr" defTabSz="1219272">
              <a:defRPr/>
            </a:pPr>
            <a:r>
              <a:rPr lang="zh-CN" altLang="en-US" sz="1400" b="1" kern="0" dirty="0">
                <a:solidFill>
                  <a:prstClr val="white"/>
                </a:solidFill>
              </a:rPr>
              <a:t>访问</a:t>
            </a:r>
            <a:endParaRPr lang="en-US" altLang="zh-CN" sz="1400" b="1" kern="0">
              <a:solidFill>
                <a:prstClr val="white"/>
              </a:solidFill>
            </a:endParaRPr>
          </a:p>
          <a:p>
            <a:pPr algn="ctr" defTabSz="1625655" fontAlgn="ctr">
              <a:defRPr/>
            </a:pPr>
            <a:r>
              <a:rPr lang="en-US" sz="1400" b="1" kern="0">
                <a:solidFill>
                  <a:prstClr val="white"/>
                </a:solidFill>
              </a:rPr>
              <a:t>策略</a:t>
            </a:r>
            <a:endParaRPr lang="en-US" sz="1400" b="1" kern="0" dirty="0">
              <a:solidFill>
                <a:prstClr val="white"/>
              </a:solidFill>
            </a:endParaRPr>
          </a:p>
        </p:txBody>
      </p:sp>
      <p:sp>
        <p:nvSpPr>
          <p:cNvPr id="102" name="圆角矩形 108">
            <a:extLst>
              <a:ext uri="{FF2B5EF4-FFF2-40B4-BE49-F238E27FC236}">
                <a16:creationId xmlns:a16="http://schemas.microsoft.com/office/drawing/2014/main" xmlns="" id="{B8A59F6F-CC64-477D-9882-C69FC973F157}"/>
              </a:ext>
            </a:extLst>
          </p:cNvPr>
          <p:cNvSpPr>
            <a:spLocks noChangeAspect="1"/>
          </p:cNvSpPr>
          <p:nvPr/>
        </p:nvSpPr>
        <p:spPr>
          <a:xfrm>
            <a:off x="4007194" y="1975703"/>
            <a:ext cx="882743" cy="633600"/>
          </a:xfrm>
          <a:prstGeom prst="roundRect">
            <a:avLst/>
          </a:prstGeom>
          <a:solidFill>
            <a:srgbClr val="00B0F0"/>
          </a:solidFill>
          <a:ln w="25400" cap="flat" cmpd="sng" algn="ctr">
            <a:solidFill>
              <a:srgbClr val="70AD47">
                <a:lumMod val="40000"/>
                <a:lumOff val="60000"/>
              </a:srgbClr>
            </a:solidFill>
            <a:prstDash val="solid"/>
          </a:ln>
          <a:effectLst/>
        </p:spPr>
        <p:txBody>
          <a:bodyPr wrap="square" lIns="0" tIns="0" rIns="0" bIns="0" rtlCol="0" anchor="ctr">
            <a:noAutofit/>
          </a:bodyPr>
          <a:lstStyle/>
          <a:p>
            <a:pPr algn="ctr" defTabSz="1625655" fontAlgn="ctr">
              <a:defRPr/>
            </a:pPr>
            <a:r>
              <a:rPr lang="zh-CN" altLang="en-US" sz="1400" b="1" kern="0">
                <a:solidFill>
                  <a:prstClr val="white"/>
                </a:solidFill>
              </a:rPr>
              <a:t>其他</a:t>
            </a:r>
            <a:r>
              <a:rPr lang="en-US" sz="1400" b="1" kern="0">
                <a:solidFill>
                  <a:prstClr val="white"/>
                </a:solidFill>
              </a:rPr>
              <a:t>策略</a:t>
            </a:r>
            <a:endParaRPr lang="en-US" sz="1400" b="1" kern="0" dirty="0">
              <a:solidFill>
                <a:prstClr val="white"/>
              </a:solidFill>
            </a:endParaRPr>
          </a:p>
        </p:txBody>
      </p:sp>
      <p:sp>
        <p:nvSpPr>
          <p:cNvPr id="103" name="TextBox 362">
            <a:extLst>
              <a:ext uri="{FF2B5EF4-FFF2-40B4-BE49-F238E27FC236}">
                <a16:creationId xmlns:a16="http://schemas.microsoft.com/office/drawing/2014/main" xmlns="" id="{48F93D48-C619-45A7-A96B-130AA1DEB872}"/>
              </a:ext>
            </a:extLst>
          </p:cNvPr>
          <p:cNvSpPr txBox="1">
            <a:spLocks noChangeAspect="1"/>
          </p:cNvSpPr>
          <p:nvPr/>
        </p:nvSpPr>
        <p:spPr>
          <a:xfrm>
            <a:off x="4898073" y="1972544"/>
            <a:ext cx="656597" cy="615545"/>
          </a:xfrm>
          <a:prstGeom prst="rect">
            <a:avLst/>
          </a:prstGeom>
          <a:noFill/>
        </p:spPr>
        <p:txBody>
          <a:bodyPr wrap="square" rtlCol="0" anchor="ctr">
            <a:noAutofit/>
          </a:bodyPr>
          <a:lstStyle/>
          <a:p>
            <a:pPr defTabSz="1625655" fontAlgn="ctr"/>
            <a:r>
              <a:rPr lang="en-US" sz="1400" dirty="0">
                <a:solidFill>
                  <a:prstClr val="black"/>
                </a:solidFill>
              </a:rPr>
              <a:t>…</a:t>
            </a:r>
          </a:p>
        </p:txBody>
      </p:sp>
    </p:spTree>
    <p:extLst>
      <p:ext uri="{BB962C8B-B14F-4D97-AF65-F5344CB8AC3E}">
        <p14:creationId xmlns:p14="http://schemas.microsoft.com/office/powerpoint/2010/main" val="131512172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6" name="组合 115">
            <a:extLst>
              <a:ext uri="{FF2B5EF4-FFF2-40B4-BE49-F238E27FC236}">
                <a16:creationId xmlns:a16="http://schemas.microsoft.com/office/drawing/2014/main" xmlns="" id="{68A6C888-8473-4E08-949F-D9858B51B963}"/>
              </a:ext>
            </a:extLst>
          </p:cNvPr>
          <p:cNvGrpSpPr/>
          <p:nvPr/>
        </p:nvGrpSpPr>
        <p:grpSpPr>
          <a:xfrm>
            <a:off x="3668373" y="5155665"/>
            <a:ext cx="4811561" cy="997492"/>
            <a:chOff x="3719173" y="5231865"/>
            <a:chExt cx="4811561" cy="997492"/>
          </a:xfrm>
        </p:grpSpPr>
        <p:sp>
          <p:nvSpPr>
            <p:cNvPr id="115" name="椭圆 114">
              <a:extLst>
                <a:ext uri="{FF2B5EF4-FFF2-40B4-BE49-F238E27FC236}">
                  <a16:creationId xmlns:a16="http://schemas.microsoft.com/office/drawing/2014/main" xmlns="" id="{3AEF4A73-D687-4043-B8D8-22B716F07C55}"/>
                </a:ext>
              </a:extLst>
            </p:cNvPr>
            <p:cNvSpPr/>
            <p:nvPr/>
          </p:nvSpPr>
          <p:spPr>
            <a:xfrm>
              <a:off x="3719173" y="5231865"/>
              <a:ext cx="4811561" cy="997492"/>
            </a:xfrm>
            <a:prstGeom prst="ellipse">
              <a:avLst/>
            </a:prstGeom>
            <a:solidFill>
              <a:srgbClr val="00B0F0">
                <a:alpha val="5000"/>
              </a:srgbClr>
            </a:solidFill>
            <a:ln w="12700" cap="flat" cmpd="sng" algn="ctr">
              <a:solidFill>
                <a:srgbClr val="99DFF9"/>
              </a:solidFill>
              <a:prstDash val="solid"/>
              <a:miter lim="800000"/>
            </a:ln>
            <a:effectLst/>
          </p:spPr>
          <p:txBody>
            <a:bodyPr wrap="square" rtlCol="0" anchor="ctr">
              <a:noAutofit/>
            </a:bodyPr>
            <a:lstStyle/>
            <a:p>
              <a:pPr algn="ctr" defTabSz="1219170" fontAlgn="ctr">
                <a:defRPr/>
              </a:pPr>
              <a:endParaRPr lang="en-US" altLang="zh-CN" sz="1600" kern="0" dirty="0">
                <a:solidFill>
                  <a:prstClr val="white"/>
                </a:solidFill>
              </a:endParaRPr>
            </a:p>
          </p:txBody>
        </p:sp>
        <p:sp>
          <p:nvSpPr>
            <p:cNvPr id="14" name="TextBox 19">
              <a:extLst>
                <a:ext uri="{FF2B5EF4-FFF2-40B4-BE49-F238E27FC236}">
                  <a16:creationId xmlns:a16="http://schemas.microsoft.com/office/drawing/2014/main" xmlns="" id="{C6B6D39F-0DC2-4456-B250-308B602A1D71}"/>
                </a:ext>
              </a:extLst>
            </p:cNvPr>
            <p:cNvSpPr txBox="1"/>
            <p:nvPr/>
          </p:nvSpPr>
          <p:spPr>
            <a:xfrm>
              <a:off x="5302968" y="5831485"/>
              <a:ext cx="2012089" cy="338554"/>
            </a:xfrm>
            <a:prstGeom prst="rect">
              <a:avLst/>
            </a:prstGeom>
            <a:noFill/>
          </p:spPr>
          <p:txBody>
            <a:bodyPr wrap="none" rtlCol="0">
              <a:spAutoFit/>
            </a:bodyPr>
            <a:lstStyle/>
            <a:p>
              <a:r>
                <a:rPr lang="en-US" sz="1600" dirty="0" err="1">
                  <a:solidFill>
                    <a:srgbClr val="0070C0"/>
                  </a:solidFill>
                  <a:ea typeface="+mn-ea"/>
                  <a:cs typeface="Huawei Sans" panose="020C0503030203020204" pitchFamily="34" charset="0"/>
                </a:rPr>
                <a:t>O</a:t>
              </a:r>
              <a:r>
                <a:rPr lang="en-US" altLang="zh-CN" sz="1600" dirty="0" err="1">
                  <a:solidFill>
                    <a:srgbClr val="0070C0"/>
                  </a:solidFill>
                  <a:ea typeface="+mn-ea"/>
                  <a:cs typeface="Huawei Sans" panose="020C0503030203020204" pitchFamily="34" charset="0"/>
                </a:rPr>
                <a:t>penFlow</a:t>
              </a:r>
              <a:r>
                <a:rPr lang="en-US" altLang="zh-CN" sz="1600" dirty="0">
                  <a:solidFill>
                    <a:srgbClr val="0070C0"/>
                  </a:solidFill>
                  <a:ea typeface="+mn-ea"/>
                  <a:cs typeface="Huawei Sans" panose="020C0503030203020204" pitchFamily="34" charset="0"/>
                </a:rPr>
                <a:t> Switches</a:t>
              </a:r>
              <a:endParaRPr lang="en-US" sz="1600" dirty="0">
                <a:solidFill>
                  <a:srgbClr val="0070C0"/>
                </a:solidFill>
                <a:ea typeface="+mn-ea"/>
                <a:cs typeface="Huawei Sans" panose="020C0503030203020204" pitchFamily="34" charset="0"/>
              </a:endParaRPr>
            </a:p>
          </p:txBody>
        </p:sp>
        <p:pic>
          <p:nvPicPr>
            <p:cNvPr id="89" name="图片 88">
              <a:extLst>
                <a:ext uri="{FF2B5EF4-FFF2-40B4-BE49-F238E27FC236}">
                  <a16:creationId xmlns:a16="http://schemas.microsoft.com/office/drawing/2014/main" xmlns="" id="{269FC907-DFAC-4110-9403-D3D870B36778}"/>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4302778" y="5440459"/>
              <a:ext cx="540000" cy="442800"/>
            </a:xfrm>
            <a:prstGeom prst="rect">
              <a:avLst/>
            </a:prstGeom>
          </p:spPr>
        </p:pic>
        <p:pic>
          <p:nvPicPr>
            <p:cNvPr id="90" name="图片 89">
              <a:extLst>
                <a:ext uri="{FF2B5EF4-FFF2-40B4-BE49-F238E27FC236}">
                  <a16:creationId xmlns:a16="http://schemas.microsoft.com/office/drawing/2014/main" xmlns="" id="{13CCC243-9159-49EC-8111-9B15A789F131}"/>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5370738" y="5300940"/>
              <a:ext cx="540000" cy="442800"/>
            </a:xfrm>
            <a:prstGeom prst="rect">
              <a:avLst/>
            </a:prstGeom>
          </p:spPr>
        </p:pic>
        <p:pic>
          <p:nvPicPr>
            <p:cNvPr id="91" name="图片 90">
              <a:extLst>
                <a:ext uri="{FF2B5EF4-FFF2-40B4-BE49-F238E27FC236}">
                  <a16:creationId xmlns:a16="http://schemas.microsoft.com/office/drawing/2014/main" xmlns="" id="{963F79C8-9CD6-4388-8391-A3A721F226D5}"/>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6396919" y="5288957"/>
              <a:ext cx="540000" cy="442800"/>
            </a:xfrm>
            <a:prstGeom prst="rect">
              <a:avLst/>
            </a:prstGeom>
          </p:spPr>
        </p:pic>
        <p:pic>
          <p:nvPicPr>
            <p:cNvPr id="92" name="图片 91">
              <a:extLst>
                <a:ext uri="{FF2B5EF4-FFF2-40B4-BE49-F238E27FC236}">
                  <a16:creationId xmlns:a16="http://schemas.microsoft.com/office/drawing/2014/main" xmlns="" id="{299AF077-8C98-4EF4-9965-72642C70B144}"/>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7465476" y="5453720"/>
              <a:ext cx="540000" cy="442800"/>
            </a:xfrm>
            <a:prstGeom prst="rect">
              <a:avLst/>
            </a:prstGeom>
          </p:spPr>
        </p:pic>
        <p:cxnSp>
          <p:nvCxnSpPr>
            <p:cNvPr id="94" name="直接连接符 93">
              <a:extLst>
                <a:ext uri="{FF2B5EF4-FFF2-40B4-BE49-F238E27FC236}">
                  <a16:creationId xmlns:a16="http://schemas.microsoft.com/office/drawing/2014/main" xmlns="" id="{E6D45269-1058-43A4-A8D6-C4ACFABE3769}"/>
                </a:ext>
              </a:extLst>
            </p:cNvPr>
            <p:cNvCxnSpPr>
              <a:cxnSpLocks/>
              <a:stCxn id="89" idx="3"/>
              <a:endCxn id="90" idx="1"/>
            </p:cNvCxnSpPr>
            <p:nvPr/>
          </p:nvCxnSpPr>
          <p:spPr>
            <a:xfrm flipV="1">
              <a:off x="4842778" y="5522340"/>
              <a:ext cx="527960" cy="139519"/>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接连接符 95">
              <a:extLst>
                <a:ext uri="{FF2B5EF4-FFF2-40B4-BE49-F238E27FC236}">
                  <a16:creationId xmlns:a16="http://schemas.microsoft.com/office/drawing/2014/main" xmlns="" id="{1C5211B5-05F0-44F3-A36C-6E16B8CCCDE1}"/>
                </a:ext>
              </a:extLst>
            </p:cNvPr>
            <p:cNvCxnSpPr>
              <a:cxnSpLocks/>
              <a:stCxn id="90" idx="3"/>
              <a:endCxn id="91" idx="1"/>
            </p:cNvCxnSpPr>
            <p:nvPr/>
          </p:nvCxnSpPr>
          <p:spPr>
            <a:xfrm flipV="1">
              <a:off x="5910738" y="5510357"/>
              <a:ext cx="486181" cy="11983"/>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接连接符 98">
              <a:extLst>
                <a:ext uri="{FF2B5EF4-FFF2-40B4-BE49-F238E27FC236}">
                  <a16:creationId xmlns:a16="http://schemas.microsoft.com/office/drawing/2014/main" xmlns="" id="{8A7ADFF0-A28F-4F6C-A50A-3B6E7F290792}"/>
                </a:ext>
              </a:extLst>
            </p:cNvPr>
            <p:cNvCxnSpPr>
              <a:cxnSpLocks/>
              <a:stCxn id="91" idx="3"/>
              <a:endCxn id="92" idx="1"/>
            </p:cNvCxnSpPr>
            <p:nvPr/>
          </p:nvCxnSpPr>
          <p:spPr>
            <a:xfrm>
              <a:off x="6936919" y="5510357"/>
              <a:ext cx="528557" cy="164763"/>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2" name="标题 1">
            <a:extLst>
              <a:ext uri="{FF2B5EF4-FFF2-40B4-BE49-F238E27FC236}">
                <a16:creationId xmlns:a16="http://schemas.microsoft.com/office/drawing/2014/main" xmlns="" id="{05D06D93-8F93-41A7-8D02-856AB4F1B3C6}"/>
              </a:ext>
            </a:extLst>
          </p:cNvPr>
          <p:cNvSpPr>
            <a:spLocks noGrp="1"/>
          </p:cNvSpPr>
          <p:nvPr>
            <p:ph type="title"/>
          </p:nvPr>
        </p:nvSpPr>
        <p:spPr/>
        <p:txBody>
          <a:bodyPr/>
          <a:lstStyle/>
          <a:p>
            <a:r>
              <a:rPr lang="en-US" altLang="zh-CN"/>
              <a:t>SDN</a:t>
            </a:r>
            <a:r>
              <a:rPr lang="zh-CN" altLang="en-US"/>
              <a:t>的起源</a:t>
            </a:r>
          </a:p>
        </p:txBody>
      </p:sp>
      <p:sp>
        <p:nvSpPr>
          <p:cNvPr id="3" name="Content Placeholder 2">
            <a:extLst>
              <a:ext uri="{FF2B5EF4-FFF2-40B4-BE49-F238E27FC236}">
                <a16:creationId xmlns:a16="http://schemas.microsoft.com/office/drawing/2014/main" xmlns="" id="{92CE0213-B595-4F45-93E1-59A3132C307D}"/>
              </a:ext>
            </a:extLst>
          </p:cNvPr>
          <p:cNvSpPr txBox="1">
            <a:spLocks/>
          </p:cNvSpPr>
          <p:nvPr/>
        </p:nvSpPr>
        <p:spPr>
          <a:xfrm>
            <a:off x="446088" y="1233488"/>
            <a:ext cx="11299825" cy="1735927"/>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1800" dirty="0"/>
              <a:t>SDN</a:t>
            </a:r>
            <a:r>
              <a:rPr lang="zh-CN" altLang="en-US" sz="1800" dirty="0"/>
              <a:t>（</a:t>
            </a:r>
            <a:r>
              <a:rPr lang="en-US" altLang="zh-CN" sz="1800" dirty="0"/>
              <a:t>Software Defined Networking</a:t>
            </a:r>
            <a:r>
              <a:rPr lang="zh-CN" altLang="en-US" sz="1800" dirty="0"/>
              <a:t>）</a:t>
            </a:r>
            <a:r>
              <a:rPr lang="zh-CN" altLang="zh-CN" sz="1800" dirty="0"/>
              <a:t>即软件定义网络</a:t>
            </a:r>
            <a:r>
              <a:rPr lang="zh-CN" altLang="en-US" sz="1800" dirty="0"/>
              <a:t>。</a:t>
            </a:r>
            <a:r>
              <a:rPr lang="zh-CN" altLang="zh-CN" sz="1800" dirty="0"/>
              <a:t>是由斯坦福大学</a:t>
            </a:r>
            <a:r>
              <a:rPr lang="en-US" altLang="zh-CN" sz="1800" dirty="0"/>
              <a:t>Clean Slate</a:t>
            </a:r>
            <a:r>
              <a:rPr lang="zh-CN" altLang="zh-CN" sz="1800" dirty="0"/>
              <a:t>研究组提出的一种新型网络创新架构。 其核心</a:t>
            </a:r>
            <a:r>
              <a:rPr lang="zh-CN" altLang="en-US" sz="1800" dirty="0"/>
              <a:t>理念</a:t>
            </a:r>
            <a:r>
              <a:rPr lang="zh-CN" altLang="zh-CN" sz="1800" dirty="0"/>
              <a:t>通过将网络设备控制</a:t>
            </a:r>
            <a:r>
              <a:rPr lang="zh-CN" altLang="en-US" sz="1800" dirty="0"/>
              <a:t>平</a:t>
            </a:r>
            <a:r>
              <a:rPr lang="zh-CN" altLang="zh-CN" sz="1800" dirty="0"/>
              <a:t>面与数据</a:t>
            </a:r>
            <a:r>
              <a:rPr lang="zh-CN" altLang="en-US" sz="1800" dirty="0"/>
              <a:t>平</a:t>
            </a:r>
            <a:r>
              <a:rPr lang="zh-CN" altLang="zh-CN" sz="1800" dirty="0"/>
              <a:t>面分离，从而实现了</a:t>
            </a:r>
            <a:r>
              <a:rPr lang="zh-CN" altLang="en-US" sz="1800" dirty="0"/>
              <a:t>网络控制平面</a:t>
            </a:r>
            <a:r>
              <a:rPr lang="zh-CN" altLang="zh-CN" sz="1800" dirty="0"/>
              <a:t>的</a:t>
            </a:r>
            <a:r>
              <a:rPr lang="zh-CN" altLang="en-US" sz="1800" dirty="0"/>
              <a:t>集中</a:t>
            </a:r>
            <a:r>
              <a:rPr lang="zh-CN" altLang="zh-CN" sz="1800" dirty="0"/>
              <a:t>控制，为网络应用的创新提供了良好的</a:t>
            </a:r>
            <a:r>
              <a:rPr lang="zh-CN" altLang="en-US" sz="1800" dirty="0"/>
              <a:t>支撑</a:t>
            </a:r>
            <a:r>
              <a:rPr lang="zh-CN" altLang="zh-CN" sz="1800" dirty="0"/>
              <a:t>。</a:t>
            </a:r>
            <a:endParaRPr lang="en-US" altLang="zh-CN" sz="1800" dirty="0"/>
          </a:p>
          <a:p>
            <a:r>
              <a:rPr lang="en-US" altLang="zh-CN" sz="1800" dirty="0"/>
              <a:t>SDN</a:t>
            </a:r>
            <a:r>
              <a:rPr lang="zh-CN" altLang="en-US" sz="1800" dirty="0"/>
              <a:t>起源提出了三个特征， “转控分离”、“集中控制”和“开放可编程接口”。</a:t>
            </a:r>
          </a:p>
          <a:p>
            <a:endParaRPr lang="zh-CN" altLang="zh-CN" sz="1800" dirty="0"/>
          </a:p>
        </p:txBody>
      </p:sp>
      <p:cxnSp>
        <p:nvCxnSpPr>
          <p:cNvPr id="17" name="Straight Arrow Connector 631">
            <a:extLst>
              <a:ext uri="{FF2B5EF4-FFF2-40B4-BE49-F238E27FC236}">
                <a16:creationId xmlns:a16="http://schemas.microsoft.com/office/drawing/2014/main" xmlns="" id="{F8E88FDE-15E9-4C0D-A246-36B6ECB798ED}"/>
              </a:ext>
            </a:extLst>
          </p:cNvPr>
          <p:cNvCxnSpPr>
            <a:cxnSpLocks/>
            <a:stCxn id="102" idx="2"/>
            <a:endCxn id="90" idx="0"/>
          </p:cNvCxnSpPr>
          <p:nvPr/>
        </p:nvCxnSpPr>
        <p:spPr bwMode="auto">
          <a:xfrm flipH="1">
            <a:off x="5589938" y="4591261"/>
            <a:ext cx="410057" cy="633479"/>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cxnSp>
        <p:nvCxnSpPr>
          <p:cNvPr id="18" name="Straight Arrow Connector 633">
            <a:extLst>
              <a:ext uri="{FF2B5EF4-FFF2-40B4-BE49-F238E27FC236}">
                <a16:creationId xmlns:a16="http://schemas.microsoft.com/office/drawing/2014/main" xmlns="" id="{611CF3FB-4932-425F-810F-50BFCF700FAB}"/>
              </a:ext>
            </a:extLst>
          </p:cNvPr>
          <p:cNvCxnSpPr>
            <a:cxnSpLocks/>
            <a:stCxn id="102" idx="2"/>
            <a:endCxn id="91" idx="0"/>
          </p:cNvCxnSpPr>
          <p:nvPr/>
        </p:nvCxnSpPr>
        <p:spPr bwMode="auto">
          <a:xfrm>
            <a:off x="5999995" y="4591261"/>
            <a:ext cx="616124" cy="621496"/>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cxnSp>
        <p:nvCxnSpPr>
          <p:cNvPr id="19" name="Straight Arrow Connector 635">
            <a:extLst>
              <a:ext uri="{FF2B5EF4-FFF2-40B4-BE49-F238E27FC236}">
                <a16:creationId xmlns:a16="http://schemas.microsoft.com/office/drawing/2014/main" xmlns="" id="{8696B550-0F39-4912-9313-F677152B4E2C}"/>
              </a:ext>
            </a:extLst>
          </p:cNvPr>
          <p:cNvCxnSpPr>
            <a:cxnSpLocks/>
            <a:stCxn id="102" idx="2"/>
            <a:endCxn id="92" idx="0"/>
          </p:cNvCxnSpPr>
          <p:nvPr/>
        </p:nvCxnSpPr>
        <p:spPr bwMode="auto">
          <a:xfrm>
            <a:off x="5999995" y="4591261"/>
            <a:ext cx="1684681" cy="786259"/>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21" name="TextBox 26">
            <a:extLst>
              <a:ext uri="{FF2B5EF4-FFF2-40B4-BE49-F238E27FC236}">
                <a16:creationId xmlns:a16="http://schemas.microsoft.com/office/drawing/2014/main" xmlns="" id="{1EC993C6-9EA6-45F6-983F-C026192B3F12}"/>
              </a:ext>
            </a:extLst>
          </p:cNvPr>
          <p:cNvSpPr txBox="1"/>
          <p:nvPr/>
        </p:nvSpPr>
        <p:spPr>
          <a:xfrm>
            <a:off x="3915157" y="4218473"/>
            <a:ext cx="1800493" cy="338554"/>
          </a:xfrm>
          <a:prstGeom prst="rect">
            <a:avLst/>
          </a:prstGeom>
          <a:noFill/>
        </p:spPr>
        <p:txBody>
          <a:bodyPr wrap="none" rtlCol="0">
            <a:spAutoFit/>
          </a:bodyPr>
          <a:lstStyle/>
          <a:p>
            <a:r>
              <a:rPr lang="en-US" altLang="zh-CN" sz="1600" dirty="0" err="1">
                <a:solidFill>
                  <a:srgbClr val="0070C0"/>
                </a:solidFill>
                <a:cs typeface="Huawei Sans" panose="020C0503030203020204" pitchFamily="34" charset="0"/>
              </a:rPr>
              <a:t>OpenFlow</a:t>
            </a:r>
            <a:r>
              <a:rPr lang="zh-CN" altLang="en-US" sz="1600" dirty="0">
                <a:solidFill>
                  <a:srgbClr val="0070C0"/>
                </a:solidFill>
                <a:ea typeface="+mn-ea"/>
                <a:cs typeface="Huawei Sans" panose="020C0503030203020204" pitchFamily="34" charset="0"/>
              </a:rPr>
              <a:t>控制器</a:t>
            </a:r>
            <a:endParaRPr lang="en-US" sz="1600" dirty="0">
              <a:solidFill>
                <a:srgbClr val="0070C0"/>
              </a:solidFill>
              <a:ea typeface="+mn-ea"/>
              <a:cs typeface="Huawei Sans" panose="020C0503030203020204" pitchFamily="34" charset="0"/>
            </a:endParaRPr>
          </a:p>
        </p:txBody>
      </p:sp>
      <p:sp>
        <p:nvSpPr>
          <p:cNvPr id="22" name="TextBox 27">
            <a:extLst>
              <a:ext uri="{FF2B5EF4-FFF2-40B4-BE49-F238E27FC236}">
                <a16:creationId xmlns:a16="http://schemas.microsoft.com/office/drawing/2014/main" xmlns="" id="{284ECF39-D11F-4BDA-84C8-C21B69EFDA4E}"/>
              </a:ext>
            </a:extLst>
          </p:cNvPr>
          <p:cNvSpPr txBox="1"/>
          <p:nvPr/>
        </p:nvSpPr>
        <p:spPr>
          <a:xfrm>
            <a:off x="4278850" y="3240238"/>
            <a:ext cx="1010213" cy="338554"/>
          </a:xfrm>
          <a:prstGeom prst="rect">
            <a:avLst/>
          </a:prstGeom>
          <a:noFill/>
        </p:spPr>
        <p:txBody>
          <a:bodyPr wrap="none" rtlCol="0">
            <a:spAutoFit/>
          </a:bodyPr>
          <a:lstStyle/>
          <a:p>
            <a:r>
              <a:rPr lang="en-US" altLang="zh-CN" sz="1600" dirty="0">
                <a:solidFill>
                  <a:srgbClr val="0070C0"/>
                </a:solidFill>
                <a:ea typeface="+mn-ea"/>
                <a:cs typeface="Huawei Sans" panose="020C0503030203020204" pitchFamily="34" charset="0"/>
              </a:rPr>
              <a:t>SDN</a:t>
            </a:r>
            <a:r>
              <a:rPr lang="zh-CN" altLang="en-US" sz="1600" dirty="0">
                <a:solidFill>
                  <a:srgbClr val="0070C0"/>
                </a:solidFill>
                <a:ea typeface="+mn-ea"/>
                <a:cs typeface="Huawei Sans" panose="020C0503030203020204" pitchFamily="34" charset="0"/>
              </a:rPr>
              <a:t>应用</a:t>
            </a:r>
            <a:endParaRPr lang="en-US" sz="1600" dirty="0">
              <a:solidFill>
                <a:srgbClr val="0070C0"/>
              </a:solidFill>
              <a:ea typeface="+mn-ea"/>
              <a:cs typeface="Huawei Sans" panose="020C0503030203020204" pitchFamily="34" charset="0"/>
            </a:endParaRPr>
          </a:p>
        </p:txBody>
      </p:sp>
      <p:cxnSp>
        <p:nvCxnSpPr>
          <p:cNvPr id="23" name="Straight Arrow Connector 710">
            <a:extLst>
              <a:ext uri="{FF2B5EF4-FFF2-40B4-BE49-F238E27FC236}">
                <a16:creationId xmlns:a16="http://schemas.microsoft.com/office/drawing/2014/main" xmlns="" id="{70015086-2486-49EE-95B7-4B2FEF3C5D76}"/>
              </a:ext>
            </a:extLst>
          </p:cNvPr>
          <p:cNvCxnSpPr>
            <a:cxnSpLocks/>
            <a:stCxn id="103" idx="2"/>
            <a:endCxn id="102" idx="0"/>
          </p:cNvCxnSpPr>
          <p:nvPr/>
        </p:nvCxnSpPr>
        <p:spPr bwMode="auto">
          <a:xfrm>
            <a:off x="5999995" y="3630424"/>
            <a:ext cx="0" cy="518037"/>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81" name="TextBox 26">
            <a:extLst>
              <a:ext uri="{FF2B5EF4-FFF2-40B4-BE49-F238E27FC236}">
                <a16:creationId xmlns:a16="http://schemas.microsoft.com/office/drawing/2014/main" xmlns="" id="{6C545BAB-4798-4886-BD3E-5719ED4D1C95}"/>
              </a:ext>
            </a:extLst>
          </p:cNvPr>
          <p:cNvSpPr txBox="1"/>
          <p:nvPr/>
        </p:nvSpPr>
        <p:spPr>
          <a:xfrm>
            <a:off x="6800959" y="4712544"/>
            <a:ext cx="1138453" cy="338554"/>
          </a:xfrm>
          <a:prstGeom prst="rect">
            <a:avLst/>
          </a:prstGeom>
          <a:noFill/>
        </p:spPr>
        <p:txBody>
          <a:bodyPr wrap="none" rtlCol="0">
            <a:spAutoFit/>
          </a:bodyPr>
          <a:lstStyle/>
          <a:p>
            <a:r>
              <a:rPr lang="en-US" altLang="zh-CN" sz="1600" dirty="0" err="1">
                <a:solidFill>
                  <a:srgbClr val="0070C0"/>
                </a:solidFill>
                <a:ea typeface="+mn-ea"/>
                <a:cs typeface="Huawei Sans" panose="020C0503030203020204" pitchFamily="34" charset="0"/>
              </a:rPr>
              <a:t>OpenFlow</a:t>
            </a:r>
            <a:endParaRPr lang="en-US" sz="1600" dirty="0">
              <a:solidFill>
                <a:srgbClr val="0070C0"/>
              </a:solidFill>
              <a:ea typeface="+mn-ea"/>
              <a:cs typeface="Huawei Sans" panose="020C0503030203020204" pitchFamily="34" charset="0"/>
            </a:endParaRPr>
          </a:p>
        </p:txBody>
      </p:sp>
      <p:sp>
        <p:nvSpPr>
          <p:cNvPr id="9" name="Rectangle 712">
            <a:extLst>
              <a:ext uri="{FF2B5EF4-FFF2-40B4-BE49-F238E27FC236}">
                <a16:creationId xmlns:a16="http://schemas.microsoft.com/office/drawing/2014/main" xmlns="" id="{925C0E6F-8732-4F94-9B3B-77D13700D421}"/>
              </a:ext>
            </a:extLst>
          </p:cNvPr>
          <p:cNvSpPr/>
          <p:nvPr/>
        </p:nvSpPr>
        <p:spPr bwMode="auto">
          <a:xfrm>
            <a:off x="10241859" y="4140737"/>
            <a:ext cx="992615" cy="473933"/>
          </a:xfrm>
          <a:prstGeom prst="rect">
            <a:avLst/>
          </a:prstGeom>
          <a:solidFill>
            <a:srgbClr val="99DFF9"/>
          </a:solidFill>
          <a:ln w="9525" cap="flat" cmpd="sng" algn="ctr">
            <a:solidFill>
              <a:schemeClr val="bg2">
                <a:lumMod val="90000"/>
              </a:schemeClr>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600">
                <a:cs typeface="Arial" pitchFamily="34" charset="0"/>
              </a:rPr>
              <a:t>控制平面</a:t>
            </a:r>
            <a:endParaRPr lang="en-US" sz="1600" dirty="0">
              <a:cs typeface="Arial" pitchFamily="34" charset="0"/>
            </a:endParaRPr>
          </a:p>
        </p:txBody>
      </p:sp>
      <p:sp>
        <p:nvSpPr>
          <p:cNvPr id="10" name="Rectangle 713">
            <a:extLst>
              <a:ext uri="{FF2B5EF4-FFF2-40B4-BE49-F238E27FC236}">
                <a16:creationId xmlns:a16="http://schemas.microsoft.com/office/drawing/2014/main" xmlns="" id="{3DB3F06F-7DC7-4848-9243-919215EE1BE2}"/>
              </a:ext>
            </a:extLst>
          </p:cNvPr>
          <p:cNvSpPr/>
          <p:nvPr/>
        </p:nvSpPr>
        <p:spPr bwMode="auto">
          <a:xfrm>
            <a:off x="10244693" y="5422364"/>
            <a:ext cx="986944" cy="447221"/>
          </a:xfrm>
          <a:prstGeom prst="rect">
            <a:avLst/>
          </a:prstGeom>
          <a:solidFill>
            <a:schemeClr val="accent2">
              <a:lumMod val="40000"/>
              <a:lumOff val="60000"/>
            </a:schemeClr>
          </a:solidFill>
          <a:ln w="9525" cap="flat" cmpd="sng" algn="ctr">
            <a:solidFill>
              <a:srgbClr val="F7C6C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600">
                <a:cs typeface="Huawei Sans" panose="020C0503030203020204" pitchFamily="34" charset="0"/>
              </a:rPr>
              <a:t>转发平面</a:t>
            </a:r>
            <a:endParaRPr lang="en-US" sz="1600" dirty="0">
              <a:cs typeface="Huawei Sans" panose="020C0503030203020204" pitchFamily="34" charset="0"/>
            </a:endParaRPr>
          </a:p>
        </p:txBody>
      </p:sp>
      <p:sp>
        <p:nvSpPr>
          <p:cNvPr id="6" name="Rectangle 7">
            <a:extLst>
              <a:ext uri="{FF2B5EF4-FFF2-40B4-BE49-F238E27FC236}">
                <a16:creationId xmlns:a16="http://schemas.microsoft.com/office/drawing/2014/main" xmlns="" id="{B23AD41A-AAE6-4062-AE5F-0C8F188C504E}"/>
              </a:ext>
            </a:extLst>
          </p:cNvPr>
          <p:cNvSpPr/>
          <p:nvPr/>
        </p:nvSpPr>
        <p:spPr bwMode="auto">
          <a:xfrm>
            <a:off x="1471722" y="4993934"/>
            <a:ext cx="1003894" cy="442800"/>
          </a:xfrm>
          <a:prstGeom prst="rect">
            <a:avLst/>
          </a:prstGeom>
          <a:solidFill>
            <a:schemeClr val="accent2">
              <a:lumMod val="40000"/>
              <a:lumOff val="60000"/>
            </a:schemeClr>
          </a:solidFill>
          <a:ln w="9525" cap="flat" cmpd="sng" algn="ctr">
            <a:solidFill>
              <a:srgbClr val="F7C6C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600" dirty="0">
                <a:cs typeface="Huawei Sans" panose="020C0503030203020204" pitchFamily="34" charset="0"/>
              </a:rPr>
              <a:t>转发</a:t>
            </a:r>
            <a:r>
              <a:rPr lang="zh-CN" altLang="en-US" sz="1600" dirty="0">
                <a:ea typeface="+mn-ea"/>
                <a:cs typeface="Huawei Sans" panose="020C0503030203020204" pitchFamily="34" charset="0"/>
              </a:rPr>
              <a:t>平面</a:t>
            </a:r>
            <a:endParaRPr lang="en-US" sz="1600" dirty="0">
              <a:ea typeface="+mn-ea"/>
              <a:cs typeface="Huawei Sans" panose="020C0503030203020204" pitchFamily="34" charset="0"/>
            </a:endParaRPr>
          </a:p>
        </p:txBody>
      </p:sp>
      <p:sp>
        <p:nvSpPr>
          <p:cNvPr id="7" name="Rectangle 8">
            <a:extLst>
              <a:ext uri="{FF2B5EF4-FFF2-40B4-BE49-F238E27FC236}">
                <a16:creationId xmlns:a16="http://schemas.microsoft.com/office/drawing/2014/main" xmlns="" id="{ACE11A1B-6AE1-435B-B5A6-62FD268028A0}"/>
              </a:ext>
            </a:extLst>
          </p:cNvPr>
          <p:cNvSpPr/>
          <p:nvPr/>
        </p:nvSpPr>
        <p:spPr bwMode="auto">
          <a:xfrm>
            <a:off x="1471722" y="4563433"/>
            <a:ext cx="1003894" cy="430504"/>
          </a:xfrm>
          <a:prstGeom prst="rect">
            <a:avLst/>
          </a:prstGeom>
          <a:solidFill>
            <a:srgbClr val="99DFF9"/>
          </a:solidFill>
          <a:ln w="9525" cap="flat" cmpd="sng" algn="ctr">
            <a:solidFill>
              <a:schemeClr val="bg2">
                <a:lumMod val="90000"/>
              </a:schemeClr>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600">
                <a:cs typeface="Arial" pitchFamily="34" charset="0"/>
              </a:rPr>
              <a:t>控制平面</a:t>
            </a:r>
            <a:endParaRPr lang="en-US" sz="1600" dirty="0">
              <a:cs typeface="Arial" pitchFamily="34" charset="0"/>
            </a:endParaRPr>
          </a:p>
        </p:txBody>
      </p:sp>
      <p:pic>
        <p:nvPicPr>
          <p:cNvPr id="84" name="图片 83">
            <a:extLst>
              <a:ext uri="{FF2B5EF4-FFF2-40B4-BE49-F238E27FC236}">
                <a16:creationId xmlns:a16="http://schemas.microsoft.com/office/drawing/2014/main" xmlns="" id="{96A52022-53EB-4469-831A-A75A01DF8832}"/>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82558" y="5245566"/>
            <a:ext cx="540000" cy="442800"/>
          </a:xfrm>
          <a:prstGeom prst="rect">
            <a:avLst/>
          </a:prstGeom>
        </p:spPr>
      </p:pic>
      <p:pic>
        <p:nvPicPr>
          <p:cNvPr id="102" name="图片 101">
            <a:extLst>
              <a:ext uri="{FF2B5EF4-FFF2-40B4-BE49-F238E27FC236}">
                <a16:creationId xmlns:a16="http://schemas.microsoft.com/office/drawing/2014/main" xmlns="" id="{04274C7E-81DD-41E0-B65F-A9F90831702F}"/>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5729995" y="4148461"/>
            <a:ext cx="540000" cy="442800"/>
          </a:xfrm>
          <a:prstGeom prst="rect">
            <a:avLst/>
          </a:prstGeom>
        </p:spPr>
      </p:pic>
      <p:pic>
        <p:nvPicPr>
          <p:cNvPr id="103" name="图片 38" descr="交换机.png">
            <a:extLst>
              <a:ext uri="{FF2B5EF4-FFF2-40B4-BE49-F238E27FC236}">
                <a16:creationId xmlns:a16="http://schemas.microsoft.com/office/drawing/2014/main" xmlns="" id="{0E6F89A5-404C-4FB7-BB2B-C94E8788AE70}"/>
              </a:ext>
            </a:extLst>
          </p:cNvPr>
          <p:cNvPicPr>
            <a:picLocks noChangeAspect="1"/>
          </p:cNvPicPr>
          <p:nvPr/>
        </p:nvPicPr>
        <p:blipFill>
          <a:blip r:embed="rId5" cstate="print"/>
          <a:stretch>
            <a:fillRect/>
          </a:stretch>
        </p:blipFill>
        <p:spPr>
          <a:xfrm>
            <a:off x="5729995" y="3188607"/>
            <a:ext cx="540000" cy="441817"/>
          </a:xfrm>
          <a:prstGeom prst="rect">
            <a:avLst/>
          </a:prstGeom>
        </p:spPr>
      </p:pic>
      <p:cxnSp>
        <p:nvCxnSpPr>
          <p:cNvPr id="16" name="Straight Arrow Connector 629">
            <a:extLst>
              <a:ext uri="{FF2B5EF4-FFF2-40B4-BE49-F238E27FC236}">
                <a16:creationId xmlns:a16="http://schemas.microsoft.com/office/drawing/2014/main" xmlns="" id="{F1D17673-928F-4DD4-BA30-2E581A807C15}"/>
              </a:ext>
            </a:extLst>
          </p:cNvPr>
          <p:cNvCxnSpPr>
            <a:cxnSpLocks/>
            <a:stCxn id="102" idx="2"/>
            <a:endCxn id="89" idx="0"/>
          </p:cNvCxnSpPr>
          <p:nvPr/>
        </p:nvCxnSpPr>
        <p:spPr bwMode="auto">
          <a:xfrm flipH="1">
            <a:off x="4521978" y="4591261"/>
            <a:ext cx="1478017" cy="772998"/>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119" name="TextBox 19">
            <a:extLst>
              <a:ext uri="{FF2B5EF4-FFF2-40B4-BE49-F238E27FC236}">
                <a16:creationId xmlns:a16="http://schemas.microsoft.com/office/drawing/2014/main" xmlns="" id="{A539B53D-768D-4CFB-AF34-053D389D8D51}"/>
              </a:ext>
            </a:extLst>
          </p:cNvPr>
          <p:cNvSpPr txBox="1"/>
          <p:nvPr/>
        </p:nvSpPr>
        <p:spPr>
          <a:xfrm>
            <a:off x="7827098" y="5957612"/>
            <a:ext cx="2985113" cy="338554"/>
          </a:xfrm>
          <a:prstGeom prst="rect">
            <a:avLst/>
          </a:prstGeom>
          <a:noFill/>
        </p:spPr>
        <p:txBody>
          <a:bodyPr wrap="none" rtlCol="0">
            <a:spAutoFit/>
          </a:bodyPr>
          <a:lstStyle/>
          <a:p>
            <a:r>
              <a:rPr lang="en-US" sz="1600" dirty="0" err="1">
                <a:ea typeface="+mn-ea"/>
                <a:cs typeface="Huawei Sans" panose="020C0503030203020204" pitchFamily="34" charset="0"/>
              </a:rPr>
              <a:t>O</a:t>
            </a:r>
            <a:r>
              <a:rPr lang="en-US" altLang="zh-CN" sz="1600" dirty="0" err="1">
                <a:ea typeface="+mn-ea"/>
                <a:cs typeface="Huawei Sans" panose="020C0503030203020204" pitchFamily="34" charset="0"/>
              </a:rPr>
              <a:t>penFlow</a:t>
            </a:r>
            <a:r>
              <a:rPr lang="zh-CN" altLang="en-US" sz="1600" dirty="0">
                <a:ea typeface="+mn-ea"/>
                <a:cs typeface="Huawei Sans" panose="020C0503030203020204" pitchFamily="34" charset="0"/>
              </a:rPr>
              <a:t>交换机仅有数据平面</a:t>
            </a:r>
            <a:endParaRPr lang="en-US" sz="1600" dirty="0">
              <a:ea typeface="+mn-ea"/>
              <a:cs typeface="Huawei Sans" panose="020C0503030203020204" pitchFamily="34" charset="0"/>
            </a:endParaRPr>
          </a:p>
        </p:txBody>
      </p:sp>
      <p:cxnSp>
        <p:nvCxnSpPr>
          <p:cNvPr id="121" name="直接连接符 120">
            <a:extLst>
              <a:ext uri="{FF2B5EF4-FFF2-40B4-BE49-F238E27FC236}">
                <a16:creationId xmlns:a16="http://schemas.microsoft.com/office/drawing/2014/main" xmlns="" id="{E9937E6E-5B09-4FE8-AF77-6F47E700562F}"/>
              </a:ext>
            </a:extLst>
          </p:cNvPr>
          <p:cNvCxnSpPr>
            <a:cxnSpLocks/>
            <a:stCxn id="115" idx="6"/>
            <a:endCxn id="10" idx="1"/>
          </p:cNvCxnSpPr>
          <p:nvPr/>
        </p:nvCxnSpPr>
        <p:spPr>
          <a:xfrm flipV="1">
            <a:off x="8479934" y="5645975"/>
            <a:ext cx="1764759" cy="8436"/>
          </a:xfrm>
          <a:prstGeom prst="line">
            <a:avLst/>
          </a:prstGeom>
          <a:ln w="19050">
            <a:solidFill>
              <a:srgbClr val="EC7061"/>
            </a:solidFill>
            <a:prstDash val="sysDash"/>
          </a:ln>
        </p:spPr>
        <p:style>
          <a:lnRef idx="1">
            <a:schemeClr val="accent1"/>
          </a:lnRef>
          <a:fillRef idx="0">
            <a:schemeClr val="accent1"/>
          </a:fillRef>
          <a:effectRef idx="0">
            <a:schemeClr val="accent1"/>
          </a:effectRef>
          <a:fontRef idx="minor">
            <a:schemeClr val="tx1"/>
          </a:fontRef>
        </p:style>
      </p:cxnSp>
      <p:cxnSp>
        <p:nvCxnSpPr>
          <p:cNvPr id="125" name="直接连接符 124">
            <a:extLst>
              <a:ext uri="{FF2B5EF4-FFF2-40B4-BE49-F238E27FC236}">
                <a16:creationId xmlns:a16="http://schemas.microsoft.com/office/drawing/2014/main" xmlns="" id="{4D1CA0EA-A17A-44BF-BE03-A8CAA79C66C7}"/>
              </a:ext>
            </a:extLst>
          </p:cNvPr>
          <p:cNvCxnSpPr>
            <a:cxnSpLocks/>
            <a:stCxn id="102" idx="3"/>
            <a:endCxn id="9" idx="1"/>
          </p:cNvCxnSpPr>
          <p:nvPr/>
        </p:nvCxnSpPr>
        <p:spPr>
          <a:xfrm>
            <a:off x="6269995" y="4369861"/>
            <a:ext cx="3971864" cy="7843"/>
          </a:xfrm>
          <a:prstGeom prst="line">
            <a:avLst/>
          </a:prstGeom>
          <a:ln w="19050">
            <a:solidFill>
              <a:srgbClr val="00B0F0"/>
            </a:solidFill>
            <a:prstDash val="sysDash"/>
          </a:ln>
        </p:spPr>
        <p:style>
          <a:lnRef idx="1">
            <a:schemeClr val="accent1"/>
          </a:lnRef>
          <a:fillRef idx="0">
            <a:schemeClr val="accent1"/>
          </a:fillRef>
          <a:effectRef idx="0">
            <a:schemeClr val="accent1"/>
          </a:effectRef>
          <a:fontRef idx="minor">
            <a:schemeClr val="tx1"/>
          </a:fontRef>
        </p:style>
      </p:cxnSp>
      <p:sp>
        <p:nvSpPr>
          <p:cNvPr id="130" name="TextBox 19">
            <a:extLst>
              <a:ext uri="{FF2B5EF4-FFF2-40B4-BE49-F238E27FC236}">
                <a16:creationId xmlns:a16="http://schemas.microsoft.com/office/drawing/2014/main" xmlns="" id="{9BB51638-6563-4F09-B203-6D7A20F991FE}"/>
              </a:ext>
            </a:extLst>
          </p:cNvPr>
          <p:cNvSpPr txBox="1"/>
          <p:nvPr/>
        </p:nvSpPr>
        <p:spPr>
          <a:xfrm>
            <a:off x="7279112" y="3983311"/>
            <a:ext cx="2441694" cy="338554"/>
          </a:xfrm>
          <a:prstGeom prst="rect">
            <a:avLst/>
          </a:prstGeom>
          <a:noFill/>
        </p:spPr>
        <p:txBody>
          <a:bodyPr wrap="none" rtlCol="0">
            <a:spAutoFit/>
          </a:bodyPr>
          <a:lstStyle/>
          <a:p>
            <a:r>
              <a:rPr lang="zh-CN" altLang="en-US" sz="1600" dirty="0">
                <a:cs typeface="Huawei Sans" panose="020C0503030203020204" pitchFamily="34" charset="0"/>
              </a:rPr>
              <a:t>控制面功能由控制器提供</a:t>
            </a:r>
            <a:endParaRPr lang="en-US" sz="1600" dirty="0">
              <a:ea typeface="+mn-ea"/>
              <a:cs typeface="Huawei Sans" panose="020C0503030203020204" pitchFamily="34" charset="0"/>
            </a:endParaRPr>
          </a:p>
        </p:txBody>
      </p:sp>
      <p:sp>
        <p:nvSpPr>
          <p:cNvPr id="133" name="TextBox 19">
            <a:extLst>
              <a:ext uri="{FF2B5EF4-FFF2-40B4-BE49-F238E27FC236}">
                <a16:creationId xmlns:a16="http://schemas.microsoft.com/office/drawing/2014/main" xmlns="" id="{41560703-5FC7-4117-B6DE-8F0F5B795FDE}"/>
              </a:ext>
            </a:extLst>
          </p:cNvPr>
          <p:cNvSpPr txBox="1"/>
          <p:nvPr/>
        </p:nvSpPr>
        <p:spPr>
          <a:xfrm>
            <a:off x="8126295" y="4846583"/>
            <a:ext cx="1959191" cy="338554"/>
          </a:xfrm>
          <a:prstGeom prst="rect">
            <a:avLst/>
          </a:prstGeom>
          <a:noFill/>
        </p:spPr>
        <p:txBody>
          <a:bodyPr wrap="none" rtlCol="0">
            <a:spAutoFit/>
          </a:bodyPr>
          <a:lstStyle/>
          <a:p>
            <a:r>
              <a:rPr lang="en-US" altLang="zh-CN" sz="1600" dirty="0" err="1">
                <a:cs typeface="Huawei Sans" panose="020C0503030203020204" pitchFamily="34" charset="0"/>
              </a:rPr>
              <a:t>OpenFlow</a:t>
            </a:r>
            <a:r>
              <a:rPr lang="zh-CN" altLang="en-US" sz="1600" dirty="0">
                <a:cs typeface="Huawei Sans" panose="020C0503030203020204" pitchFamily="34" charset="0"/>
              </a:rPr>
              <a:t>协议互联</a:t>
            </a:r>
            <a:endParaRPr lang="en-US" sz="1600" dirty="0">
              <a:ea typeface="+mn-ea"/>
              <a:cs typeface="Huawei Sans" panose="020C0503030203020204" pitchFamily="34" charset="0"/>
            </a:endParaRPr>
          </a:p>
        </p:txBody>
      </p:sp>
      <p:cxnSp>
        <p:nvCxnSpPr>
          <p:cNvPr id="135" name="直接箭头连接符 134">
            <a:extLst>
              <a:ext uri="{FF2B5EF4-FFF2-40B4-BE49-F238E27FC236}">
                <a16:creationId xmlns:a16="http://schemas.microsoft.com/office/drawing/2014/main" xmlns="" id="{758E3BF0-8498-4651-A7B0-F422F443E6F5}"/>
              </a:ext>
            </a:extLst>
          </p:cNvPr>
          <p:cNvCxnSpPr>
            <a:stCxn id="9" idx="2"/>
            <a:endCxn id="10" idx="0"/>
          </p:cNvCxnSpPr>
          <p:nvPr/>
        </p:nvCxnSpPr>
        <p:spPr>
          <a:xfrm flipH="1">
            <a:off x="10738165" y="4614670"/>
            <a:ext cx="2" cy="807694"/>
          </a:xfrm>
          <a:prstGeom prst="straightConnector1">
            <a:avLst/>
          </a:prstGeom>
          <a:ln w="38100">
            <a:solidFill>
              <a:srgbClr val="00B0F0"/>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7" name="Right Arrow 157"/>
          <p:cNvSpPr/>
          <p:nvPr/>
        </p:nvSpPr>
        <p:spPr>
          <a:xfrm>
            <a:off x="2836515" y="5115163"/>
            <a:ext cx="647343" cy="356242"/>
          </a:xfrm>
          <a:prstGeom prst="rightArrow">
            <a:avLst>
              <a:gd name="adj1" fmla="val 40000"/>
              <a:gd name="adj2" fmla="val 50000"/>
            </a:avLst>
          </a:prstGeom>
          <a:gradFill flip="none" rotWithShape="1">
            <a:gsLst>
              <a:gs pos="15000">
                <a:schemeClr val="accent1">
                  <a:lumMod val="5000"/>
                  <a:lumOff val="95000"/>
                  <a:alpha val="0"/>
                </a:schemeClr>
              </a:gs>
              <a:gs pos="81000">
                <a:srgbClr val="99DFF9"/>
              </a:gs>
            </a:gsLst>
            <a:lin ang="0" scaled="1"/>
            <a:tileRect/>
          </a:gradFill>
          <a:ln w="15875">
            <a:gradFill flip="none" rotWithShape="1">
              <a:gsLst>
                <a:gs pos="0">
                  <a:schemeClr val="accent1">
                    <a:lumMod val="5000"/>
                    <a:lumOff val="95000"/>
                  </a:schemeClr>
                </a:gs>
                <a:gs pos="100000">
                  <a:srgbClr val="00B0F0"/>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343493894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圆角矩形 75">
            <a:extLst>
              <a:ext uri="{FF2B5EF4-FFF2-40B4-BE49-F238E27FC236}">
                <a16:creationId xmlns:a16="http://schemas.microsoft.com/office/drawing/2014/main" xmlns="" id="{C06CEBF4-50D6-4F6B-B4A6-C8F750936386}"/>
              </a:ext>
            </a:extLst>
          </p:cNvPr>
          <p:cNvSpPr/>
          <p:nvPr/>
        </p:nvSpPr>
        <p:spPr>
          <a:xfrm>
            <a:off x="6070600" y="2614327"/>
            <a:ext cx="5194300" cy="844351"/>
          </a:xfrm>
          <a:prstGeom prst="roundRect">
            <a:avLst>
              <a:gd name="adj" fmla="val 874"/>
            </a:avLst>
          </a:prstGeom>
          <a:solidFill>
            <a:srgbClr val="F3FBFE"/>
          </a:solidFill>
          <a:ln w="9525">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32" name="圆角矩形 75">
            <a:extLst>
              <a:ext uri="{FF2B5EF4-FFF2-40B4-BE49-F238E27FC236}">
                <a16:creationId xmlns:a16="http://schemas.microsoft.com/office/drawing/2014/main" xmlns="" id="{13D6517B-5254-4ABE-B149-8B23F39CE3B1}"/>
              </a:ext>
            </a:extLst>
          </p:cNvPr>
          <p:cNvSpPr/>
          <p:nvPr/>
        </p:nvSpPr>
        <p:spPr>
          <a:xfrm>
            <a:off x="6070600" y="3960040"/>
            <a:ext cx="5194300" cy="844351"/>
          </a:xfrm>
          <a:prstGeom prst="roundRect">
            <a:avLst>
              <a:gd name="adj" fmla="val 874"/>
            </a:avLst>
          </a:prstGeom>
          <a:solidFill>
            <a:srgbClr val="F3FBFE"/>
          </a:solidFill>
          <a:ln w="9525">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33" name="圆角矩形 75">
            <a:extLst>
              <a:ext uri="{FF2B5EF4-FFF2-40B4-BE49-F238E27FC236}">
                <a16:creationId xmlns:a16="http://schemas.microsoft.com/office/drawing/2014/main" xmlns="" id="{7910E2BE-9AE0-4F29-93AA-3C34B40AA501}"/>
              </a:ext>
            </a:extLst>
          </p:cNvPr>
          <p:cNvSpPr/>
          <p:nvPr/>
        </p:nvSpPr>
        <p:spPr>
          <a:xfrm>
            <a:off x="6070600" y="5241768"/>
            <a:ext cx="5194300" cy="844351"/>
          </a:xfrm>
          <a:prstGeom prst="roundRect">
            <a:avLst>
              <a:gd name="adj" fmla="val 874"/>
            </a:avLst>
          </a:prstGeom>
          <a:solidFill>
            <a:srgbClr val="F3FBFE"/>
          </a:solidFill>
          <a:ln w="9525">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2" name="标题 1">
            <a:extLst>
              <a:ext uri="{FF2B5EF4-FFF2-40B4-BE49-F238E27FC236}">
                <a16:creationId xmlns:a16="http://schemas.microsoft.com/office/drawing/2014/main" xmlns="" id="{1CC9A9A3-106F-44EA-AB4E-E3CEBDFBB0DB}"/>
              </a:ext>
            </a:extLst>
          </p:cNvPr>
          <p:cNvSpPr>
            <a:spLocks noGrp="1"/>
          </p:cNvSpPr>
          <p:nvPr>
            <p:ph type="title"/>
          </p:nvPr>
        </p:nvSpPr>
        <p:spPr/>
        <p:txBody>
          <a:bodyPr/>
          <a:lstStyle/>
          <a:p>
            <a:r>
              <a:rPr lang="en-US" altLang="zh-CN"/>
              <a:t>OpenFlow</a:t>
            </a:r>
            <a:r>
              <a:rPr lang="zh-CN" altLang="en-US"/>
              <a:t>基本概念</a:t>
            </a:r>
          </a:p>
        </p:txBody>
      </p:sp>
      <p:sp>
        <p:nvSpPr>
          <p:cNvPr id="3" name="Content Placeholder 2">
            <a:extLst>
              <a:ext uri="{FF2B5EF4-FFF2-40B4-BE49-F238E27FC236}">
                <a16:creationId xmlns:a16="http://schemas.microsoft.com/office/drawing/2014/main" xmlns="" id="{E227240E-EB3C-4326-80F2-6A4A7C91D818}"/>
              </a:ext>
            </a:extLst>
          </p:cNvPr>
          <p:cNvSpPr txBox="1">
            <a:spLocks/>
          </p:cNvSpPr>
          <p:nvPr/>
        </p:nvSpPr>
        <p:spPr>
          <a:xfrm>
            <a:off x="446088" y="1233489"/>
            <a:ext cx="11299825" cy="935473"/>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1800" dirty="0" err="1"/>
              <a:t>OpenFlow</a:t>
            </a:r>
            <a:r>
              <a:rPr lang="zh-CN" altLang="en-US" sz="1800" dirty="0"/>
              <a:t>是控制器与交换机之间的一种南向接口协议。它定义了三种类型的消息，</a:t>
            </a:r>
            <a:r>
              <a:rPr lang="en-US" altLang="zh-CN" sz="1800" dirty="0"/>
              <a:t>Controller-to-Switch</a:t>
            </a:r>
            <a:r>
              <a:rPr lang="zh-CN" altLang="en-US" sz="1800" dirty="0"/>
              <a:t>、</a:t>
            </a:r>
            <a:r>
              <a:rPr lang="en-US" altLang="zh-CN" sz="1800" dirty="0"/>
              <a:t> Asynchronous </a:t>
            </a:r>
            <a:r>
              <a:rPr lang="zh-CN" altLang="en-US" sz="1800" dirty="0"/>
              <a:t>和 </a:t>
            </a:r>
            <a:r>
              <a:rPr lang="en-US" altLang="zh-CN" sz="1800" dirty="0"/>
              <a:t>Symmetric</a:t>
            </a:r>
            <a:r>
              <a:rPr lang="zh-CN" altLang="en-US" sz="1800" dirty="0"/>
              <a:t>。每一种消息又包含了更多的子类型。</a:t>
            </a:r>
            <a:endParaRPr lang="en-US" altLang="zh-CN" sz="1800" dirty="0"/>
          </a:p>
        </p:txBody>
      </p:sp>
      <p:grpSp>
        <p:nvGrpSpPr>
          <p:cNvPr id="8" name="组合 7">
            <a:extLst>
              <a:ext uri="{FF2B5EF4-FFF2-40B4-BE49-F238E27FC236}">
                <a16:creationId xmlns:a16="http://schemas.microsoft.com/office/drawing/2014/main" xmlns="" id="{C787D111-AC80-45F0-A33E-0F0158061170}"/>
              </a:ext>
            </a:extLst>
          </p:cNvPr>
          <p:cNvGrpSpPr/>
          <p:nvPr/>
        </p:nvGrpSpPr>
        <p:grpSpPr>
          <a:xfrm>
            <a:off x="480028" y="5071851"/>
            <a:ext cx="4811561" cy="997492"/>
            <a:chOff x="3719173" y="5231865"/>
            <a:chExt cx="4811561" cy="997492"/>
          </a:xfrm>
        </p:grpSpPr>
        <p:sp>
          <p:nvSpPr>
            <p:cNvPr id="9" name="椭圆 8">
              <a:extLst>
                <a:ext uri="{FF2B5EF4-FFF2-40B4-BE49-F238E27FC236}">
                  <a16:creationId xmlns:a16="http://schemas.microsoft.com/office/drawing/2014/main" xmlns="" id="{5B29D104-E5C7-41BA-9161-09CC0C31C493}"/>
                </a:ext>
              </a:extLst>
            </p:cNvPr>
            <p:cNvSpPr/>
            <p:nvPr/>
          </p:nvSpPr>
          <p:spPr>
            <a:xfrm>
              <a:off x="3719173" y="5231865"/>
              <a:ext cx="4811561" cy="997492"/>
            </a:xfrm>
            <a:prstGeom prst="ellipse">
              <a:avLst/>
            </a:prstGeom>
            <a:solidFill>
              <a:srgbClr val="00B0F0">
                <a:alpha val="5000"/>
              </a:srgbClr>
            </a:solidFill>
            <a:ln w="12700" cap="flat" cmpd="sng" algn="ctr">
              <a:solidFill>
                <a:srgbClr val="99DFF9"/>
              </a:solidFill>
              <a:prstDash val="solid"/>
              <a:miter lim="800000"/>
            </a:ln>
            <a:effectLst/>
          </p:spPr>
          <p:txBody>
            <a:bodyPr wrap="square" rtlCol="0" anchor="ctr">
              <a:noAutofit/>
            </a:bodyPr>
            <a:lstStyle/>
            <a:p>
              <a:pPr algn="ctr" defTabSz="1219170" fontAlgn="ctr">
                <a:defRPr/>
              </a:pPr>
              <a:endParaRPr lang="en-US" altLang="zh-CN" sz="1600" kern="0" dirty="0">
                <a:solidFill>
                  <a:prstClr val="white"/>
                </a:solidFill>
              </a:endParaRPr>
            </a:p>
          </p:txBody>
        </p:sp>
        <p:sp>
          <p:nvSpPr>
            <p:cNvPr id="10" name="TextBox 19">
              <a:extLst>
                <a:ext uri="{FF2B5EF4-FFF2-40B4-BE49-F238E27FC236}">
                  <a16:creationId xmlns:a16="http://schemas.microsoft.com/office/drawing/2014/main" xmlns="" id="{5EE6B193-D2C0-4BA0-8A0F-CF49702A0D4D}"/>
                </a:ext>
              </a:extLst>
            </p:cNvPr>
            <p:cNvSpPr txBox="1"/>
            <p:nvPr/>
          </p:nvSpPr>
          <p:spPr>
            <a:xfrm>
              <a:off x="5302968" y="5831485"/>
              <a:ext cx="2012089" cy="338554"/>
            </a:xfrm>
            <a:prstGeom prst="rect">
              <a:avLst/>
            </a:prstGeom>
            <a:noFill/>
          </p:spPr>
          <p:txBody>
            <a:bodyPr wrap="none" rtlCol="0">
              <a:spAutoFit/>
            </a:bodyPr>
            <a:lstStyle/>
            <a:p>
              <a:r>
                <a:rPr lang="en-US" sz="1600" dirty="0" err="1">
                  <a:ea typeface="+mn-ea"/>
                  <a:cs typeface="Huawei Sans" panose="020C0503030203020204" pitchFamily="34" charset="0"/>
                </a:rPr>
                <a:t>O</a:t>
              </a:r>
              <a:r>
                <a:rPr lang="en-US" altLang="zh-CN" sz="1600" dirty="0" err="1">
                  <a:ea typeface="+mn-ea"/>
                  <a:cs typeface="Huawei Sans" panose="020C0503030203020204" pitchFamily="34" charset="0"/>
                </a:rPr>
                <a:t>penFlow</a:t>
              </a:r>
              <a:r>
                <a:rPr lang="en-US" altLang="zh-CN" sz="1600" dirty="0">
                  <a:ea typeface="+mn-ea"/>
                  <a:cs typeface="Huawei Sans" panose="020C0503030203020204" pitchFamily="34" charset="0"/>
                </a:rPr>
                <a:t> Switches</a:t>
              </a:r>
              <a:endParaRPr lang="en-US" sz="1600" dirty="0">
                <a:ea typeface="+mn-ea"/>
                <a:cs typeface="Huawei Sans" panose="020C0503030203020204" pitchFamily="34" charset="0"/>
              </a:endParaRPr>
            </a:p>
          </p:txBody>
        </p:sp>
        <p:pic>
          <p:nvPicPr>
            <p:cNvPr id="11" name="图片 10">
              <a:extLst>
                <a:ext uri="{FF2B5EF4-FFF2-40B4-BE49-F238E27FC236}">
                  <a16:creationId xmlns:a16="http://schemas.microsoft.com/office/drawing/2014/main" xmlns="" id="{6B29D6D3-6A51-4C34-A5DE-617AE1A96947}"/>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4302778" y="5440459"/>
              <a:ext cx="540000" cy="442800"/>
            </a:xfrm>
            <a:prstGeom prst="rect">
              <a:avLst/>
            </a:prstGeom>
          </p:spPr>
        </p:pic>
        <p:pic>
          <p:nvPicPr>
            <p:cNvPr id="12" name="图片 11">
              <a:extLst>
                <a:ext uri="{FF2B5EF4-FFF2-40B4-BE49-F238E27FC236}">
                  <a16:creationId xmlns:a16="http://schemas.microsoft.com/office/drawing/2014/main" xmlns="" id="{6F670F11-1062-49CD-B697-05C37B90716D}"/>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5370738" y="5300940"/>
              <a:ext cx="540000" cy="442800"/>
            </a:xfrm>
            <a:prstGeom prst="rect">
              <a:avLst/>
            </a:prstGeom>
          </p:spPr>
        </p:pic>
        <p:pic>
          <p:nvPicPr>
            <p:cNvPr id="13" name="图片 12">
              <a:extLst>
                <a:ext uri="{FF2B5EF4-FFF2-40B4-BE49-F238E27FC236}">
                  <a16:creationId xmlns:a16="http://schemas.microsoft.com/office/drawing/2014/main" xmlns="" id="{586F2C9C-B9EF-4844-B8FE-329BBA1DAE4B}"/>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6396919" y="5288957"/>
              <a:ext cx="540000" cy="442800"/>
            </a:xfrm>
            <a:prstGeom prst="rect">
              <a:avLst/>
            </a:prstGeom>
          </p:spPr>
        </p:pic>
        <p:pic>
          <p:nvPicPr>
            <p:cNvPr id="14" name="图片 13">
              <a:extLst>
                <a:ext uri="{FF2B5EF4-FFF2-40B4-BE49-F238E27FC236}">
                  <a16:creationId xmlns:a16="http://schemas.microsoft.com/office/drawing/2014/main" xmlns="" id="{2C4F5EA9-B6D8-4BAB-87BF-9CD0C29E9507}"/>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7465476" y="5453720"/>
              <a:ext cx="540000" cy="442800"/>
            </a:xfrm>
            <a:prstGeom prst="rect">
              <a:avLst/>
            </a:prstGeom>
          </p:spPr>
        </p:pic>
        <p:cxnSp>
          <p:nvCxnSpPr>
            <p:cNvPr id="15" name="直接连接符 14">
              <a:extLst>
                <a:ext uri="{FF2B5EF4-FFF2-40B4-BE49-F238E27FC236}">
                  <a16:creationId xmlns:a16="http://schemas.microsoft.com/office/drawing/2014/main" xmlns="" id="{AE3130D6-996F-4FA8-9136-09DE5CDFB5E1}"/>
                </a:ext>
              </a:extLst>
            </p:cNvPr>
            <p:cNvCxnSpPr>
              <a:cxnSpLocks/>
              <a:stCxn id="11" idx="3"/>
              <a:endCxn id="12" idx="1"/>
            </p:cNvCxnSpPr>
            <p:nvPr/>
          </p:nvCxnSpPr>
          <p:spPr>
            <a:xfrm flipV="1">
              <a:off x="4842778" y="5522340"/>
              <a:ext cx="527960" cy="139519"/>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直接连接符 15">
              <a:extLst>
                <a:ext uri="{FF2B5EF4-FFF2-40B4-BE49-F238E27FC236}">
                  <a16:creationId xmlns:a16="http://schemas.microsoft.com/office/drawing/2014/main" xmlns="" id="{DC6254ED-8D30-4EF2-B2A7-F3F99A4889C6}"/>
                </a:ext>
              </a:extLst>
            </p:cNvPr>
            <p:cNvCxnSpPr>
              <a:cxnSpLocks/>
              <a:stCxn id="12" idx="3"/>
              <a:endCxn id="13" idx="1"/>
            </p:cNvCxnSpPr>
            <p:nvPr/>
          </p:nvCxnSpPr>
          <p:spPr>
            <a:xfrm flipV="1">
              <a:off x="5910738" y="5510357"/>
              <a:ext cx="486181" cy="11983"/>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直接连接符 16">
              <a:extLst>
                <a:ext uri="{FF2B5EF4-FFF2-40B4-BE49-F238E27FC236}">
                  <a16:creationId xmlns:a16="http://schemas.microsoft.com/office/drawing/2014/main" xmlns="" id="{51DA313E-6781-47B4-A313-AD8EA1B0DBE8}"/>
                </a:ext>
              </a:extLst>
            </p:cNvPr>
            <p:cNvCxnSpPr>
              <a:cxnSpLocks/>
              <a:stCxn id="13" idx="3"/>
              <a:endCxn id="14" idx="1"/>
            </p:cNvCxnSpPr>
            <p:nvPr/>
          </p:nvCxnSpPr>
          <p:spPr>
            <a:xfrm>
              <a:off x="6936919" y="5510357"/>
              <a:ext cx="528557" cy="164763"/>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18" name="Straight Arrow Connector 631">
            <a:extLst>
              <a:ext uri="{FF2B5EF4-FFF2-40B4-BE49-F238E27FC236}">
                <a16:creationId xmlns:a16="http://schemas.microsoft.com/office/drawing/2014/main" xmlns="" id="{389C40B9-213E-4FD1-965C-016ABAB7B1CB}"/>
              </a:ext>
            </a:extLst>
          </p:cNvPr>
          <p:cNvCxnSpPr>
            <a:cxnSpLocks/>
            <a:stCxn id="23" idx="2"/>
            <a:endCxn id="12" idx="0"/>
          </p:cNvCxnSpPr>
          <p:nvPr/>
        </p:nvCxnSpPr>
        <p:spPr bwMode="auto">
          <a:xfrm flipH="1">
            <a:off x="2401593" y="3224508"/>
            <a:ext cx="486715" cy="1916418"/>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cxnSp>
        <p:nvCxnSpPr>
          <p:cNvPr id="19" name="Straight Arrow Connector 633">
            <a:extLst>
              <a:ext uri="{FF2B5EF4-FFF2-40B4-BE49-F238E27FC236}">
                <a16:creationId xmlns:a16="http://schemas.microsoft.com/office/drawing/2014/main" xmlns="" id="{C4D451BA-B23F-490C-9958-D892F4A58D11}"/>
              </a:ext>
            </a:extLst>
          </p:cNvPr>
          <p:cNvCxnSpPr>
            <a:cxnSpLocks/>
            <a:stCxn id="23" idx="2"/>
            <a:endCxn id="13" idx="0"/>
          </p:cNvCxnSpPr>
          <p:nvPr/>
        </p:nvCxnSpPr>
        <p:spPr bwMode="auto">
          <a:xfrm>
            <a:off x="2888308" y="3224508"/>
            <a:ext cx="539466" cy="1904435"/>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cxnSp>
        <p:nvCxnSpPr>
          <p:cNvPr id="20" name="Straight Arrow Connector 635">
            <a:extLst>
              <a:ext uri="{FF2B5EF4-FFF2-40B4-BE49-F238E27FC236}">
                <a16:creationId xmlns:a16="http://schemas.microsoft.com/office/drawing/2014/main" xmlns="" id="{C5CAFFBC-6E37-4C50-BC01-8EA95A236E57}"/>
              </a:ext>
            </a:extLst>
          </p:cNvPr>
          <p:cNvCxnSpPr>
            <a:cxnSpLocks/>
            <a:stCxn id="23" idx="2"/>
            <a:endCxn id="14" idx="0"/>
          </p:cNvCxnSpPr>
          <p:nvPr/>
        </p:nvCxnSpPr>
        <p:spPr bwMode="auto">
          <a:xfrm>
            <a:off x="2888308" y="3224508"/>
            <a:ext cx="1608023" cy="2069198"/>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21" name="TextBox 26">
            <a:extLst>
              <a:ext uri="{FF2B5EF4-FFF2-40B4-BE49-F238E27FC236}">
                <a16:creationId xmlns:a16="http://schemas.microsoft.com/office/drawing/2014/main" xmlns="" id="{D96501E7-F6AF-4937-ACB9-0F77BFCD2F69}"/>
              </a:ext>
            </a:extLst>
          </p:cNvPr>
          <p:cNvSpPr txBox="1"/>
          <p:nvPr/>
        </p:nvSpPr>
        <p:spPr>
          <a:xfrm>
            <a:off x="1941499" y="2351251"/>
            <a:ext cx="1946367" cy="369332"/>
          </a:xfrm>
          <a:prstGeom prst="rect">
            <a:avLst/>
          </a:prstGeom>
          <a:noFill/>
        </p:spPr>
        <p:txBody>
          <a:bodyPr wrap="none" rtlCol="0">
            <a:spAutoFit/>
          </a:bodyPr>
          <a:lstStyle/>
          <a:p>
            <a:r>
              <a:rPr lang="en-US" altLang="zh-CN" dirty="0" err="1">
                <a:cs typeface="Huawei Sans" panose="020C0503030203020204" pitchFamily="34" charset="0"/>
              </a:rPr>
              <a:t>OpenFlow</a:t>
            </a:r>
            <a:r>
              <a:rPr lang="zh-CN" altLang="en-US" dirty="0">
                <a:ea typeface="+mn-ea"/>
                <a:cs typeface="Huawei Sans" panose="020C0503030203020204" pitchFamily="34" charset="0"/>
              </a:rPr>
              <a:t>控制器</a:t>
            </a:r>
            <a:endParaRPr lang="en-US" dirty="0">
              <a:ea typeface="+mn-ea"/>
              <a:cs typeface="Huawei Sans" panose="020C0503030203020204" pitchFamily="34" charset="0"/>
            </a:endParaRPr>
          </a:p>
        </p:txBody>
      </p:sp>
      <p:sp>
        <p:nvSpPr>
          <p:cNvPr id="22" name="TextBox 26">
            <a:extLst>
              <a:ext uri="{FF2B5EF4-FFF2-40B4-BE49-F238E27FC236}">
                <a16:creationId xmlns:a16="http://schemas.microsoft.com/office/drawing/2014/main" xmlns="" id="{F5C720D6-D6FF-46FE-B51B-902F76B2E3F3}"/>
              </a:ext>
            </a:extLst>
          </p:cNvPr>
          <p:cNvSpPr txBox="1"/>
          <p:nvPr/>
        </p:nvSpPr>
        <p:spPr>
          <a:xfrm>
            <a:off x="4486371" y="3992145"/>
            <a:ext cx="1138453" cy="338554"/>
          </a:xfrm>
          <a:prstGeom prst="rect">
            <a:avLst/>
          </a:prstGeom>
          <a:noFill/>
        </p:spPr>
        <p:txBody>
          <a:bodyPr wrap="none" rtlCol="0">
            <a:spAutoFit/>
          </a:bodyPr>
          <a:lstStyle/>
          <a:p>
            <a:r>
              <a:rPr lang="en-US" altLang="zh-CN" sz="1600" dirty="0" err="1">
                <a:solidFill>
                  <a:srgbClr val="151515"/>
                </a:solidFill>
                <a:ea typeface="+mn-ea"/>
                <a:cs typeface="Huawei Sans" panose="020C0503030203020204" pitchFamily="34" charset="0"/>
              </a:rPr>
              <a:t>OpenFlow</a:t>
            </a:r>
            <a:endParaRPr lang="en-US" sz="1600" dirty="0">
              <a:solidFill>
                <a:srgbClr val="151515"/>
              </a:solidFill>
              <a:ea typeface="+mn-ea"/>
              <a:cs typeface="Huawei Sans" panose="020C0503030203020204" pitchFamily="34" charset="0"/>
            </a:endParaRPr>
          </a:p>
        </p:txBody>
      </p:sp>
      <p:pic>
        <p:nvPicPr>
          <p:cNvPr id="23" name="图片 22">
            <a:extLst>
              <a:ext uri="{FF2B5EF4-FFF2-40B4-BE49-F238E27FC236}">
                <a16:creationId xmlns:a16="http://schemas.microsoft.com/office/drawing/2014/main" xmlns="" id="{A5DDA548-5B14-405E-94BD-20C93B7B15BB}"/>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2618308" y="2781708"/>
            <a:ext cx="540000" cy="442800"/>
          </a:xfrm>
          <a:prstGeom prst="rect">
            <a:avLst/>
          </a:prstGeom>
        </p:spPr>
      </p:pic>
      <p:cxnSp>
        <p:nvCxnSpPr>
          <p:cNvPr id="24" name="Straight Arrow Connector 629">
            <a:extLst>
              <a:ext uri="{FF2B5EF4-FFF2-40B4-BE49-F238E27FC236}">
                <a16:creationId xmlns:a16="http://schemas.microsoft.com/office/drawing/2014/main" xmlns="" id="{9D76CD76-DDD9-4793-8539-4242B1EFF79C}"/>
              </a:ext>
            </a:extLst>
          </p:cNvPr>
          <p:cNvCxnSpPr>
            <a:cxnSpLocks/>
            <a:stCxn id="23" idx="2"/>
            <a:endCxn id="11" idx="0"/>
          </p:cNvCxnSpPr>
          <p:nvPr/>
        </p:nvCxnSpPr>
        <p:spPr bwMode="auto">
          <a:xfrm flipH="1">
            <a:off x="1333633" y="3224508"/>
            <a:ext cx="1554675" cy="2055937"/>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25" name="圆角矩形 5">
            <a:extLst>
              <a:ext uri="{FF2B5EF4-FFF2-40B4-BE49-F238E27FC236}">
                <a16:creationId xmlns:a16="http://schemas.microsoft.com/office/drawing/2014/main" xmlns="" id="{6B9D965E-7E27-46EA-8F5A-29318EB87A35}"/>
              </a:ext>
            </a:extLst>
          </p:cNvPr>
          <p:cNvSpPr/>
          <p:nvPr/>
        </p:nvSpPr>
        <p:spPr>
          <a:xfrm>
            <a:off x="6071680" y="2243827"/>
            <a:ext cx="2113675" cy="347510"/>
          </a:xfrm>
          <a:prstGeom prst="roundRect">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altLang="zh-CN" sz="1600" dirty="0">
                <a:solidFill>
                  <a:schemeClr val="bg1"/>
                </a:solidFill>
              </a:rPr>
              <a:t>Controller-to-Switch</a:t>
            </a:r>
            <a:endParaRPr lang="zh-CN" altLang="en-US" sz="1600" dirty="0">
              <a:solidFill>
                <a:schemeClr val="bg1"/>
              </a:solidFill>
            </a:endParaRPr>
          </a:p>
        </p:txBody>
      </p:sp>
      <p:sp>
        <p:nvSpPr>
          <p:cNvPr id="26" name="圆角矩形 5">
            <a:extLst>
              <a:ext uri="{FF2B5EF4-FFF2-40B4-BE49-F238E27FC236}">
                <a16:creationId xmlns:a16="http://schemas.microsoft.com/office/drawing/2014/main" xmlns="" id="{B02CC712-35F6-4AB0-AEF6-6F56A70EF3F2}"/>
              </a:ext>
            </a:extLst>
          </p:cNvPr>
          <p:cNvSpPr/>
          <p:nvPr/>
        </p:nvSpPr>
        <p:spPr>
          <a:xfrm>
            <a:off x="6071680" y="3585858"/>
            <a:ext cx="2113675" cy="347510"/>
          </a:xfrm>
          <a:prstGeom prst="roundRect">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altLang="zh-CN" sz="1600">
                <a:solidFill>
                  <a:schemeClr val="bg1"/>
                </a:solidFill>
              </a:rPr>
              <a:t>Asynchronous</a:t>
            </a:r>
            <a:endParaRPr lang="zh-CN" altLang="en-US" sz="1600">
              <a:solidFill>
                <a:schemeClr val="bg1"/>
              </a:solidFill>
            </a:endParaRPr>
          </a:p>
        </p:txBody>
      </p:sp>
      <p:sp>
        <p:nvSpPr>
          <p:cNvPr id="27" name="圆角矩形 5">
            <a:extLst>
              <a:ext uri="{FF2B5EF4-FFF2-40B4-BE49-F238E27FC236}">
                <a16:creationId xmlns:a16="http://schemas.microsoft.com/office/drawing/2014/main" xmlns="" id="{98BC53B9-4232-4B5B-8196-E8E657242B46}"/>
              </a:ext>
            </a:extLst>
          </p:cNvPr>
          <p:cNvSpPr/>
          <p:nvPr/>
        </p:nvSpPr>
        <p:spPr>
          <a:xfrm>
            <a:off x="6071680" y="4863494"/>
            <a:ext cx="2113675" cy="347510"/>
          </a:xfrm>
          <a:prstGeom prst="roundRect">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altLang="zh-CN" sz="1600">
                <a:solidFill>
                  <a:schemeClr val="bg1"/>
                </a:solidFill>
              </a:rPr>
              <a:t>Symmetric</a:t>
            </a:r>
            <a:endParaRPr lang="zh-CN" altLang="en-US" sz="1600">
              <a:solidFill>
                <a:schemeClr val="bg1"/>
              </a:solidFill>
            </a:endParaRPr>
          </a:p>
        </p:txBody>
      </p:sp>
      <p:sp>
        <p:nvSpPr>
          <p:cNvPr id="28" name="Content Placeholder 2">
            <a:extLst>
              <a:ext uri="{FF2B5EF4-FFF2-40B4-BE49-F238E27FC236}">
                <a16:creationId xmlns:a16="http://schemas.microsoft.com/office/drawing/2014/main" xmlns="" id="{E113486F-ABCF-4726-8D3C-03FFCFC4ABB6}"/>
              </a:ext>
            </a:extLst>
          </p:cNvPr>
          <p:cNvSpPr txBox="1">
            <a:spLocks/>
          </p:cNvSpPr>
          <p:nvPr/>
        </p:nvSpPr>
        <p:spPr>
          <a:xfrm>
            <a:off x="6071679" y="2637679"/>
            <a:ext cx="5193221" cy="869751"/>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pPr marL="0" indent="0">
              <a:buNone/>
            </a:pPr>
            <a:r>
              <a:rPr lang="zh-CN" altLang="en-US" sz="1600" dirty="0"/>
              <a:t>该消息由</a:t>
            </a:r>
            <a:r>
              <a:rPr lang="en-US" altLang="zh-CN" sz="1600" dirty="0"/>
              <a:t>Controller</a:t>
            </a:r>
            <a:r>
              <a:rPr lang="zh-CN" altLang="en-US" sz="1600" dirty="0"/>
              <a:t>发送。用于管理</a:t>
            </a:r>
            <a:r>
              <a:rPr lang="en-US" altLang="zh-CN" sz="1600" dirty="0"/>
              <a:t>Switch</a:t>
            </a:r>
            <a:r>
              <a:rPr lang="zh-CN" altLang="en-US" sz="1600" dirty="0"/>
              <a:t>和查询</a:t>
            </a:r>
            <a:r>
              <a:rPr lang="en-US" altLang="zh-CN" sz="1600" dirty="0"/>
              <a:t>Switch</a:t>
            </a:r>
            <a:r>
              <a:rPr lang="zh-CN" altLang="en-US" sz="1600" dirty="0"/>
              <a:t>的相关信息。</a:t>
            </a:r>
          </a:p>
        </p:txBody>
      </p:sp>
      <p:sp>
        <p:nvSpPr>
          <p:cNvPr id="29" name="Content Placeholder 2">
            <a:extLst>
              <a:ext uri="{FF2B5EF4-FFF2-40B4-BE49-F238E27FC236}">
                <a16:creationId xmlns:a16="http://schemas.microsoft.com/office/drawing/2014/main" xmlns="" id="{12F1B203-9271-40EC-9B3C-D244CCA2F539}"/>
              </a:ext>
            </a:extLst>
          </p:cNvPr>
          <p:cNvSpPr txBox="1">
            <a:spLocks/>
          </p:cNvSpPr>
          <p:nvPr/>
        </p:nvSpPr>
        <p:spPr>
          <a:xfrm>
            <a:off x="6071680" y="4004166"/>
            <a:ext cx="4786688" cy="935473"/>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pPr marL="0" indent="0">
              <a:buNone/>
            </a:pPr>
            <a:r>
              <a:rPr lang="zh-CN" altLang="en-US" sz="1600" dirty="0"/>
              <a:t>该消息由</a:t>
            </a:r>
            <a:r>
              <a:rPr lang="en-US" altLang="zh-CN" sz="1600" dirty="0"/>
              <a:t>Switch</a:t>
            </a:r>
            <a:r>
              <a:rPr lang="zh-CN" altLang="en-US" sz="1600" dirty="0"/>
              <a:t>发起。当</a:t>
            </a:r>
            <a:r>
              <a:rPr lang="en-US" altLang="zh-CN" sz="1600" dirty="0"/>
              <a:t>Switch</a:t>
            </a:r>
            <a:r>
              <a:rPr lang="zh-CN" altLang="en-US" sz="1600" dirty="0"/>
              <a:t>状态发生改变时，发送该消息告诉</a:t>
            </a:r>
            <a:r>
              <a:rPr lang="en-US" altLang="zh-CN" sz="1600" dirty="0"/>
              <a:t>Controller</a:t>
            </a:r>
            <a:r>
              <a:rPr lang="zh-CN" altLang="en-US" sz="1600" dirty="0"/>
              <a:t>状态变化。</a:t>
            </a:r>
          </a:p>
        </p:txBody>
      </p:sp>
      <p:sp>
        <p:nvSpPr>
          <p:cNvPr id="30" name="Content Placeholder 2">
            <a:extLst>
              <a:ext uri="{FF2B5EF4-FFF2-40B4-BE49-F238E27FC236}">
                <a16:creationId xmlns:a16="http://schemas.microsoft.com/office/drawing/2014/main" xmlns="" id="{1F5EDD19-E315-419C-83FC-DE610C3EAB3B}"/>
              </a:ext>
            </a:extLst>
          </p:cNvPr>
          <p:cNvSpPr txBox="1">
            <a:spLocks/>
          </p:cNvSpPr>
          <p:nvPr/>
        </p:nvSpPr>
        <p:spPr>
          <a:xfrm>
            <a:off x="6071679" y="5247967"/>
            <a:ext cx="4811561" cy="935473"/>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pPr marL="0" indent="0">
              <a:buNone/>
            </a:pPr>
            <a:r>
              <a:rPr lang="zh-CN" altLang="en-US" sz="1600" dirty="0"/>
              <a:t>该消息没有固定发起方，可由</a:t>
            </a:r>
            <a:r>
              <a:rPr lang="en-US" altLang="zh-CN" sz="1600" dirty="0"/>
              <a:t>Switch</a:t>
            </a:r>
            <a:r>
              <a:rPr lang="zh-CN" altLang="en-US" sz="1600" dirty="0"/>
              <a:t>或者</a:t>
            </a:r>
            <a:r>
              <a:rPr lang="en-US" altLang="zh-CN" sz="1600" dirty="0"/>
              <a:t>Controller</a:t>
            </a:r>
            <a:r>
              <a:rPr lang="zh-CN" altLang="en-US" sz="1600" dirty="0"/>
              <a:t>发起。例如</a:t>
            </a:r>
            <a:r>
              <a:rPr lang="en-US" altLang="zh-CN" sz="1600" dirty="0"/>
              <a:t>Hello</a:t>
            </a:r>
            <a:r>
              <a:rPr lang="zh-CN" altLang="en-US" sz="1600" dirty="0"/>
              <a:t>、</a:t>
            </a:r>
            <a:r>
              <a:rPr lang="en-US" altLang="zh-CN" sz="1600" dirty="0"/>
              <a:t>Echo</a:t>
            </a:r>
            <a:r>
              <a:rPr lang="zh-CN" altLang="en-US" sz="1600" dirty="0"/>
              <a:t>、</a:t>
            </a:r>
            <a:r>
              <a:rPr lang="en-US" altLang="zh-CN" sz="1600" dirty="0"/>
              <a:t>Error</a:t>
            </a:r>
            <a:r>
              <a:rPr lang="zh-CN" altLang="en-US" sz="1600" dirty="0"/>
              <a:t>等。</a:t>
            </a:r>
          </a:p>
        </p:txBody>
      </p:sp>
      <p:sp>
        <p:nvSpPr>
          <p:cNvPr id="34" name="左大括号 33">
            <a:extLst>
              <a:ext uri="{FF2B5EF4-FFF2-40B4-BE49-F238E27FC236}">
                <a16:creationId xmlns:a16="http://schemas.microsoft.com/office/drawing/2014/main" xmlns="" id="{186606FB-209D-476B-81D8-17A47E23D3E4}"/>
              </a:ext>
            </a:extLst>
          </p:cNvPr>
          <p:cNvSpPr/>
          <p:nvPr/>
        </p:nvSpPr>
        <p:spPr>
          <a:xfrm>
            <a:off x="5752904" y="2362200"/>
            <a:ext cx="190696" cy="3635019"/>
          </a:xfrm>
          <a:prstGeom prst="leftBrace">
            <a:avLst>
              <a:gd name="adj1" fmla="val 50790"/>
              <a:gd name="adj2" fmla="val 50000"/>
            </a:avLst>
          </a:prstGeom>
          <a:ln w="9525">
            <a:solidFill>
              <a:srgbClr val="151515"/>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Tree>
    <p:extLst>
      <p:ext uri="{BB962C8B-B14F-4D97-AF65-F5344CB8AC3E}">
        <p14:creationId xmlns:p14="http://schemas.microsoft.com/office/powerpoint/2010/main" val="268714632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4927853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梯形 4"/>
          <p:cNvSpPr/>
          <p:nvPr/>
        </p:nvSpPr>
        <p:spPr bwMode="auto">
          <a:xfrm>
            <a:off x="1231838" y="4093169"/>
            <a:ext cx="9649521" cy="896841"/>
          </a:xfrm>
          <a:custGeom>
            <a:avLst/>
            <a:gdLst>
              <a:gd name="connsiteX0" fmla="*/ 0 w 4644516"/>
              <a:gd name="connsiteY0" fmla="*/ 828092 h 828092"/>
              <a:gd name="connsiteX1" fmla="*/ 1833644 w 4644516"/>
              <a:gd name="connsiteY1" fmla="*/ 0 h 828092"/>
              <a:gd name="connsiteX2" fmla="*/ 2810872 w 4644516"/>
              <a:gd name="connsiteY2" fmla="*/ 0 h 828092"/>
              <a:gd name="connsiteX3" fmla="*/ 4644516 w 4644516"/>
              <a:gd name="connsiteY3" fmla="*/ 828092 h 828092"/>
              <a:gd name="connsiteX4" fmla="*/ 0 w 4644516"/>
              <a:gd name="connsiteY4" fmla="*/ 828092 h 828092"/>
              <a:gd name="connsiteX0" fmla="*/ 0 w 6795288"/>
              <a:gd name="connsiteY0" fmla="*/ 828092 h 840971"/>
              <a:gd name="connsiteX1" fmla="*/ 1833644 w 6795288"/>
              <a:gd name="connsiteY1" fmla="*/ 0 h 840971"/>
              <a:gd name="connsiteX2" fmla="*/ 2810872 w 6795288"/>
              <a:gd name="connsiteY2" fmla="*/ 0 h 840971"/>
              <a:gd name="connsiteX3" fmla="*/ 6795288 w 6795288"/>
              <a:gd name="connsiteY3" fmla="*/ 840971 h 840971"/>
              <a:gd name="connsiteX4" fmla="*/ 0 w 6795288"/>
              <a:gd name="connsiteY4" fmla="*/ 828092 h 840971"/>
              <a:gd name="connsiteX0" fmla="*/ 0 w 6795288"/>
              <a:gd name="connsiteY0" fmla="*/ 828092 h 840971"/>
              <a:gd name="connsiteX1" fmla="*/ 1833644 w 6795288"/>
              <a:gd name="connsiteY1" fmla="*/ 0 h 840971"/>
              <a:gd name="connsiteX2" fmla="*/ 3172822 w 6795288"/>
              <a:gd name="connsiteY2" fmla="*/ 0 h 840971"/>
              <a:gd name="connsiteX3" fmla="*/ 6795288 w 6795288"/>
              <a:gd name="connsiteY3" fmla="*/ 840971 h 840971"/>
              <a:gd name="connsiteX4" fmla="*/ 0 w 6795288"/>
              <a:gd name="connsiteY4" fmla="*/ 828092 h 840971"/>
              <a:gd name="connsiteX0" fmla="*/ 0 w 5166513"/>
              <a:gd name="connsiteY0" fmla="*/ 837617 h 840971"/>
              <a:gd name="connsiteX1" fmla="*/ 204869 w 5166513"/>
              <a:gd name="connsiteY1" fmla="*/ 0 h 840971"/>
              <a:gd name="connsiteX2" fmla="*/ 1544047 w 5166513"/>
              <a:gd name="connsiteY2" fmla="*/ 0 h 840971"/>
              <a:gd name="connsiteX3" fmla="*/ 5166513 w 5166513"/>
              <a:gd name="connsiteY3" fmla="*/ 840971 h 840971"/>
              <a:gd name="connsiteX4" fmla="*/ 0 w 5166513"/>
              <a:gd name="connsiteY4" fmla="*/ 837617 h 840971"/>
              <a:gd name="connsiteX0" fmla="*/ 0 w 4299738"/>
              <a:gd name="connsiteY0" fmla="*/ 837617 h 850496"/>
              <a:gd name="connsiteX1" fmla="*/ 204869 w 4299738"/>
              <a:gd name="connsiteY1" fmla="*/ 0 h 850496"/>
              <a:gd name="connsiteX2" fmla="*/ 1544047 w 4299738"/>
              <a:gd name="connsiteY2" fmla="*/ 0 h 850496"/>
              <a:gd name="connsiteX3" fmla="*/ 4299738 w 4299738"/>
              <a:gd name="connsiteY3" fmla="*/ 850496 h 850496"/>
              <a:gd name="connsiteX4" fmla="*/ 0 w 4299738"/>
              <a:gd name="connsiteY4" fmla="*/ 837617 h 850496"/>
              <a:gd name="connsiteX0" fmla="*/ 0 w 5168418"/>
              <a:gd name="connsiteY0" fmla="*/ 837617 h 861325"/>
              <a:gd name="connsiteX1" fmla="*/ 204869 w 5168418"/>
              <a:gd name="connsiteY1" fmla="*/ 0 h 861325"/>
              <a:gd name="connsiteX2" fmla="*/ 1544047 w 5168418"/>
              <a:gd name="connsiteY2" fmla="*/ 0 h 861325"/>
              <a:gd name="connsiteX3" fmla="*/ 5168418 w 5168418"/>
              <a:gd name="connsiteY3" fmla="*/ 861325 h 861325"/>
              <a:gd name="connsiteX4" fmla="*/ 0 w 5168418"/>
              <a:gd name="connsiteY4" fmla="*/ 837617 h 861325"/>
              <a:gd name="connsiteX0" fmla="*/ 0 w 5668372"/>
              <a:gd name="connsiteY0" fmla="*/ 837617 h 861325"/>
              <a:gd name="connsiteX1" fmla="*/ 204869 w 5668372"/>
              <a:gd name="connsiteY1" fmla="*/ 0 h 861325"/>
              <a:gd name="connsiteX2" fmla="*/ 5668372 w 5668372"/>
              <a:gd name="connsiteY2" fmla="*/ 22787 h 861325"/>
              <a:gd name="connsiteX3" fmla="*/ 5168418 w 5668372"/>
              <a:gd name="connsiteY3" fmla="*/ 861325 h 861325"/>
              <a:gd name="connsiteX4" fmla="*/ 0 w 5668372"/>
              <a:gd name="connsiteY4" fmla="*/ 837617 h 861325"/>
              <a:gd name="connsiteX0" fmla="*/ 0 w 7435368"/>
              <a:gd name="connsiteY0" fmla="*/ 837617 h 838538"/>
              <a:gd name="connsiteX1" fmla="*/ 204869 w 7435368"/>
              <a:gd name="connsiteY1" fmla="*/ 0 h 838538"/>
              <a:gd name="connsiteX2" fmla="*/ 5668372 w 7435368"/>
              <a:gd name="connsiteY2" fmla="*/ 22787 h 838538"/>
              <a:gd name="connsiteX3" fmla="*/ 7435368 w 7435368"/>
              <a:gd name="connsiteY3" fmla="*/ 838538 h 838538"/>
              <a:gd name="connsiteX4" fmla="*/ 0 w 7435368"/>
              <a:gd name="connsiteY4" fmla="*/ 837617 h 838538"/>
              <a:gd name="connsiteX0" fmla="*/ 0 w 7435368"/>
              <a:gd name="connsiteY0" fmla="*/ 860404 h 861325"/>
              <a:gd name="connsiteX1" fmla="*/ 33419 w 7435368"/>
              <a:gd name="connsiteY1" fmla="*/ 0 h 861325"/>
              <a:gd name="connsiteX2" fmla="*/ 5668372 w 7435368"/>
              <a:gd name="connsiteY2" fmla="*/ 45574 h 861325"/>
              <a:gd name="connsiteX3" fmla="*/ 7435368 w 7435368"/>
              <a:gd name="connsiteY3" fmla="*/ 861325 h 861325"/>
              <a:gd name="connsiteX4" fmla="*/ 0 w 7435368"/>
              <a:gd name="connsiteY4" fmla="*/ 860404 h 861325"/>
              <a:gd name="connsiteX0" fmla="*/ 0 w 7435368"/>
              <a:gd name="connsiteY0" fmla="*/ 860404 h 861325"/>
              <a:gd name="connsiteX1" fmla="*/ 33419 w 7435368"/>
              <a:gd name="connsiteY1" fmla="*/ 0 h 861325"/>
              <a:gd name="connsiteX2" fmla="*/ 5639797 w 7435368"/>
              <a:gd name="connsiteY2" fmla="*/ 9789 h 861325"/>
              <a:gd name="connsiteX3" fmla="*/ 7435368 w 7435368"/>
              <a:gd name="connsiteY3" fmla="*/ 861325 h 861325"/>
              <a:gd name="connsiteX4" fmla="*/ 0 w 7435368"/>
              <a:gd name="connsiteY4" fmla="*/ 860404 h 861325"/>
              <a:gd name="connsiteX0" fmla="*/ 0 w 7435368"/>
              <a:gd name="connsiteY0" fmla="*/ 860404 h 861325"/>
              <a:gd name="connsiteX1" fmla="*/ 33419 w 7435368"/>
              <a:gd name="connsiteY1" fmla="*/ 0 h 861325"/>
              <a:gd name="connsiteX2" fmla="*/ 1224552 w 7435368"/>
              <a:gd name="connsiteY2" fmla="*/ 73273 h 861325"/>
              <a:gd name="connsiteX3" fmla="*/ 7435368 w 7435368"/>
              <a:gd name="connsiteY3" fmla="*/ 861325 h 861325"/>
              <a:gd name="connsiteX4" fmla="*/ 0 w 7435368"/>
              <a:gd name="connsiteY4" fmla="*/ 860404 h 861325"/>
              <a:gd name="connsiteX0" fmla="*/ 0 w 7435368"/>
              <a:gd name="connsiteY0" fmla="*/ 860404 h 861325"/>
              <a:gd name="connsiteX1" fmla="*/ 33419 w 7435368"/>
              <a:gd name="connsiteY1" fmla="*/ 0 h 861325"/>
              <a:gd name="connsiteX2" fmla="*/ 1172301 w 7435368"/>
              <a:gd name="connsiteY2" fmla="*/ 41530 h 861325"/>
              <a:gd name="connsiteX3" fmla="*/ 7435368 w 7435368"/>
              <a:gd name="connsiteY3" fmla="*/ 861325 h 861325"/>
              <a:gd name="connsiteX4" fmla="*/ 0 w 7435368"/>
              <a:gd name="connsiteY4" fmla="*/ 860404 h 861325"/>
              <a:gd name="connsiteX0" fmla="*/ 0 w 7435368"/>
              <a:gd name="connsiteY0" fmla="*/ 883268 h 884189"/>
              <a:gd name="connsiteX1" fmla="*/ 33419 w 7435368"/>
              <a:gd name="connsiteY1" fmla="*/ 22864 h 884189"/>
              <a:gd name="connsiteX2" fmla="*/ 719354 w 7435368"/>
              <a:gd name="connsiteY2" fmla="*/ 0 h 884189"/>
              <a:gd name="connsiteX3" fmla="*/ 7435368 w 7435368"/>
              <a:gd name="connsiteY3" fmla="*/ 884189 h 884189"/>
              <a:gd name="connsiteX4" fmla="*/ 0 w 7435368"/>
              <a:gd name="connsiteY4" fmla="*/ 883268 h 88418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435368" h="884189">
                <a:moveTo>
                  <a:pt x="0" y="883268"/>
                </a:moveTo>
                <a:lnTo>
                  <a:pt x="33419" y="22864"/>
                </a:lnTo>
                <a:lnTo>
                  <a:pt x="719354" y="0"/>
                </a:lnTo>
                <a:lnTo>
                  <a:pt x="7435368" y="884189"/>
                </a:lnTo>
                <a:lnTo>
                  <a:pt x="0" y="883268"/>
                </a:lnTo>
                <a:close/>
              </a:path>
            </a:pathLst>
          </a:custGeom>
          <a:gradFill>
            <a:gsLst>
              <a:gs pos="100000">
                <a:srgbClr val="F4FBFE"/>
              </a:gs>
              <a:gs pos="0">
                <a:srgbClr val="99DFF9"/>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lt1"/>
              </a:solidFill>
            </a:endParaRPr>
          </a:p>
        </p:txBody>
      </p:sp>
      <p:sp>
        <p:nvSpPr>
          <p:cNvPr id="2" name="标题 1">
            <a:extLst>
              <a:ext uri="{FF2B5EF4-FFF2-40B4-BE49-F238E27FC236}">
                <a16:creationId xmlns:a16="http://schemas.microsoft.com/office/drawing/2014/main" xmlns="" id="{EB7D7E08-4564-42E6-AC03-CB1F09732F2A}"/>
              </a:ext>
            </a:extLst>
          </p:cNvPr>
          <p:cNvSpPr>
            <a:spLocks noGrp="1"/>
          </p:cNvSpPr>
          <p:nvPr>
            <p:ph type="title"/>
          </p:nvPr>
        </p:nvSpPr>
        <p:spPr/>
        <p:txBody>
          <a:bodyPr/>
          <a:lstStyle/>
          <a:p>
            <a:r>
              <a:rPr lang="en-US" altLang="zh-CN"/>
              <a:t>Flow Table</a:t>
            </a:r>
            <a:r>
              <a:rPr lang="zh-CN" altLang="en-US"/>
              <a:t>简介</a:t>
            </a:r>
          </a:p>
        </p:txBody>
      </p:sp>
      <p:graphicFrame>
        <p:nvGraphicFramePr>
          <p:cNvPr id="3" name="表格 46">
            <a:extLst>
              <a:ext uri="{FF2B5EF4-FFF2-40B4-BE49-F238E27FC236}">
                <a16:creationId xmlns:a16="http://schemas.microsoft.com/office/drawing/2014/main" xmlns="" id="{2E93FE34-3DB1-42D6-8EA9-D41B8DBD0958}"/>
              </a:ext>
            </a:extLst>
          </p:cNvPr>
          <p:cNvGraphicFramePr>
            <a:graphicFrameLocks noGrp="1"/>
          </p:cNvGraphicFramePr>
          <p:nvPr/>
        </p:nvGraphicFramePr>
        <p:xfrm>
          <a:off x="1231839" y="5107752"/>
          <a:ext cx="9885863" cy="868680"/>
        </p:xfrm>
        <a:graphic>
          <a:graphicData uri="http://schemas.openxmlformats.org/drawingml/2006/table">
            <a:tbl>
              <a:tblPr firstRow="1" bandRow="1">
                <a:tableStyleId>{5202B0CA-FC54-4496-8BCA-5EF66A818D29}</a:tableStyleId>
              </a:tblPr>
              <a:tblGrid>
                <a:gridCol w="963839">
                  <a:extLst>
                    <a:ext uri="{9D8B030D-6E8A-4147-A177-3AD203B41FA5}">
                      <a16:colId xmlns:a16="http://schemas.microsoft.com/office/drawing/2014/main" xmlns="" val="20000"/>
                    </a:ext>
                  </a:extLst>
                </a:gridCol>
                <a:gridCol w="1043094">
                  <a:extLst>
                    <a:ext uri="{9D8B030D-6E8A-4147-A177-3AD203B41FA5}">
                      <a16:colId xmlns:a16="http://schemas.microsoft.com/office/drawing/2014/main" xmlns="" val="20001"/>
                    </a:ext>
                  </a:extLst>
                </a:gridCol>
                <a:gridCol w="852179">
                  <a:extLst>
                    <a:ext uri="{9D8B030D-6E8A-4147-A177-3AD203B41FA5}">
                      <a16:colId xmlns:a16="http://schemas.microsoft.com/office/drawing/2014/main" xmlns="" val="3695036748"/>
                    </a:ext>
                  </a:extLst>
                </a:gridCol>
                <a:gridCol w="863432">
                  <a:extLst>
                    <a:ext uri="{9D8B030D-6E8A-4147-A177-3AD203B41FA5}">
                      <a16:colId xmlns:a16="http://schemas.microsoft.com/office/drawing/2014/main" xmlns="" val="2774342697"/>
                    </a:ext>
                  </a:extLst>
                </a:gridCol>
                <a:gridCol w="1052958">
                  <a:extLst>
                    <a:ext uri="{9D8B030D-6E8A-4147-A177-3AD203B41FA5}">
                      <a16:colId xmlns:a16="http://schemas.microsoft.com/office/drawing/2014/main" xmlns="" val="20002"/>
                    </a:ext>
                  </a:extLst>
                </a:gridCol>
                <a:gridCol w="975098">
                  <a:extLst>
                    <a:ext uri="{9D8B030D-6E8A-4147-A177-3AD203B41FA5}">
                      <a16:colId xmlns:a16="http://schemas.microsoft.com/office/drawing/2014/main" xmlns="" val="3416620939"/>
                    </a:ext>
                  </a:extLst>
                </a:gridCol>
                <a:gridCol w="975098">
                  <a:extLst>
                    <a:ext uri="{9D8B030D-6E8A-4147-A177-3AD203B41FA5}">
                      <a16:colId xmlns:a16="http://schemas.microsoft.com/office/drawing/2014/main" xmlns="" val="2527291709"/>
                    </a:ext>
                  </a:extLst>
                </a:gridCol>
                <a:gridCol w="896742">
                  <a:extLst>
                    <a:ext uri="{9D8B030D-6E8A-4147-A177-3AD203B41FA5}">
                      <a16:colId xmlns:a16="http://schemas.microsoft.com/office/drawing/2014/main" xmlns="" val="1559004094"/>
                    </a:ext>
                  </a:extLst>
                </a:gridCol>
                <a:gridCol w="1189531">
                  <a:extLst>
                    <a:ext uri="{9D8B030D-6E8A-4147-A177-3AD203B41FA5}">
                      <a16:colId xmlns:a16="http://schemas.microsoft.com/office/drawing/2014/main" xmlns="" val="1295890862"/>
                    </a:ext>
                  </a:extLst>
                </a:gridCol>
                <a:gridCol w="1073892">
                  <a:extLst>
                    <a:ext uri="{9D8B030D-6E8A-4147-A177-3AD203B41FA5}">
                      <a16:colId xmlns:a16="http://schemas.microsoft.com/office/drawing/2014/main" xmlns="" val="3554474154"/>
                    </a:ext>
                  </a:extLst>
                </a:gridCol>
              </a:tblGrid>
              <a:tr h="316835">
                <a:tc>
                  <a:txBody>
                    <a:bodyPr/>
                    <a:lstStyle/>
                    <a:p>
                      <a:pPr algn="ctr"/>
                      <a:r>
                        <a:rPr lang="en-US" altLang="zh-CN" sz="1500" b="0" dirty="0">
                          <a:solidFill>
                            <a:schemeClr val="bg1"/>
                          </a:solidFill>
                          <a:latin typeface="+mn-lt"/>
                          <a:ea typeface="+mn-ea"/>
                          <a:cs typeface="+mn-ea"/>
                          <a:sym typeface="+mn-lt"/>
                        </a:rPr>
                        <a:t>Ingress Port</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Ether Source</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dirty="0">
                          <a:solidFill>
                            <a:schemeClr val="bg1"/>
                          </a:solidFill>
                          <a:latin typeface="+mn-lt"/>
                          <a:ea typeface="+mn-ea"/>
                          <a:cs typeface="+mn-ea"/>
                          <a:sym typeface="+mn-lt"/>
                        </a:rPr>
                        <a:t>Ether</a:t>
                      </a:r>
                    </a:p>
                    <a:p>
                      <a:pPr algn="ctr"/>
                      <a:r>
                        <a:rPr lang="en-US" altLang="zh-CN" sz="1500" b="0" dirty="0" err="1">
                          <a:solidFill>
                            <a:schemeClr val="bg1"/>
                          </a:solidFill>
                          <a:latin typeface="+mn-lt"/>
                          <a:ea typeface="+mn-ea"/>
                          <a:cs typeface="+mn-ea"/>
                          <a:sym typeface="+mn-lt"/>
                        </a:rPr>
                        <a:t>Dst</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Ether</a:t>
                      </a:r>
                    </a:p>
                    <a:p>
                      <a:pPr algn="ctr"/>
                      <a:r>
                        <a:rPr lang="en-US" altLang="zh-CN" sz="1500" b="0">
                          <a:solidFill>
                            <a:schemeClr val="bg1"/>
                          </a:solidFill>
                          <a:latin typeface="+mn-lt"/>
                          <a:ea typeface="+mn-ea"/>
                          <a:cs typeface="+mn-ea"/>
                          <a:sym typeface="+mn-lt"/>
                        </a:rPr>
                        <a:t>Type</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VLAN ID</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VLAN Priority</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IP Src</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IP Dst</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TCP</a:t>
                      </a:r>
                    </a:p>
                    <a:p>
                      <a:pPr algn="ctr"/>
                      <a:r>
                        <a:rPr lang="en-US" altLang="zh-CN" sz="1500" b="0">
                          <a:solidFill>
                            <a:schemeClr val="bg1"/>
                          </a:solidFill>
                          <a:latin typeface="+mn-lt"/>
                          <a:ea typeface="+mn-ea"/>
                          <a:cs typeface="+mn-ea"/>
                          <a:sym typeface="+mn-lt"/>
                        </a:rPr>
                        <a:t>Src Port</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TCP</a:t>
                      </a:r>
                    </a:p>
                    <a:p>
                      <a:pPr algn="ctr"/>
                      <a:r>
                        <a:rPr lang="en-US" altLang="zh-CN" sz="1500" b="0">
                          <a:solidFill>
                            <a:schemeClr val="bg1"/>
                          </a:solidFill>
                          <a:latin typeface="+mn-lt"/>
                          <a:ea typeface="+mn-ea"/>
                          <a:cs typeface="+mn-ea"/>
                          <a:sym typeface="+mn-lt"/>
                        </a:rPr>
                        <a:t>Dst Port</a:t>
                      </a:r>
                      <a:endParaRPr lang="zh-CN" altLang="en-US" sz="1500" b="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a16="http://schemas.microsoft.com/office/drawing/2014/main" xmlns="" val="10000"/>
                  </a:ext>
                </a:extLst>
              </a:tr>
              <a:tr h="316835">
                <a:tc>
                  <a:txBody>
                    <a:bodyPr/>
                    <a:lstStyle/>
                    <a:p>
                      <a:pPr algn="ctr"/>
                      <a:r>
                        <a:rPr lang="en-US" altLang="zh-CN" sz="1500" b="0">
                          <a:solidFill>
                            <a:schemeClr val="tx1"/>
                          </a:solidFill>
                          <a:latin typeface="+mn-lt"/>
                          <a:ea typeface="+mn-ea"/>
                          <a:cs typeface="+mn-ea"/>
                          <a:sym typeface="+mn-lt"/>
                        </a:rPr>
                        <a:t>3</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CN" sz="1500" b="0">
                          <a:solidFill>
                            <a:schemeClr val="tx1"/>
                          </a:solidFill>
                          <a:latin typeface="+mn-lt"/>
                          <a:ea typeface="+mn-ea"/>
                          <a:cs typeface="+mn-ea"/>
                          <a:sym typeface="+mn-lt"/>
                        </a:rPr>
                        <a:t>MAC1</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CN" sz="1500" b="0">
                          <a:solidFill>
                            <a:schemeClr val="tx1"/>
                          </a:solidFill>
                          <a:latin typeface="+mn-lt"/>
                          <a:ea typeface="+mn-ea"/>
                          <a:cs typeface="+mn-ea"/>
                          <a:sym typeface="+mn-lt"/>
                        </a:rPr>
                        <a:t>MAC2</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CN" sz="1500" b="0">
                          <a:solidFill>
                            <a:schemeClr val="tx1"/>
                          </a:solidFill>
                          <a:latin typeface="+mn-lt"/>
                          <a:ea typeface="+mn-ea"/>
                          <a:cs typeface="+mn-ea"/>
                          <a:sym typeface="+mn-lt"/>
                        </a:rPr>
                        <a:t>0x8100</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CN" sz="1500" b="0">
                          <a:solidFill>
                            <a:schemeClr val="tx1"/>
                          </a:solidFill>
                          <a:latin typeface="+mn-lt"/>
                          <a:ea typeface="+mn-ea"/>
                          <a:cs typeface="+mn-ea"/>
                          <a:sym typeface="+mn-lt"/>
                        </a:rPr>
                        <a:t>10</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CN" sz="1500" b="0" dirty="0">
                          <a:solidFill>
                            <a:schemeClr val="tx1"/>
                          </a:solidFill>
                          <a:latin typeface="+mn-lt"/>
                          <a:ea typeface="+mn-ea"/>
                          <a:cs typeface="+mn-ea"/>
                          <a:sym typeface="+mn-lt"/>
                        </a:rPr>
                        <a:t>7</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CN" sz="1500" b="0">
                          <a:solidFill>
                            <a:schemeClr val="tx1"/>
                          </a:solidFill>
                          <a:latin typeface="+mn-lt"/>
                          <a:ea typeface="+mn-ea"/>
                          <a:cs typeface="+mn-ea"/>
                          <a:sym typeface="+mn-lt"/>
                        </a:rPr>
                        <a:t>IP1</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CN" sz="1500" b="0">
                          <a:solidFill>
                            <a:schemeClr val="tx1"/>
                          </a:solidFill>
                          <a:latin typeface="+mn-lt"/>
                          <a:ea typeface="+mn-ea"/>
                          <a:cs typeface="+mn-ea"/>
                          <a:sym typeface="+mn-lt"/>
                        </a:rPr>
                        <a:t>IP2</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CN" sz="1500" b="0">
                          <a:solidFill>
                            <a:schemeClr val="tx1"/>
                          </a:solidFill>
                          <a:latin typeface="+mn-lt"/>
                          <a:ea typeface="+mn-ea"/>
                          <a:cs typeface="+mn-ea"/>
                          <a:sym typeface="+mn-lt"/>
                        </a:rPr>
                        <a:t>5321</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CN" sz="1500" b="0" dirty="0">
                          <a:solidFill>
                            <a:schemeClr val="tx1"/>
                          </a:solidFill>
                          <a:latin typeface="+mn-lt"/>
                          <a:ea typeface="+mn-ea"/>
                          <a:cs typeface="+mn-ea"/>
                          <a:sym typeface="+mn-lt"/>
                        </a:rPr>
                        <a:t>8080</a:t>
                      </a:r>
                      <a:endParaRPr lang="zh-CN" altLang="en-US" sz="1500" b="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17030999"/>
                  </a:ext>
                </a:extLst>
              </a:tr>
            </a:tbl>
          </a:graphicData>
        </a:graphic>
      </p:graphicFrame>
      <p:graphicFrame>
        <p:nvGraphicFramePr>
          <p:cNvPr id="4" name="表格 46">
            <a:extLst>
              <a:ext uri="{FF2B5EF4-FFF2-40B4-BE49-F238E27FC236}">
                <a16:creationId xmlns:a16="http://schemas.microsoft.com/office/drawing/2014/main" xmlns="" id="{7C43DFEE-5465-4F3D-A7D1-4083C1D8EB2E}"/>
              </a:ext>
            </a:extLst>
          </p:cNvPr>
          <p:cNvGraphicFramePr>
            <a:graphicFrameLocks noGrp="1"/>
          </p:cNvGraphicFramePr>
          <p:nvPr/>
        </p:nvGraphicFramePr>
        <p:xfrm>
          <a:off x="1231839" y="3770638"/>
          <a:ext cx="6159649" cy="320040"/>
        </p:xfrm>
        <a:graphic>
          <a:graphicData uri="http://schemas.openxmlformats.org/drawingml/2006/table">
            <a:tbl>
              <a:tblPr firstRow="1" bandRow="1">
                <a:tableStyleId>{5202B0CA-FC54-4496-8BCA-5EF66A818D29}</a:tableStyleId>
              </a:tblPr>
              <a:tblGrid>
                <a:gridCol w="882718">
                  <a:extLst>
                    <a:ext uri="{9D8B030D-6E8A-4147-A177-3AD203B41FA5}">
                      <a16:colId xmlns:a16="http://schemas.microsoft.com/office/drawing/2014/main" xmlns="" val="20000"/>
                    </a:ext>
                  </a:extLst>
                </a:gridCol>
                <a:gridCol w="955305">
                  <a:extLst>
                    <a:ext uri="{9D8B030D-6E8A-4147-A177-3AD203B41FA5}">
                      <a16:colId xmlns:a16="http://schemas.microsoft.com/office/drawing/2014/main" xmlns="" val="20001"/>
                    </a:ext>
                  </a:extLst>
                </a:gridCol>
                <a:gridCol w="780458">
                  <a:extLst>
                    <a:ext uri="{9D8B030D-6E8A-4147-A177-3AD203B41FA5}">
                      <a16:colId xmlns:a16="http://schemas.microsoft.com/office/drawing/2014/main" xmlns="" val="3695036748"/>
                    </a:ext>
                  </a:extLst>
                </a:gridCol>
                <a:gridCol w="691287">
                  <a:extLst>
                    <a:ext uri="{9D8B030D-6E8A-4147-A177-3AD203B41FA5}">
                      <a16:colId xmlns:a16="http://schemas.microsoft.com/office/drawing/2014/main" xmlns="" val="2774342697"/>
                    </a:ext>
                  </a:extLst>
                </a:gridCol>
                <a:gridCol w="1063817">
                  <a:extLst>
                    <a:ext uri="{9D8B030D-6E8A-4147-A177-3AD203B41FA5}">
                      <a16:colId xmlns:a16="http://schemas.microsoft.com/office/drawing/2014/main" xmlns="" val="20002"/>
                    </a:ext>
                  </a:extLst>
                </a:gridCol>
                <a:gridCol w="893032">
                  <a:extLst>
                    <a:ext uri="{9D8B030D-6E8A-4147-A177-3AD203B41FA5}">
                      <a16:colId xmlns:a16="http://schemas.microsoft.com/office/drawing/2014/main" xmlns="" val="3416620939"/>
                    </a:ext>
                  </a:extLst>
                </a:gridCol>
                <a:gridCol w="893032">
                  <a:extLst>
                    <a:ext uri="{9D8B030D-6E8A-4147-A177-3AD203B41FA5}">
                      <a16:colId xmlns:a16="http://schemas.microsoft.com/office/drawing/2014/main" xmlns="" val="1680963138"/>
                    </a:ext>
                  </a:extLst>
                </a:gridCol>
              </a:tblGrid>
              <a:tr h="316835">
                <a:tc>
                  <a:txBody>
                    <a:bodyPr/>
                    <a:lstStyle/>
                    <a:p>
                      <a:pPr algn="ctr"/>
                      <a:r>
                        <a:rPr lang="zh-CN" altLang="en-US" sz="1500" b="0" dirty="0">
                          <a:solidFill>
                            <a:schemeClr val="bg1"/>
                          </a:solidFill>
                          <a:latin typeface="+mn-lt"/>
                          <a:ea typeface="+mn-ea"/>
                          <a:cs typeface="+mn-ea"/>
                          <a:sym typeface="+mn-lt"/>
                        </a:rPr>
                        <a:t>匹配域</a:t>
                      </a: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500" b="0" dirty="0">
                          <a:solidFill>
                            <a:schemeClr val="bg1"/>
                          </a:solidFill>
                          <a:latin typeface="+mn-lt"/>
                          <a:ea typeface="+mn-ea"/>
                          <a:cs typeface="+mn-ea"/>
                          <a:sym typeface="+mn-lt"/>
                        </a:rPr>
                        <a:t>优先级</a:t>
                      </a: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500" b="0">
                          <a:solidFill>
                            <a:schemeClr val="bg1"/>
                          </a:solidFill>
                          <a:latin typeface="+mn-lt"/>
                          <a:ea typeface="+mn-ea"/>
                          <a:cs typeface="+mn-ea"/>
                          <a:sym typeface="+mn-lt"/>
                        </a:rPr>
                        <a:t>计数</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500" b="0">
                          <a:solidFill>
                            <a:schemeClr val="bg1"/>
                          </a:solidFill>
                          <a:latin typeface="+mn-lt"/>
                          <a:ea typeface="+mn-ea"/>
                          <a:cs typeface="+mn-ea"/>
                          <a:sym typeface="+mn-lt"/>
                        </a:rPr>
                        <a:t>动作</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Timeout</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a:solidFill>
                            <a:schemeClr val="bg1"/>
                          </a:solidFill>
                          <a:latin typeface="+mn-lt"/>
                          <a:ea typeface="+mn-ea"/>
                          <a:cs typeface="+mn-ea"/>
                          <a:sym typeface="+mn-lt"/>
                        </a:rPr>
                        <a:t>Cookie</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500" b="0" dirty="0">
                          <a:solidFill>
                            <a:schemeClr val="bg1"/>
                          </a:solidFill>
                          <a:latin typeface="+mn-lt"/>
                          <a:ea typeface="+mn-ea"/>
                          <a:cs typeface="+mn-ea"/>
                          <a:sym typeface="+mn-lt"/>
                        </a:rPr>
                        <a:t>Flags</a:t>
                      </a:r>
                      <a:endParaRPr lang="zh-CN" altLang="en-US" sz="1500" b="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a16="http://schemas.microsoft.com/office/drawing/2014/main" xmlns="" val="10000"/>
                  </a:ext>
                </a:extLst>
              </a:tr>
            </a:tbl>
          </a:graphicData>
        </a:graphic>
      </p:graphicFrame>
      <p:sp>
        <p:nvSpPr>
          <p:cNvPr id="5" name="Content Placeholder 2">
            <a:extLst>
              <a:ext uri="{FF2B5EF4-FFF2-40B4-BE49-F238E27FC236}">
                <a16:creationId xmlns:a16="http://schemas.microsoft.com/office/drawing/2014/main" xmlns="" id="{5FB4D89A-A9C0-48DD-B87C-E98AD349A436}"/>
              </a:ext>
            </a:extLst>
          </p:cNvPr>
          <p:cNvSpPr txBox="1">
            <a:spLocks/>
          </p:cNvSpPr>
          <p:nvPr/>
        </p:nvSpPr>
        <p:spPr>
          <a:xfrm>
            <a:off x="446088" y="1233489"/>
            <a:ext cx="11299825" cy="1774754"/>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1800" dirty="0" err="1"/>
              <a:t>OpenFlow</a:t>
            </a:r>
            <a:r>
              <a:rPr lang="zh-CN" altLang="en-US" sz="1800" dirty="0"/>
              <a:t>交换机基于流表（</a:t>
            </a:r>
            <a:r>
              <a:rPr lang="en-US" altLang="zh-CN" sz="1800" dirty="0"/>
              <a:t>Flow Table</a:t>
            </a:r>
            <a:r>
              <a:rPr lang="zh-CN" altLang="en-US" sz="1800" dirty="0"/>
              <a:t>）转发报文。</a:t>
            </a:r>
            <a:endParaRPr lang="en-US" altLang="zh-CN" sz="1800" dirty="0"/>
          </a:p>
          <a:p>
            <a:r>
              <a:rPr lang="zh-CN" altLang="en-US" sz="1800" dirty="0"/>
              <a:t>每个流表项由匹配字段、优先级、计数器、指令、超时、</a:t>
            </a:r>
            <a:r>
              <a:rPr lang="en-US" altLang="zh-CN" sz="1800" dirty="0"/>
              <a:t>Cookie</a:t>
            </a:r>
            <a:r>
              <a:rPr lang="zh-CN" altLang="en-US" sz="1800" dirty="0"/>
              <a:t>、</a:t>
            </a:r>
            <a:r>
              <a:rPr lang="en-US" altLang="zh-CN" sz="1800" dirty="0"/>
              <a:t>Flags</a:t>
            </a:r>
            <a:r>
              <a:rPr lang="zh-CN" altLang="en-US" sz="1800" dirty="0"/>
              <a:t>这七部分组成。其中关于转发的关键的两个内容是</a:t>
            </a:r>
            <a:r>
              <a:rPr lang="zh-CN" altLang="en-US" sz="1800" b="1" dirty="0"/>
              <a:t>匹配字段</a:t>
            </a:r>
            <a:r>
              <a:rPr lang="zh-CN" altLang="en-US" sz="1800" dirty="0"/>
              <a:t>和</a:t>
            </a:r>
            <a:r>
              <a:rPr lang="zh-CN" altLang="en-US" sz="1800" b="1" dirty="0"/>
              <a:t>指令</a:t>
            </a:r>
            <a:r>
              <a:rPr lang="zh-CN" altLang="en-US" sz="1800" dirty="0"/>
              <a:t>。</a:t>
            </a:r>
            <a:endParaRPr lang="en-US" altLang="zh-CN" sz="1800" dirty="0"/>
          </a:p>
          <a:p>
            <a:pPr lvl="1"/>
            <a:r>
              <a:rPr lang="zh-CN" altLang="en-US" sz="1800" dirty="0"/>
              <a:t>匹配字段是匹配规则，支持自定义。</a:t>
            </a:r>
            <a:endParaRPr lang="en-US" altLang="zh-CN" sz="1800" dirty="0"/>
          </a:p>
          <a:p>
            <a:pPr lvl="1"/>
            <a:r>
              <a:rPr lang="zh-CN" altLang="en-US" sz="1800" dirty="0"/>
              <a:t>指令是用来描述匹配后的处理方式。</a:t>
            </a:r>
          </a:p>
        </p:txBody>
      </p:sp>
      <p:sp>
        <p:nvSpPr>
          <p:cNvPr id="7" name="文本框 6">
            <a:extLst>
              <a:ext uri="{FF2B5EF4-FFF2-40B4-BE49-F238E27FC236}">
                <a16:creationId xmlns:a16="http://schemas.microsoft.com/office/drawing/2014/main" xmlns="" id="{DD7DD518-C511-40B7-956E-F4ED0FFE7258}"/>
              </a:ext>
            </a:extLst>
          </p:cNvPr>
          <p:cNvSpPr txBox="1"/>
          <p:nvPr/>
        </p:nvSpPr>
        <p:spPr>
          <a:xfrm>
            <a:off x="1248687" y="4470808"/>
            <a:ext cx="4254337" cy="338554"/>
          </a:xfrm>
          <a:prstGeom prst="rect">
            <a:avLst/>
          </a:prstGeom>
          <a:noFill/>
        </p:spPr>
        <p:txBody>
          <a:bodyPr wrap="square" rtlCol="0">
            <a:spAutoFit/>
          </a:bodyPr>
          <a:lstStyle/>
          <a:p>
            <a:r>
              <a:rPr lang="zh-CN" altLang="en-US" sz="1600"/>
              <a:t>流表字段支持自定义，例如本例匹配项字段：</a:t>
            </a:r>
          </a:p>
        </p:txBody>
      </p:sp>
    </p:spTree>
    <p:extLst>
      <p:ext uri="{BB962C8B-B14F-4D97-AF65-F5344CB8AC3E}">
        <p14:creationId xmlns:p14="http://schemas.microsoft.com/office/powerpoint/2010/main" val="236620017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6" name="直接箭头连接符 55">
            <a:extLst>
              <a:ext uri="{FF2B5EF4-FFF2-40B4-BE49-F238E27FC236}">
                <a16:creationId xmlns:a16="http://schemas.microsoft.com/office/drawing/2014/main" xmlns="" id="{2521ABBC-841D-464B-A5B3-3182979680D7}"/>
              </a:ext>
            </a:extLst>
          </p:cNvPr>
          <p:cNvCxnSpPr>
            <a:cxnSpLocks/>
            <a:stCxn id="12" idx="3"/>
            <a:endCxn id="6" idx="3"/>
          </p:cNvCxnSpPr>
          <p:nvPr/>
        </p:nvCxnSpPr>
        <p:spPr>
          <a:xfrm>
            <a:off x="9022472" y="2085160"/>
            <a:ext cx="1370851" cy="694970"/>
          </a:xfrm>
          <a:prstGeom prst="straightConnector1">
            <a:avLst/>
          </a:prstGeom>
          <a:ln w="38100">
            <a:solidFill>
              <a:srgbClr val="EC7061"/>
            </a:solidFill>
            <a:prstDash val="sysDash"/>
            <a:tailEnd type="triangle"/>
          </a:ln>
        </p:spPr>
        <p:style>
          <a:lnRef idx="1">
            <a:schemeClr val="accent1"/>
          </a:lnRef>
          <a:fillRef idx="0">
            <a:schemeClr val="accent1"/>
          </a:fillRef>
          <a:effectRef idx="0">
            <a:schemeClr val="accent1"/>
          </a:effectRef>
          <a:fontRef idx="minor">
            <a:schemeClr val="tx1"/>
          </a:fontRef>
        </p:style>
      </p:cxnSp>
      <p:cxnSp>
        <p:nvCxnSpPr>
          <p:cNvPr id="53" name="直接箭头连接符 52">
            <a:extLst>
              <a:ext uri="{FF2B5EF4-FFF2-40B4-BE49-F238E27FC236}">
                <a16:creationId xmlns:a16="http://schemas.microsoft.com/office/drawing/2014/main" xmlns="" id="{FB165553-D552-4F1E-AFC7-6096956E5B31}"/>
              </a:ext>
            </a:extLst>
          </p:cNvPr>
          <p:cNvCxnSpPr>
            <a:cxnSpLocks/>
            <a:stCxn id="12" idx="1"/>
            <a:endCxn id="5" idx="1"/>
          </p:cNvCxnSpPr>
          <p:nvPr/>
        </p:nvCxnSpPr>
        <p:spPr>
          <a:xfrm flipH="1">
            <a:off x="7045019" y="2085160"/>
            <a:ext cx="1437453" cy="694970"/>
          </a:xfrm>
          <a:prstGeom prst="straightConnector1">
            <a:avLst/>
          </a:prstGeom>
          <a:ln w="38100">
            <a:solidFill>
              <a:srgbClr val="EC7061"/>
            </a:solidFill>
            <a:prstDash val="sysDash"/>
            <a:tailEnd type="triangle"/>
          </a:ln>
        </p:spPr>
        <p:style>
          <a:lnRef idx="1">
            <a:schemeClr val="accent1"/>
          </a:lnRef>
          <a:fillRef idx="0">
            <a:schemeClr val="accent1"/>
          </a:fillRef>
          <a:effectRef idx="0">
            <a:schemeClr val="accent1"/>
          </a:effectRef>
          <a:fontRef idx="minor">
            <a:schemeClr val="tx1"/>
          </a:fontRef>
        </p:style>
      </p:cxnSp>
      <p:sp>
        <p:nvSpPr>
          <p:cNvPr id="2" name="标题 1">
            <a:extLst>
              <a:ext uri="{FF2B5EF4-FFF2-40B4-BE49-F238E27FC236}">
                <a16:creationId xmlns:a16="http://schemas.microsoft.com/office/drawing/2014/main" xmlns="" id="{ABDE6ACB-E3DE-4D5E-931B-E476C35314C4}"/>
              </a:ext>
            </a:extLst>
          </p:cNvPr>
          <p:cNvSpPr>
            <a:spLocks noGrp="1"/>
          </p:cNvSpPr>
          <p:nvPr>
            <p:ph type="title"/>
          </p:nvPr>
        </p:nvSpPr>
        <p:spPr/>
        <p:txBody>
          <a:bodyPr/>
          <a:lstStyle/>
          <a:p>
            <a:r>
              <a:rPr lang="zh-CN" altLang="en-US"/>
              <a:t>转发方式对比</a:t>
            </a:r>
          </a:p>
        </p:txBody>
      </p:sp>
      <p:sp>
        <p:nvSpPr>
          <p:cNvPr id="3" name="文本框 2">
            <a:extLst>
              <a:ext uri="{FF2B5EF4-FFF2-40B4-BE49-F238E27FC236}">
                <a16:creationId xmlns:a16="http://schemas.microsoft.com/office/drawing/2014/main" xmlns="" id="{C06F4BA1-4435-49DE-8D49-073554389581}"/>
              </a:ext>
            </a:extLst>
          </p:cNvPr>
          <p:cNvSpPr txBox="1"/>
          <p:nvPr/>
        </p:nvSpPr>
        <p:spPr>
          <a:xfrm>
            <a:off x="6162852" y="4678404"/>
            <a:ext cx="5618686" cy="1550361"/>
          </a:xfrm>
          <a:prstGeom prst="rect">
            <a:avLst/>
          </a:prstGeom>
          <a:noFill/>
        </p:spPr>
        <p:txBody>
          <a:bodyPr wrap="square" rtlCol="0">
            <a:spAutoFit/>
          </a:bodyPr>
          <a:lstStyle/>
          <a:p>
            <a:pPr marL="285750" indent="-285750">
              <a:lnSpc>
                <a:spcPct val="120000"/>
              </a:lnSpc>
              <a:buFont typeface="Arial" panose="020B0604020202020204" pitchFamily="34" charset="0"/>
              <a:buChar char="•"/>
            </a:pPr>
            <a:r>
              <a:rPr lang="en-US" altLang="zh-CN" sz="1600"/>
              <a:t>OpenFlow</a:t>
            </a:r>
            <a:r>
              <a:rPr lang="zh-CN" altLang="en-US" sz="1600"/>
              <a:t>是一个网络协议。运行</a:t>
            </a:r>
            <a:r>
              <a:rPr lang="en-US" altLang="zh-CN" sz="1600"/>
              <a:t>OpenFlow</a:t>
            </a:r>
            <a:r>
              <a:rPr lang="zh-CN" altLang="en-US" sz="1600"/>
              <a:t>的交换机通过查询流表指导流量转发。</a:t>
            </a:r>
            <a:endParaRPr lang="en-US" altLang="zh-CN" sz="1600"/>
          </a:p>
          <a:p>
            <a:pPr marL="285750" indent="-285750">
              <a:lnSpc>
                <a:spcPct val="120000"/>
              </a:lnSpc>
              <a:buFont typeface="Arial" panose="020B0604020202020204" pitchFamily="34" charset="0"/>
              <a:buChar char="•"/>
            </a:pPr>
            <a:r>
              <a:rPr lang="zh-CN" altLang="en-US" sz="1600"/>
              <a:t>流表一般是由</a:t>
            </a:r>
            <a:r>
              <a:rPr lang="en-US" altLang="zh-CN" sz="1600"/>
              <a:t>OF</a:t>
            </a:r>
            <a:r>
              <a:rPr lang="zh-CN" altLang="en-US" sz="1600"/>
              <a:t>控制器统一计算，然后下发到交换机。</a:t>
            </a:r>
            <a:endParaRPr lang="en-US" altLang="zh-CN" sz="1600"/>
          </a:p>
          <a:p>
            <a:pPr marL="285750" indent="-285750">
              <a:lnSpc>
                <a:spcPct val="120000"/>
              </a:lnSpc>
              <a:buFont typeface="Arial" panose="020B0604020202020204" pitchFamily="34" charset="0"/>
              <a:buChar char="•"/>
            </a:pPr>
            <a:r>
              <a:rPr lang="zh-CN" altLang="en-US" sz="1600"/>
              <a:t>流表是变长的，拥有丰富的匹配规则和转发规则。一台网络设备有多张流表。</a:t>
            </a:r>
          </a:p>
        </p:txBody>
      </p:sp>
      <p:pic>
        <p:nvPicPr>
          <p:cNvPr id="5" name="图片 4" descr="通用交换机.png">
            <a:extLst>
              <a:ext uri="{FF2B5EF4-FFF2-40B4-BE49-F238E27FC236}">
                <a16:creationId xmlns:a16="http://schemas.microsoft.com/office/drawing/2014/main" xmlns="" id="{362B6EB0-94CD-4619-8A25-46313F04E69E}"/>
              </a:ext>
            </a:extLst>
          </p:cNvPr>
          <p:cNvPicPr>
            <a:picLocks noChangeAspect="1"/>
          </p:cNvPicPr>
          <p:nvPr/>
        </p:nvPicPr>
        <p:blipFill>
          <a:blip r:embed="rId3" cstate="print"/>
          <a:stretch>
            <a:fillRect/>
          </a:stretch>
        </p:blipFill>
        <p:spPr>
          <a:xfrm>
            <a:off x="7045019" y="2559221"/>
            <a:ext cx="540000" cy="441818"/>
          </a:xfrm>
          <a:prstGeom prst="rect">
            <a:avLst/>
          </a:prstGeom>
        </p:spPr>
      </p:pic>
      <p:pic>
        <p:nvPicPr>
          <p:cNvPr id="6" name="图片 5" descr="通用交换机.png">
            <a:extLst>
              <a:ext uri="{FF2B5EF4-FFF2-40B4-BE49-F238E27FC236}">
                <a16:creationId xmlns:a16="http://schemas.microsoft.com/office/drawing/2014/main" xmlns="" id="{D5F0E000-FADF-4E24-8553-55F76A34B3BA}"/>
              </a:ext>
            </a:extLst>
          </p:cNvPr>
          <p:cNvPicPr>
            <a:picLocks noChangeAspect="1"/>
          </p:cNvPicPr>
          <p:nvPr/>
        </p:nvPicPr>
        <p:blipFill>
          <a:blip r:embed="rId3" cstate="print"/>
          <a:stretch>
            <a:fillRect/>
          </a:stretch>
        </p:blipFill>
        <p:spPr>
          <a:xfrm>
            <a:off x="9853323" y="2559221"/>
            <a:ext cx="540000" cy="441818"/>
          </a:xfrm>
          <a:prstGeom prst="rect">
            <a:avLst/>
          </a:prstGeom>
        </p:spPr>
      </p:pic>
      <p:cxnSp>
        <p:nvCxnSpPr>
          <p:cNvPr id="9" name="直接连接符 8">
            <a:extLst>
              <a:ext uri="{FF2B5EF4-FFF2-40B4-BE49-F238E27FC236}">
                <a16:creationId xmlns:a16="http://schemas.microsoft.com/office/drawing/2014/main" xmlns="" id="{B21E6646-3EA8-4E33-8D72-BD0856C82C6C}"/>
              </a:ext>
            </a:extLst>
          </p:cNvPr>
          <p:cNvCxnSpPr>
            <a:cxnSpLocks/>
            <a:stCxn id="5" idx="3"/>
            <a:endCxn id="6" idx="1"/>
          </p:cNvCxnSpPr>
          <p:nvPr/>
        </p:nvCxnSpPr>
        <p:spPr>
          <a:xfrm>
            <a:off x="7585019" y="2780130"/>
            <a:ext cx="2268304"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pic>
        <p:nvPicPr>
          <p:cNvPr id="12" name="图片 11">
            <a:extLst>
              <a:ext uri="{FF2B5EF4-FFF2-40B4-BE49-F238E27FC236}">
                <a16:creationId xmlns:a16="http://schemas.microsoft.com/office/drawing/2014/main" xmlns="" id="{3C4FFAF7-B790-4410-86EF-825A37CAC62A}"/>
              </a:ext>
            </a:extLst>
          </p:cNvPr>
          <p:cNvPicPr>
            <a:picLocks/>
          </p:cNvPicPr>
          <p:nvPr/>
        </p:nvPicPr>
        <p:blipFill>
          <a:blip r:embed="rId4"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8482472" y="1863760"/>
            <a:ext cx="540000" cy="442800"/>
          </a:xfrm>
          <a:prstGeom prst="rect">
            <a:avLst/>
          </a:prstGeom>
        </p:spPr>
      </p:pic>
      <p:sp>
        <p:nvSpPr>
          <p:cNvPr id="13" name="矩形 12">
            <a:extLst>
              <a:ext uri="{FF2B5EF4-FFF2-40B4-BE49-F238E27FC236}">
                <a16:creationId xmlns:a16="http://schemas.microsoft.com/office/drawing/2014/main" xmlns="" id="{008C56DA-E791-4C5D-B097-649EF96D7A0E}"/>
              </a:ext>
            </a:extLst>
          </p:cNvPr>
          <p:cNvSpPr/>
          <p:nvPr/>
        </p:nvSpPr>
        <p:spPr>
          <a:xfrm>
            <a:off x="6309719" y="4247159"/>
            <a:ext cx="624157" cy="292375"/>
          </a:xfrm>
          <a:prstGeom prst="rect">
            <a:avLst/>
          </a:prstGeom>
          <a:solidFill>
            <a:srgbClr val="00B0F0">
              <a:alpha val="5000"/>
            </a:srgbClr>
          </a:solidFill>
          <a:ln w="12700">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zh-CN" altLang="en-US" sz="1400" dirty="0">
                <a:solidFill>
                  <a:srgbClr val="151515"/>
                </a:solidFill>
              </a:rPr>
              <a:t>流表</a:t>
            </a:r>
          </a:p>
        </p:txBody>
      </p:sp>
      <p:sp>
        <p:nvSpPr>
          <p:cNvPr id="16" name="圆角矩形 75">
            <a:extLst>
              <a:ext uri="{FF2B5EF4-FFF2-40B4-BE49-F238E27FC236}">
                <a16:creationId xmlns:a16="http://schemas.microsoft.com/office/drawing/2014/main" xmlns="" id="{CAFDF06C-4D27-4391-8258-2BB9692D1502}"/>
              </a:ext>
            </a:extLst>
          </p:cNvPr>
          <p:cNvSpPr/>
          <p:nvPr/>
        </p:nvSpPr>
        <p:spPr>
          <a:xfrm>
            <a:off x="466704" y="1297869"/>
            <a:ext cx="5542210" cy="340929"/>
          </a:xfrm>
          <a:prstGeom prst="roundRect">
            <a:avLst>
              <a:gd name="adj" fmla="val 10604"/>
            </a:avLst>
          </a:prstGeom>
          <a:solidFill>
            <a:srgbClr val="00B0F0"/>
          </a:solidFill>
          <a:ln>
            <a:noFill/>
          </a:ln>
        </p:spPr>
        <p:txBody>
          <a:bodyPr wrap="square" rtlCol="0" anchor="ctr" anchorCtr="0">
            <a:noAutofit/>
          </a:bodyPr>
          <a:lstStyle/>
          <a:p>
            <a:pPr algn="ctr"/>
            <a:r>
              <a:rPr lang="zh-CN" altLang="en-US" b="1" dirty="0">
                <a:solidFill>
                  <a:prstClr val="white"/>
                </a:solidFill>
                <a:latin typeface="Huawei Sans" panose="020C0503030203020204" pitchFamily="34" charset="0"/>
                <a:ea typeface="方正兰亭黑简体" panose="02000000000000000000" pitchFamily="2" charset="-122"/>
              </a:rPr>
              <a:t>经典路由协议基于路由表转发</a:t>
            </a:r>
          </a:p>
        </p:txBody>
      </p:sp>
      <p:sp>
        <p:nvSpPr>
          <p:cNvPr id="17" name="圆角矩形 75">
            <a:extLst>
              <a:ext uri="{FF2B5EF4-FFF2-40B4-BE49-F238E27FC236}">
                <a16:creationId xmlns:a16="http://schemas.microsoft.com/office/drawing/2014/main" xmlns="" id="{016B25D6-52E8-46A6-A366-AFBB3EE080A9}"/>
              </a:ext>
            </a:extLst>
          </p:cNvPr>
          <p:cNvSpPr/>
          <p:nvPr/>
        </p:nvSpPr>
        <p:spPr>
          <a:xfrm>
            <a:off x="469838" y="1694791"/>
            <a:ext cx="5542210" cy="4588728"/>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18" name="圆角矩形 75">
            <a:extLst>
              <a:ext uri="{FF2B5EF4-FFF2-40B4-BE49-F238E27FC236}">
                <a16:creationId xmlns:a16="http://schemas.microsoft.com/office/drawing/2014/main" xmlns="" id="{D4A595A8-C0AE-4096-B2D2-767044CD6FF5}"/>
              </a:ext>
            </a:extLst>
          </p:cNvPr>
          <p:cNvSpPr/>
          <p:nvPr/>
        </p:nvSpPr>
        <p:spPr>
          <a:xfrm>
            <a:off x="6103476" y="1297869"/>
            <a:ext cx="5618686" cy="340929"/>
          </a:xfrm>
          <a:prstGeom prst="roundRect">
            <a:avLst>
              <a:gd name="adj" fmla="val 10604"/>
            </a:avLst>
          </a:prstGeom>
          <a:solidFill>
            <a:srgbClr val="00B0F0"/>
          </a:solidFill>
          <a:ln>
            <a:noFill/>
          </a:ln>
        </p:spPr>
        <p:txBody>
          <a:bodyPr wrap="square" rtlCol="0" anchor="ctr" anchorCtr="0">
            <a:noAutofit/>
          </a:bodyPr>
          <a:lstStyle/>
          <a:p>
            <a:pPr algn="ctr"/>
            <a:r>
              <a:rPr lang="en-US" altLang="zh-CN" b="1">
                <a:solidFill>
                  <a:prstClr val="white"/>
                </a:solidFill>
                <a:latin typeface="Huawei Sans" panose="020C0503030203020204" pitchFamily="34" charset="0"/>
                <a:ea typeface="方正兰亭黑简体" panose="02000000000000000000" pitchFamily="2" charset="-122"/>
              </a:rPr>
              <a:t>OpenFlow</a:t>
            </a:r>
            <a:r>
              <a:rPr lang="zh-CN" altLang="en-US" b="1">
                <a:solidFill>
                  <a:prstClr val="white"/>
                </a:solidFill>
                <a:latin typeface="Huawei Sans" panose="020C0503030203020204" pitchFamily="34" charset="0"/>
                <a:ea typeface="方正兰亭黑简体" panose="02000000000000000000" pitchFamily="2" charset="-122"/>
              </a:rPr>
              <a:t>基于流表转发</a:t>
            </a:r>
            <a:endParaRPr lang="zh-CN" altLang="en-US" b="1" dirty="0">
              <a:solidFill>
                <a:prstClr val="white"/>
              </a:solidFill>
              <a:latin typeface="Huawei Sans" panose="020C0503030203020204" pitchFamily="34" charset="0"/>
              <a:ea typeface="方正兰亭黑简体" panose="02000000000000000000" pitchFamily="2" charset="-122"/>
            </a:endParaRPr>
          </a:p>
        </p:txBody>
      </p:sp>
      <p:sp>
        <p:nvSpPr>
          <p:cNvPr id="19" name="圆角矩形 75">
            <a:extLst>
              <a:ext uri="{FF2B5EF4-FFF2-40B4-BE49-F238E27FC236}">
                <a16:creationId xmlns:a16="http://schemas.microsoft.com/office/drawing/2014/main" xmlns="" id="{6B4C3849-9FBD-41F5-A8B1-4F1780591DA4}"/>
              </a:ext>
            </a:extLst>
          </p:cNvPr>
          <p:cNvSpPr/>
          <p:nvPr/>
        </p:nvSpPr>
        <p:spPr>
          <a:xfrm>
            <a:off x="6103476" y="1683910"/>
            <a:ext cx="5618686" cy="4621887"/>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cxnSp>
        <p:nvCxnSpPr>
          <p:cNvPr id="23" name="直接箭头连接符 22">
            <a:extLst>
              <a:ext uri="{FF2B5EF4-FFF2-40B4-BE49-F238E27FC236}">
                <a16:creationId xmlns:a16="http://schemas.microsoft.com/office/drawing/2014/main" xmlns="" id="{0C84BD85-D0CF-4C5E-993F-105A6E8A1E08}"/>
              </a:ext>
            </a:extLst>
          </p:cNvPr>
          <p:cNvCxnSpPr>
            <a:cxnSpLocks/>
          </p:cNvCxnSpPr>
          <p:nvPr/>
        </p:nvCxnSpPr>
        <p:spPr>
          <a:xfrm>
            <a:off x="8034678" y="2969276"/>
            <a:ext cx="1333355" cy="0"/>
          </a:xfrm>
          <a:prstGeom prst="straightConnector1">
            <a:avLst/>
          </a:prstGeom>
          <a:ln w="28575">
            <a:solidFill>
              <a:srgbClr val="00B0F0"/>
            </a:solidFill>
            <a:tailEnd type="triangle"/>
          </a:ln>
        </p:spPr>
        <p:style>
          <a:lnRef idx="1">
            <a:schemeClr val="accent1"/>
          </a:lnRef>
          <a:fillRef idx="0">
            <a:schemeClr val="accent1"/>
          </a:fillRef>
          <a:effectRef idx="0">
            <a:schemeClr val="accent1"/>
          </a:effectRef>
          <a:fontRef idx="minor">
            <a:schemeClr val="tx1"/>
          </a:fontRef>
        </p:style>
      </p:cxnSp>
      <p:graphicFrame>
        <p:nvGraphicFramePr>
          <p:cNvPr id="25" name="表格 46">
            <a:extLst>
              <a:ext uri="{FF2B5EF4-FFF2-40B4-BE49-F238E27FC236}">
                <a16:creationId xmlns:a16="http://schemas.microsoft.com/office/drawing/2014/main" xmlns="" id="{405C7797-68C8-4F67-90FC-743E52661633}"/>
              </a:ext>
            </a:extLst>
          </p:cNvPr>
          <p:cNvGraphicFramePr>
            <a:graphicFrameLocks noGrp="1"/>
          </p:cNvGraphicFramePr>
          <p:nvPr/>
        </p:nvGraphicFramePr>
        <p:xfrm>
          <a:off x="1986380" y="3617886"/>
          <a:ext cx="3491347" cy="633670"/>
        </p:xfrm>
        <a:graphic>
          <a:graphicData uri="http://schemas.openxmlformats.org/drawingml/2006/table">
            <a:tbl>
              <a:tblPr firstRow="1" bandRow="1">
                <a:tableStyleId>{5202B0CA-FC54-4496-8BCA-5EF66A818D29}</a:tableStyleId>
              </a:tblPr>
              <a:tblGrid>
                <a:gridCol w="1021278">
                  <a:extLst>
                    <a:ext uri="{9D8B030D-6E8A-4147-A177-3AD203B41FA5}">
                      <a16:colId xmlns:a16="http://schemas.microsoft.com/office/drawing/2014/main" xmlns="" val="20000"/>
                    </a:ext>
                  </a:extLst>
                </a:gridCol>
                <a:gridCol w="633704">
                  <a:extLst>
                    <a:ext uri="{9D8B030D-6E8A-4147-A177-3AD203B41FA5}">
                      <a16:colId xmlns:a16="http://schemas.microsoft.com/office/drawing/2014/main" xmlns="" val="20001"/>
                    </a:ext>
                  </a:extLst>
                </a:gridCol>
                <a:gridCol w="1088218">
                  <a:extLst>
                    <a:ext uri="{9D8B030D-6E8A-4147-A177-3AD203B41FA5}">
                      <a16:colId xmlns:a16="http://schemas.microsoft.com/office/drawing/2014/main" xmlns="" val="20002"/>
                    </a:ext>
                  </a:extLst>
                </a:gridCol>
                <a:gridCol w="748147">
                  <a:extLst>
                    <a:ext uri="{9D8B030D-6E8A-4147-A177-3AD203B41FA5}">
                      <a16:colId xmlns:a16="http://schemas.microsoft.com/office/drawing/2014/main" xmlns="" val="20003"/>
                    </a:ext>
                  </a:extLst>
                </a:gridCol>
              </a:tblGrid>
              <a:tr h="316835">
                <a:tc>
                  <a:txBody>
                    <a:bodyPr/>
                    <a:lstStyle/>
                    <a:p>
                      <a:pPr algn="ctr"/>
                      <a:r>
                        <a:rPr lang="zh-CN" altLang="en-US" sz="1300" dirty="0">
                          <a:solidFill>
                            <a:schemeClr val="bg1"/>
                          </a:solidFill>
                          <a:latin typeface="+mn-lt"/>
                          <a:ea typeface="+mn-ea"/>
                          <a:cs typeface="+mn-ea"/>
                          <a:sym typeface="+mn-lt"/>
                        </a:rPr>
                        <a:t>目的网络</a:t>
                      </a: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300" dirty="0">
                          <a:solidFill>
                            <a:schemeClr val="bg1"/>
                          </a:solidFill>
                          <a:latin typeface="+mn-lt"/>
                          <a:ea typeface="+mn-ea"/>
                          <a:cs typeface="+mn-ea"/>
                          <a:sym typeface="+mn-lt"/>
                        </a:rPr>
                        <a:t>来源</a:t>
                      </a: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300" dirty="0">
                          <a:solidFill>
                            <a:schemeClr val="bg1"/>
                          </a:solidFill>
                          <a:latin typeface="+mn-lt"/>
                          <a:ea typeface="+mn-ea"/>
                          <a:cs typeface="+mn-ea"/>
                          <a:sym typeface="+mn-lt"/>
                        </a:rPr>
                        <a:t>下一跳</a:t>
                      </a: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300">
                          <a:solidFill>
                            <a:schemeClr val="bg1"/>
                          </a:solidFill>
                          <a:latin typeface="+mn-lt"/>
                          <a:ea typeface="+mn-ea"/>
                          <a:cs typeface="+mn-ea"/>
                          <a:sym typeface="+mn-lt"/>
                        </a:rPr>
                        <a:t>出接口</a:t>
                      </a:r>
                      <a:endParaRPr lang="zh-CN" altLang="en-US" sz="1300" dirty="0">
                        <a:solidFill>
                          <a:schemeClr val="bg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a16="http://schemas.microsoft.com/office/drawing/2014/main" xmlns="" val="10000"/>
                  </a:ext>
                </a:extLst>
              </a:tr>
              <a:tr h="316835">
                <a:tc>
                  <a:txBody>
                    <a:bodyPr/>
                    <a:lstStyle/>
                    <a:p>
                      <a:r>
                        <a:rPr lang="en-US" altLang="zh-CN" sz="1300">
                          <a:solidFill>
                            <a:schemeClr val="tx1"/>
                          </a:solidFill>
                          <a:latin typeface="+mn-lt"/>
                          <a:ea typeface="+mn-ea"/>
                          <a:cs typeface="+mn-ea"/>
                          <a:sym typeface="+mn-lt"/>
                        </a:rPr>
                        <a:t>10.0.0.0/30</a:t>
                      </a:r>
                      <a:endParaRPr lang="zh-CN" altLang="en-US" sz="130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CN" sz="1300" dirty="0">
                          <a:solidFill>
                            <a:schemeClr val="tx1"/>
                          </a:solidFill>
                          <a:latin typeface="+mn-lt"/>
                          <a:ea typeface="+mn-ea"/>
                          <a:cs typeface="+mn-ea"/>
                          <a:sym typeface="+mn-lt"/>
                        </a:rPr>
                        <a:t>OSPF</a:t>
                      </a:r>
                      <a:endParaRPr lang="zh-CN" altLang="en-US" sz="130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CN" sz="1300" dirty="0">
                          <a:solidFill>
                            <a:schemeClr val="tx1"/>
                          </a:solidFill>
                          <a:latin typeface="+mn-lt"/>
                          <a:ea typeface="+mn-ea"/>
                          <a:cs typeface="+mn-ea"/>
                          <a:sym typeface="+mn-lt"/>
                        </a:rPr>
                        <a:t>1.1.1.2</a:t>
                      </a:r>
                      <a:endParaRPr lang="zh-CN" altLang="en-US" sz="130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CN" sz="1300" dirty="0">
                          <a:solidFill>
                            <a:schemeClr val="tx1"/>
                          </a:solidFill>
                          <a:latin typeface="+mn-lt"/>
                          <a:ea typeface="+mn-ea"/>
                          <a:cs typeface="+mn-ea"/>
                          <a:sym typeface="+mn-lt"/>
                        </a:rPr>
                        <a:t>G0/0/1</a:t>
                      </a:r>
                      <a:endParaRPr lang="zh-CN" altLang="en-US" sz="1300" dirty="0">
                        <a:solidFill>
                          <a:schemeClr val="tx1"/>
                        </a:solidFill>
                        <a:latin typeface="+mn-lt"/>
                        <a:ea typeface="+mn-ea"/>
                        <a:cs typeface="+mn-ea"/>
                        <a:sym typeface="+mn-lt"/>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1"/>
                  </a:ext>
                </a:extLst>
              </a:tr>
            </a:tbl>
          </a:graphicData>
        </a:graphic>
      </p:graphicFrame>
      <p:sp>
        <p:nvSpPr>
          <p:cNvPr id="26" name="矩形 25">
            <a:extLst>
              <a:ext uri="{FF2B5EF4-FFF2-40B4-BE49-F238E27FC236}">
                <a16:creationId xmlns:a16="http://schemas.microsoft.com/office/drawing/2014/main" xmlns="" id="{56FB0EE7-A1BC-4F7B-9630-157B3A54F005}"/>
              </a:ext>
            </a:extLst>
          </p:cNvPr>
          <p:cNvSpPr/>
          <p:nvPr/>
        </p:nvSpPr>
        <p:spPr>
          <a:xfrm>
            <a:off x="959784" y="3615428"/>
            <a:ext cx="819398" cy="306359"/>
          </a:xfrm>
          <a:prstGeom prst="rect">
            <a:avLst/>
          </a:prstGeom>
          <a:solidFill>
            <a:srgbClr val="00B0F0">
              <a:alpha val="5000"/>
            </a:srgbClr>
          </a:solidFill>
          <a:ln w="12700">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zh-CN" altLang="en-US" sz="1400" dirty="0">
                <a:solidFill>
                  <a:srgbClr val="151515"/>
                </a:solidFill>
              </a:rPr>
              <a:t>路由表</a:t>
            </a:r>
          </a:p>
        </p:txBody>
      </p:sp>
      <p:graphicFrame>
        <p:nvGraphicFramePr>
          <p:cNvPr id="27" name="表格 46">
            <a:extLst>
              <a:ext uri="{FF2B5EF4-FFF2-40B4-BE49-F238E27FC236}">
                <a16:creationId xmlns:a16="http://schemas.microsoft.com/office/drawing/2014/main" xmlns="" id="{C4FD0592-DC62-46D3-B90D-11D554A048BA}"/>
              </a:ext>
            </a:extLst>
          </p:cNvPr>
          <p:cNvGraphicFramePr>
            <a:graphicFrameLocks noGrp="1"/>
          </p:cNvGraphicFramePr>
          <p:nvPr/>
        </p:nvGraphicFramePr>
        <p:xfrm>
          <a:off x="7045019" y="4235760"/>
          <a:ext cx="4636863" cy="386133"/>
        </p:xfrm>
        <a:graphic>
          <a:graphicData uri="http://schemas.openxmlformats.org/drawingml/2006/table">
            <a:tbl>
              <a:tblPr firstRow="1" bandRow="1">
                <a:tableStyleId>{5202B0CA-FC54-4496-8BCA-5EF66A818D29}</a:tableStyleId>
              </a:tblPr>
              <a:tblGrid>
                <a:gridCol w="777167">
                  <a:extLst>
                    <a:ext uri="{9D8B030D-6E8A-4147-A177-3AD203B41FA5}">
                      <a16:colId xmlns:a16="http://schemas.microsoft.com/office/drawing/2014/main" xmlns="" val="20000"/>
                    </a:ext>
                  </a:extLst>
                </a:gridCol>
                <a:gridCol w="841074">
                  <a:extLst>
                    <a:ext uri="{9D8B030D-6E8A-4147-A177-3AD203B41FA5}">
                      <a16:colId xmlns:a16="http://schemas.microsoft.com/office/drawing/2014/main" xmlns="" val="20001"/>
                    </a:ext>
                  </a:extLst>
                </a:gridCol>
                <a:gridCol w="687135">
                  <a:extLst>
                    <a:ext uri="{9D8B030D-6E8A-4147-A177-3AD203B41FA5}">
                      <a16:colId xmlns:a16="http://schemas.microsoft.com/office/drawing/2014/main" xmlns="" val="3695036748"/>
                    </a:ext>
                  </a:extLst>
                </a:gridCol>
                <a:gridCol w="608627">
                  <a:extLst>
                    <a:ext uri="{9D8B030D-6E8A-4147-A177-3AD203B41FA5}">
                      <a16:colId xmlns:a16="http://schemas.microsoft.com/office/drawing/2014/main" xmlns="" val="2774342697"/>
                    </a:ext>
                  </a:extLst>
                </a:gridCol>
                <a:gridCol w="936612">
                  <a:extLst>
                    <a:ext uri="{9D8B030D-6E8A-4147-A177-3AD203B41FA5}">
                      <a16:colId xmlns:a16="http://schemas.microsoft.com/office/drawing/2014/main" xmlns="" val="20002"/>
                    </a:ext>
                  </a:extLst>
                </a:gridCol>
                <a:gridCol w="786248">
                  <a:extLst>
                    <a:ext uri="{9D8B030D-6E8A-4147-A177-3AD203B41FA5}">
                      <a16:colId xmlns:a16="http://schemas.microsoft.com/office/drawing/2014/main" xmlns="" val="3416620939"/>
                    </a:ext>
                  </a:extLst>
                </a:gridCol>
              </a:tblGrid>
              <a:tr h="386133">
                <a:tc>
                  <a:txBody>
                    <a:bodyPr/>
                    <a:lstStyle/>
                    <a:p>
                      <a:pPr algn="ctr"/>
                      <a:r>
                        <a:rPr lang="zh-CN" altLang="en-US" sz="1400" b="0" dirty="0">
                          <a:solidFill>
                            <a:schemeClr val="bg1"/>
                          </a:solidFill>
                          <a:latin typeface="+mn-lt"/>
                          <a:ea typeface="+mn-ea"/>
                          <a:cs typeface="+mn-ea"/>
                          <a:sym typeface="+mn-lt"/>
                        </a:rPr>
                        <a:t>匹配域</a:t>
                      </a:r>
                    </a:p>
                  </a:txBody>
                  <a:tcPr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400" b="0" dirty="0">
                          <a:solidFill>
                            <a:schemeClr val="bg1"/>
                          </a:solidFill>
                          <a:latin typeface="+mn-lt"/>
                          <a:ea typeface="+mn-ea"/>
                          <a:cs typeface="+mn-ea"/>
                          <a:sym typeface="+mn-lt"/>
                        </a:rPr>
                        <a:t>优先级</a:t>
                      </a:r>
                    </a:p>
                  </a:txBody>
                  <a:tcPr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400" b="0" dirty="0">
                          <a:solidFill>
                            <a:schemeClr val="bg1"/>
                          </a:solidFill>
                          <a:latin typeface="+mn-lt"/>
                          <a:ea typeface="+mn-ea"/>
                          <a:cs typeface="+mn-ea"/>
                          <a:sym typeface="+mn-lt"/>
                        </a:rPr>
                        <a:t>计数</a:t>
                      </a:r>
                    </a:p>
                  </a:txBody>
                  <a:tcPr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400" b="0" dirty="0">
                          <a:solidFill>
                            <a:schemeClr val="bg1"/>
                          </a:solidFill>
                          <a:latin typeface="+mn-lt"/>
                          <a:ea typeface="+mn-ea"/>
                          <a:cs typeface="+mn-ea"/>
                          <a:sym typeface="+mn-lt"/>
                        </a:rPr>
                        <a:t>动作</a:t>
                      </a:r>
                    </a:p>
                  </a:txBody>
                  <a:tcPr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400" b="0" dirty="0">
                          <a:solidFill>
                            <a:schemeClr val="bg1"/>
                          </a:solidFill>
                          <a:latin typeface="+mn-lt"/>
                          <a:ea typeface="+mn-ea"/>
                          <a:cs typeface="+mn-ea"/>
                          <a:sym typeface="+mn-lt"/>
                        </a:rPr>
                        <a:t>Timeout</a:t>
                      </a:r>
                      <a:endParaRPr lang="zh-CN" altLang="en-US" sz="1400" b="0" dirty="0">
                        <a:solidFill>
                          <a:schemeClr val="bg1"/>
                        </a:solidFill>
                        <a:latin typeface="+mn-lt"/>
                        <a:ea typeface="+mn-ea"/>
                        <a:cs typeface="+mn-ea"/>
                        <a:sym typeface="+mn-lt"/>
                      </a:endParaRPr>
                    </a:p>
                  </a:txBody>
                  <a:tcPr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en-US" altLang="zh-CN" sz="1400" b="0" dirty="0">
                          <a:solidFill>
                            <a:schemeClr val="bg1"/>
                          </a:solidFill>
                          <a:latin typeface="+mn-lt"/>
                          <a:ea typeface="+mn-ea"/>
                          <a:cs typeface="+mn-ea"/>
                          <a:sym typeface="+mn-lt"/>
                        </a:rPr>
                        <a:t>Cookie</a:t>
                      </a:r>
                      <a:endParaRPr lang="zh-CN" altLang="en-US" sz="1400" b="0" dirty="0">
                        <a:solidFill>
                          <a:schemeClr val="bg1"/>
                        </a:solidFill>
                        <a:latin typeface="+mn-lt"/>
                        <a:ea typeface="+mn-ea"/>
                        <a:cs typeface="+mn-ea"/>
                        <a:sym typeface="+mn-lt"/>
                      </a:endParaRPr>
                    </a:p>
                  </a:txBody>
                  <a:tcPr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a16="http://schemas.microsoft.com/office/drawing/2014/main" xmlns="" val="10000"/>
                  </a:ext>
                </a:extLst>
              </a:tr>
            </a:tbl>
          </a:graphicData>
        </a:graphic>
      </p:graphicFrame>
      <p:pic>
        <p:nvPicPr>
          <p:cNvPr id="30" name="图片 29" descr="通用交换机.png">
            <a:extLst>
              <a:ext uri="{FF2B5EF4-FFF2-40B4-BE49-F238E27FC236}">
                <a16:creationId xmlns:a16="http://schemas.microsoft.com/office/drawing/2014/main" xmlns="" id="{ED3579E1-F801-416A-9467-48A9C8DD9C36}"/>
              </a:ext>
            </a:extLst>
          </p:cNvPr>
          <p:cNvPicPr>
            <a:picLocks noChangeAspect="1"/>
          </p:cNvPicPr>
          <p:nvPr/>
        </p:nvPicPr>
        <p:blipFill>
          <a:blip r:embed="rId3" cstate="print"/>
          <a:stretch>
            <a:fillRect/>
          </a:stretch>
        </p:blipFill>
        <p:spPr>
          <a:xfrm>
            <a:off x="1099483" y="2496003"/>
            <a:ext cx="540000" cy="441818"/>
          </a:xfrm>
          <a:prstGeom prst="rect">
            <a:avLst/>
          </a:prstGeom>
        </p:spPr>
      </p:pic>
      <p:pic>
        <p:nvPicPr>
          <p:cNvPr id="31" name="图片 30" descr="通用交换机.png">
            <a:extLst>
              <a:ext uri="{FF2B5EF4-FFF2-40B4-BE49-F238E27FC236}">
                <a16:creationId xmlns:a16="http://schemas.microsoft.com/office/drawing/2014/main" xmlns="" id="{A227BDA6-E6BE-4A2A-9DAD-B5A3D08BE630}"/>
              </a:ext>
            </a:extLst>
          </p:cNvPr>
          <p:cNvPicPr>
            <a:picLocks noChangeAspect="1"/>
          </p:cNvPicPr>
          <p:nvPr/>
        </p:nvPicPr>
        <p:blipFill>
          <a:blip r:embed="rId3" cstate="print"/>
          <a:stretch>
            <a:fillRect/>
          </a:stretch>
        </p:blipFill>
        <p:spPr>
          <a:xfrm>
            <a:off x="4085922" y="2496003"/>
            <a:ext cx="540000" cy="441818"/>
          </a:xfrm>
          <a:prstGeom prst="rect">
            <a:avLst/>
          </a:prstGeom>
        </p:spPr>
      </p:pic>
      <p:cxnSp>
        <p:nvCxnSpPr>
          <p:cNvPr id="32" name="直接连接符 31">
            <a:extLst>
              <a:ext uri="{FF2B5EF4-FFF2-40B4-BE49-F238E27FC236}">
                <a16:creationId xmlns:a16="http://schemas.microsoft.com/office/drawing/2014/main" xmlns="" id="{859D0CF3-98E4-4AE3-A8F2-AA97E94C9EE2}"/>
              </a:ext>
            </a:extLst>
          </p:cNvPr>
          <p:cNvCxnSpPr>
            <a:cxnSpLocks/>
            <a:stCxn id="30" idx="3"/>
            <a:endCxn id="31" idx="1"/>
          </p:cNvCxnSpPr>
          <p:nvPr/>
        </p:nvCxnSpPr>
        <p:spPr>
          <a:xfrm>
            <a:off x="1639483" y="2716912"/>
            <a:ext cx="2446439"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3" name="直接箭头连接符 32">
            <a:extLst>
              <a:ext uri="{FF2B5EF4-FFF2-40B4-BE49-F238E27FC236}">
                <a16:creationId xmlns:a16="http://schemas.microsoft.com/office/drawing/2014/main" xmlns="" id="{828A2694-FFDF-4871-8B94-DA568EE351A9}"/>
              </a:ext>
            </a:extLst>
          </p:cNvPr>
          <p:cNvCxnSpPr>
            <a:cxnSpLocks/>
          </p:cNvCxnSpPr>
          <p:nvPr/>
        </p:nvCxnSpPr>
        <p:spPr>
          <a:xfrm>
            <a:off x="2379361" y="2937821"/>
            <a:ext cx="1333355" cy="0"/>
          </a:xfrm>
          <a:prstGeom prst="straightConnector1">
            <a:avLst/>
          </a:prstGeom>
          <a:ln w="2540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34" name="文本框 33">
            <a:extLst>
              <a:ext uri="{FF2B5EF4-FFF2-40B4-BE49-F238E27FC236}">
                <a16:creationId xmlns:a16="http://schemas.microsoft.com/office/drawing/2014/main" xmlns="" id="{64F885AF-0D42-416B-9DDE-230115E35155}"/>
              </a:ext>
            </a:extLst>
          </p:cNvPr>
          <p:cNvSpPr txBox="1"/>
          <p:nvPr/>
        </p:nvSpPr>
        <p:spPr>
          <a:xfrm>
            <a:off x="1625629" y="2799873"/>
            <a:ext cx="753732" cy="307777"/>
          </a:xfrm>
          <a:prstGeom prst="rect">
            <a:avLst/>
          </a:prstGeom>
          <a:noFill/>
        </p:spPr>
        <p:txBody>
          <a:bodyPr wrap="none" rtlCol="0">
            <a:spAutoFit/>
          </a:bodyPr>
          <a:lstStyle/>
          <a:p>
            <a:r>
              <a:rPr lang="en-US" altLang="zh-CN" sz="1400"/>
              <a:t>G0/0/1</a:t>
            </a:r>
            <a:endParaRPr lang="zh-CN" altLang="en-US" sz="1400"/>
          </a:p>
        </p:txBody>
      </p:sp>
      <p:sp>
        <p:nvSpPr>
          <p:cNvPr id="35" name="文本框 34">
            <a:extLst>
              <a:ext uri="{FF2B5EF4-FFF2-40B4-BE49-F238E27FC236}">
                <a16:creationId xmlns:a16="http://schemas.microsoft.com/office/drawing/2014/main" xmlns="" id="{C65CF703-0A67-4241-9D65-B1B3BE804DDF}"/>
              </a:ext>
            </a:extLst>
          </p:cNvPr>
          <p:cNvSpPr txBox="1"/>
          <p:nvPr/>
        </p:nvSpPr>
        <p:spPr>
          <a:xfrm>
            <a:off x="3490473" y="2447954"/>
            <a:ext cx="636713" cy="276999"/>
          </a:xfrm>
          <a:prstGeom prst="rect">
            <a:avLst/>
          </a:prstGeom>
          <a:noFill/>
        </p:spPr>
        <p:txBody>
          <a:bodyPr wrap="none" rtlCol="0">
            <a:spAutoFit/>
          </a:bodyPr>
          <a:lstStyle/>
          <a:p>
            <a:r>
              <a:rPr lang="en-US" altLang="zh-CN" sz="1200"/>
              <a:t>1.1.1.2</a:t>
            </a:r>
            <a:endParaRPr lang="zh-CN" altLang="en-US" sz="1200"/>
          </a:p>
        </p:txBody>
      </p:sp>
      <p:cxnSp>
        <p:nvCxnSpPr>
          <p:cNvPr id="36" name="直接连接符 35">
            <a:extLst>
              <a:ext uri="{FF2B5EF4-FFF2-40B4-BE49-F238E27FC236}">
                <a16:creationId xmlns:a16="http://schemas.microsoft.com/office/drawing/2014/main" xmlns="" id="{8D4E9E9E-7844-43D8-A812-F9FEA888800D}"/>
              </a:ext>
            </a:extLst>
          </p:cNvPr>
          <p:cNvCxnSpPr>
            <a:cxnSpLocks/>
          </p:cNvCxnSpPr>
          <p:nvPr/>
        </p:nvCxnSpPr>
        <p:spPr>
          <a:xfrm>
            <a:off x="10390880" y="2780130"/>
            <a:ext cx="364970"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cxnSp>
        <p:nvCxnSpPr>
          <p:cNvPr id="39" name="直接连接符 38">
            <a:extLst>
              <a:ext uri="{FF2B5EF4-FFF2-40B4-BE49-F238E27FC236}">
                <a16:creationId xmlns:a16="http://schemas.microsoft.com/office/drawing/2014/main" xmlns="" id="{9E245E72-9266-4A69-94F2-1C74323DC0D6}"/>
              </a:ext>
            </a:extLst>
          </p:cNvPr>
          <p:cNvCxnSpPr>
            <a:cxnSpLocks/>
          </p:cNvCxnSpPr>
          <p:nvPr/>
        </p:nvCxnSpPr>
        <p:spPr>
          <a:xfrm>
            <a:off x="10745764" y="2684971"/>
            <a:ext cx="0" cy="186977"/>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sp>
        <p:nvSpPr>
          <p:cNvPr id="44" name="文本框 43">
            <a:extLst>
              <a:ext uri="{FF2B5EF4-FFF2-40B4-BE49-F238E27FC236}">
                <a16:creationId xmlns:a16="http://schemas.microsoft.com/office/drawing/2014/main" xmlns="" id="{9A2F46F9-6171-4F94-8DC1-5A2578059DAA}"/>
              </a:ext>
            </a:extLst>
          </p:cNvPr>
          <p:cNvSpPr txBox="1"/>
          <p:nvPr/>
        </p:nvSpPr>
        <p:spPr>
          <a:xfrm>
            <a:off x="10365363" y="2360206"/>
            <a:ext cx="1085554" cy="276999"/>
          </a:xfrm>
          <a:prstGeom prst="rect">
            <a:avLst/>
          </a:prstGeom>
          <a:noFill/>
        </p:spPr>
        <p:txBody>
          <a:bodyPr wrap="square" rtlCol="0">
            <a:spAutoFit/>
          </a:bodyPr>
          <a:lstStyle/>
          <a:p>
            <a:r>
              <a:rPr lang="en-US" altLang="zh-CN" sz="1200" dirty="0"/>
              <a:t>10.0.0.0/30</a:t>
            </a:r>
            <a:endParaRPr lang="zh-CN" altLang="en-US" sz="1200" dirty="0"/>
          </a:p>
        </p:txBody>
      </p:sp>
      <p:cxnSp>
        <p:nvCxnSpPr>
          <p:cNvPr id="49" name="直接连接符 48">
            <a:extLst>
              <a:ext uri="{FF2B5EF4-FFF2-40B4-BE49-F238E27FC236}">
                <a16:creationId xmlns:a16="http://schemas.microsoft.com/office/drawing/2014/main" xmlns="" id="{927200C9-B593-458A-A93E-78E6F99B5C0F}"/>
              </a:ext>
            </a:extLst>
          </p:cNvPr>
          <p:cNvCxnSpPr>
            <a:cxnSpLocks/>
          </p:cNvCxnSpPr>
          <p:nvPr/>
        </p:nvCxnSpPr>
        <p:spPr>
          <a:xfrm>
            <a:off x="4634836" y="2716912"/>
            <a:ext cx="364970"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cxnSp>
        <p:nvCxnSpPr>
          <p:cNvPr id="50" name="直接连接符 49">
            <a:extLst>
              <a:ext uri="{FF2B5EF4-FFF2-40B4-BE49-F238E27FC236}">
                <a16:creationId xmlns:a16="http://schemas.microsoft.com/office/drawing/2014/main" xmlns="" id="{86A1C397-D753-45C8-9291-E60B8CC2D1ED}"/>
              </a:ext>
            </a:extLst>
          </p:cNvPr>
          <p:cNvCxnSpPr>
            <a:cxnSpLocks/>
          </p:cNvCxnSpPr>
          <p:nvPr/>
        </p:nvCxnSpPr>
        <p:spPr>
          <a:xfrm>
            <a:off x="4989720" y="2621753"/>
            <a:ext cx="0" cy="186977"/>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sp>
        <p:nvSpPr>
          <p:cNvPr id="51" name="文本框 50">
            <a:extLst>
              <a:ext uri="{FF2B5EF4-FFF2-40B4-BE49-F238E27FC236}">
                <a16:creationId xmlns:a16="http://schemas.microsoft.com/office/drawing/2014/main" xmlns="" id="{834DDA12-A735-47D3-822D-2D8F93C601F8}"/>
              </a:ext>
            </a:extLst>
          </p:cNvPr>
          <p:cNvSpPr txBox="1"/>
          <p:nvPr/>
        </p:nvSpPr>
        <p:spPr>
          <a:xfrm>
            <a:off x="4623249" y="2407972"/>
            <a:ext cx="1085554" cy="276999"/>
          </a:xfrm>
          <a:prstGeom prst="rect">
            <a:avLst/>
          </a:prstGeom>
          <a:noFill/>
        </p:spPr>
        <p:txBody>
          <a:bodyPr wrap="square" rtlCol="0">
            <a:spAutoFit/>
          </a:bodyPr>
          <a:lstStyle/>
          <a:p>
            <a:r>
              <a:rPr lang="en-US" altLang="zh-CN" sz="1200" dirty="0"/>
              <a:t>10.0.0.0/30</a:t>
            </a:r>
            <a:endParaRPr lang="zh-CN" altLang="en-US" sz="1200" dirty="0"/>
          </a:p>
        </p:txBody>
      </p:sp>
      <p:sp>
        <p:nvSpPr>
          <p:cNvPr id="52" name="文本框 51">
            <a:extLst>
              <a:ext uri="{FF2B5EF4-FFF2-40B4-BE49-F238E27FC236}">
                <a16:creationId xmlns:a16="http://schemas.microsoft.com/office/drawing/2014/main" xmlns="" id="{24409F31-E0E2-438A-9392-AD96651F5664}"/>
              </a:ext>
            </a:extLst>
          </p:cNvPr>
          <p:cNvSpPr txBox="1"/>
          <p:nvPr/>
        </p:nvSpPr>
        <p:spPr>
          <a:xfrm>
            <a:off x="1639483" y="2431873"/>
            <a:ext cx="636713" cy="276999"/>
          </a:xfrm>
          <a:prstGeom prst="rect">
            <a:avLst/>
          </a:prstGeom>
          <a:noFill/>
        </p:spPr>
        <p:txBody>
          <a:bodyPr wrap="none" rtlCol="0">
            <a:spAutoFit/>
          </a:bodyPr>
          <a:lstStyle/>
          <a:p>
            <a:r>
              <a:rPr lang="en-US" altLang="zh-CN" sz="1200" dirty="0"/>
              <a:t>1.1.1.1</a:t>
            </a:r>
            <a:endParaRPr lang="zh-CN" altLang="en-US" sz="1200" dirty="0"/>
          </a:p>
        </p:txBody>
      </p:sp>
      <p:sp>
        <p:nvSpPr>
          <p:cNvPr id="62" name="文本框 61">
            <a:extLst>
              <a:ext uri="{FF2B5EF4-FFF2-40B4-BE49-F238E27FC236}">
                <a16:creationId xmlns:a16="http://schemas.microsoft.com/office/drawing/2014/main" xmlns="" id="{B415F73E-451B-4303-AB65-C7659A64DA2E}"/>
              </a:ext>
            </a:extLst>
          </p:cNvPr>
          <p:cNvSpPr txBox="1"/>
          <p:nvPr/>
        </p:nvSpPr>
        <p:spPr>
          <a:xfrm>
            <a:off x="9305326" y="1801074"/>
            <a:ext cx="1085554" cy="307777"/>
          </a:xfrm>
          <a:prstGeom prst="rect">
            <a:avLst/>
          </a:prstGeom>
          <a:noFill/>
        </p:spPr>
        <p:txBody>
          <a:bodyPr wrap="square" rtlCol="0">
            <a:spAutoFit/>
          </a:bodyPr>
          <a:lstStyle/>
          <a:p>
            <a:r>
              <a:rPr lang="en-US" altLang="zh-CN" sz="1400"/>
              <a:t>OF</a:t>
            </a:r>
            <a:r>
              <a:rPr lang="zh-CN" altLang="en-US" sz="1400"/>
              <a:t>控制器</a:t>
            </a:r>
          </a:p>
        </p:txBody>
      </p:sp>
      <p:sp>
        <p:nvSpPr>
          <p:cNvPr id="63" name="文本框 62">
            <a:extLst>
              <a:ext uri="{FF2B5EF4-FFF2-40B4-BE49-F238E27FC236}">
                <a16:creationId xmlns:a16="http://schemas.microsoft.com/office/drawing/2014/main" xmlns="" id="{1E5CB6AF-2102-4AE5-B4C1-EB742BBFE354}"/>
              </a:ext>
            </a:extLst>
          </p:cNvPr>
          <p:cNvSpPr txBox="1"/>
          <p:nvPr/>
        </p:nvSpPr>
        <p:spPr>
          <a:xfrm>
            <a:off x="527422" y="4470787"/>
            <a:ext cx="5350864" cy="1550361"/>
          </a:xfrm>
          <a:prstGeom prst="rect">
            <a:avLst/>
          </a:prstGeom>
          <a:noFill/>
        </p:spPr>
        <p:txBody>
          <a:bodyPr wrap="square" rtlCol="0">
            <a:spAutoFit/>
          </a:bodyPr>
          <a:lstStyle/>
          <a:p>
            <a:pPr marL="285750" indent="-285750">
              <a:lnSpc>
                <a:spcPct val="120000"/>
              </a:lnSpc>
              <a:buFont typeface="Arial" panose="020B0604020202020204" pitchFamily="34" charset="0"/>
              <a:buChar char="•"/>
            </a:pPr>
            <a:r>
              <a:rPr lang="zh-CN" altLang="en-US" sz="1600" dirty="0"/>
              <a:t>经典的网络转发方式是网络设备通过查询路由表指导流量转发。</a:t>
            </a:r>
            <a:endParaRPr lang="en-US" altLang="zh-CN" sz="1600" dirty="0"/>
          </a:p>
          <a:p>
            <a:pPr marL="285750" indent="-285750">
              <a:lnSpc>
                <a:spcPct val="120000"/>
              </a:lnSpc>
              <a:buFont typeface="Arial" panose="020B0604020202020204" pitchFamily="34" charset="0"/>
              <a:buChar char="•"/>
            </a:pPr>
            <a:r>
              <a:rPr lang="zh-CN" altLang="en-US" sz="1600" dirty="0"/>
              <a:t>路由表的条目由网络设备之间运行路由协议而计算生成。</a:t>
            </a:r>
            <a:endParaRPr lang="en-US" altLang="zh-CN" sz="1600" dirty="0"/>
          </a:p>
          <a:p>
            <a:pPr marL="285750" indent="-285750">
              <a:lnSpc>
                <a:spcPct val="120000"/>
              </a:lnSpc>
              <a:buFont typeface="Arial" panose="020B0604020202020204" pitchFamily="34" charset="0"/>
              <a:buChar char="•"/>
            </a:pPr>
            <a:r>
              <a:rPr lang="zh-CN" altLang="en-US" sz="1600" dirty="0"/>
              <a:t>路由表是定长的。路由表通过最长匹配原则执行报文转发。一台网络设备只有一张路由表。</a:t>
            </a:r>
          </a:p>
        </p:txBody>
      </p:sp>
      <p:sp>
        <p:nvSpPr>
          <p:cNvPr id="64" name="文本框 63">
            <a:extLst>
              <a:ext uri="{FF2B5EF4-FFF2-40B4-BE49-F238E27FC236}">
                <a16:creationId xmlns:a16="http://schemas.microsoft.com/office/drawing/2014/main" xmlns="" id="{4052C1AC-8F7E-4320-9684-18FD7140A104}"/>
              </a:ext>
            </a:extLst>
          </p:cNvPr>
          <p:cNvSpPr txBox="1"/>
          <p:nvPr/>
        </p:nvSpPr>
        <p:spPr>
          <a:xfrm>
            <a:off x="2503261" y="2086997"/>
            <a:ext cx="1085554" cy="307777"/>
          </a:xfrm>
          <a:prstGeom prst="rect">
            <a:avLst/>
          </a:prstGeom>
          <a:noFill/>
        </p:spPr>
        <p:txBody>
          <a:bodyPr wrap="square" rtlCol="0">
            <a:spAutoFit/>
          </a:bodyPr>
          <a:lstStyle/>
          <a:p>
            <a:r>
              <a:rPr lang="zh-CN" altLang="en-US" sz="1400"/>
              <a:t>路由协议</a:t>
            </a:r>
          </a:p>
        </p:txBody>
      </p:sp>
      <p:cxnSp>
        <p:nvCxnSpPr>
          <p:cNvPr id="38" name="直接箭头连接符 37">
            <a:extLst>
              <a:ext uri="{FF2B5EF4-FFF2-40B4-BE49-F238E27FC236}">
                <a16:creationId xmlns:a16="http://schemas.microsoft.com/office/drawing/2014/main" xmlns="" id="{0C84F9FC-2B4D-4097-8B7B-21CC0F6D6E39}"/>
              </a:ext>
            </a:extLst>
          </p:cNvPr>
          <p:cNvCxnSpPr>
            <a:cxnSpLocks/>
          </p:cNvCxnSpPr>
          <p:nvPr/>
        </p:nvCxnSpPr>
        <p:spPr>
          <a:xfrm>
            <a:off x="6621797" y="3636246"/>
            <a:ext cx="504000" cy="0"/>
          </a:xfrm>
          <a:prstGeom prst="straightConnector1">
            <a:avLst/>
          </a:prstGeom>
          <a:ln w="25400">
            <a:solidFill>
              <a:srgbClr val="00B0F0"/>
            </a:solidFill>
            <a:tailEnd type="none"/>
          </a:ln>
        </p:spPr>
        <p:style>
          <a:lnRef idx="1">
            <a:schemeClr val="accent1"/>
          </a:lnRef>
          <a:fillRef idx="0">
            <a:schemeClr val="accent1"/>
          </a:fillRef>
          <a:effectRef idx="0">
            <a:schemeClr val="accent1"/>
          </a:effectRef>
          <a:fontRef idx="minor">
            <a:schemeClr val="tx1"/>
          </a:fontRef>
        </p:style>
      </p:cxnSp>
      <p:sp>
        <p:nvSpPr>
          <p:cNvPr id="41" name="矩形 40">
            <a:extLst>
              <a:ext uri="{FF2B5EF4-FFF2-40B4-BE49-F238E27FC236}">
                <a16:creationId xmlns:a16="http://schemas.microsoft.com/office/drawing/2014/main" xmlns="" id="{42CC8925-E655-40A8-8531-132D83B1503A}"/>
              </a:ext>
            </a:extLst>
          </p:cNvPr>
          <p:cNvSpPr/>
          <p:nvPr/>
        </p:nvSpPr>
        <p:spPr>
          <a:xfrm>
            <a:off x="7125413" y="3509084"/>
            <a:ext cx="718000" cy="235614"/>
          </a:xfrm>
          <a:prstGeom prst="rect">
            <a:avLst/>
          </a:prstGeom>
          <a:solidFill>
            <a:schemeClr val="bg1"/>
          </a:solid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altLang="zh-CN" sz="1400" dirty="0">
                <a:solidFill>
                  <a:srgbClr val="151515"/>
                </a:solidFill>
              </a:rPr>
              <a:t>Table0</a:t>
            </a:r>
            <a:endParaRPr lang="zh-CN" altLang="en-US" sz="1400" dirty="0">
              <a:solidFill>
                <a:srgbClr val="151515"/>
              </a:solidFill>
            </a:endParaRPr>
          </a:p>
        </p:txBody>
      </p:sp>
      <p:sp>
        <p:nvSpPr>
          <p:cNvPr id="42" name="矩形 41">
            <a:extLst>
              <a:ext uri="{FF2B5EF4-FFF2-40B4-BE49-F238E27FC236}">
                <a16:creationId xmlns:a16="http://schemas.microsoft.com/office/drawing/2014/main" xmlns="" id="{AD01294A-EB85-4330-8E28-EDE849C07D69}"/>
              </a:ext>
            </a:extLst>
          </p:cNvPr>
          <p:cNvSpPr/>
          <p:nvPr/>
        </p:nvSpPr>
        <p:spPr>
          <a:xfrm>
            <a:off x="8151473" y="3509084"/>
            <a:ext cx="718000" cy="235614"/>
          </a:xfrm>
          <a:prstGeom prst="rect">
            <a:avLst/>
          </a:prstGeom>
          <a:solidFill>
            <a:schemeClr val="bg1"/>
          </a:solid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altLang="zh-CN" sz="1400" dirty="0">
                <a:solidFill>
                  <a:srgbClr val="151515"/>
                </a:solidFill>
              </a:rPr>
              <a:t>Table1</a:t>
            </a:r>
            <a:endParaRPr lang="zh-CN" altLang="en-US" sz="1400" dirty="0">
              <a:solidFill>
                <a:srgbClr val="151515"/>
              </a:solidFill>
            </a:endParaRPr>
          </a:p>
        </p:txBody>
      </p:sp>
      <p:sp>
        <p:nvSpPr>
          <p:cNvPr id="43" name="矩形 42">
            <a:extLst>
              <a:ext uri="{FF2B5EF4-FFF2-40B4-BE49-F238E27FC236}">
                <a16:creationId xmlns:a16="http://schemas.microsoft.com/office/drawing/2014/main" xmlns="" id="{17AA6139-99CD-44CF-8C5F-129AC6D5FE73}"/>
              </a:ext>
            </a:extLst>
          </p:cNvPr>
          <p:cNvSpPr/>
          <p:nvPr/>
        </p:nvSpPr>
        <p:spPr>
          <a:xfrm>
            <a:off x="10109935" y="3509084"/>
            <a:ext cx="845350" cy="235614"/>
          </a:xfrm>
          <a:prstGeom prst="rect">
            <a:avLst/>
          </a:prstGeom>
          <a:solidFill>
            <a:schemeClr val="bg1"/>
          </a:solid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altLang="zh-CN" sz="1400" dirty="0">
                <a:solidFill>
                  <a:srgbClr val="151515"/>
                </a:solidFill>
              </a:rPr>
              <a:t>Table N</a:t>
            </a:r>
            <a:endParaRPr lang="zh-CN" altLang="en-US" sz="1400" dirty="0">
              <a:solidFill>
                <a:srgbClr val="151515"/>
              </a:solidFill>
            </a:endParaRPr>
          </a:p>
        </p:txBody>
      </p:sp>
      <p:sp>
        <p:nvSpPr>
          <p:cNvPr id="46" name="文本框 45">
            <a:extLst>
              <a:ext uri="{FF2B5EF4-FFF2-40B4-BE49-F238E27FC236}">
                <a16:creationId xmlns:a16="http://schemas.microsoft.com/office/drawing/2014/main" xmlns="" id="{B4D6A1B8-384E-4774-A93D-3A29A034FB0E}"/>
              </a:ext>
            </a:extLst>
          </p:cNvPr>
          <p:cNvSpPr txBox="1"/>
          <p:nvPr/>
        </p:nvSpPr>
        <p:spPr>
          <a:xfrm>
            <a:off x="6239379" y="3104144"/>
            <a:ext cx="1346589" cy="307777"/>
          </a:xfrm>
          <a:prstGeom prst="rect">
            <a:avLst/>
          </a:prstGeom>
          <a:noFill/>
        </p:spPr>
        <p:txBody>
          <a:bodyPr wrap="square" rtlCol="0">
            <a:spAutoFit/>
          </a:bodyPr>
          <a:lstStyle/>
          <a:p>
            <a:r>
              <a:rPr lang="zh-CN" altLang="en-US" sz="1400"/>
              <a:t>流表匹配过程：</a:t>
            </a:r>
          </a:p>
        </p:txBody>
      </p:sp>
      <p:sp>
        <p:nvSpPr>
          <p:cNvPr id="47" name="矩形 46">
            <a:extLst>
              <a:ext uri="{FF2B5EF4-FFF2-40B4-BE49-F238E27FC236}">
                <a16:creationId xmlns:a16="http://schemas.microsoft.com/office/drawing/2014/main" xmlns="" id="{402175A4-F5C0-4E9C-80EC-E2F319549C26}"/>
              </a:ext>
            </a:extLst>
          </p:cNvPr>
          <p:cNvSpPr/>
          <p:nvPr/>
        </p:nvSpPr>
        <p:spPr>
          <a:xfrm>
            <a:off x="9193473" y="3509084"/>
            <a:ext cx="592462" cy="235614"/>
          </a:xfrm>
          <a:prstGeom prst="rect">
            <a:avLst/>
          </a:prstGeom>
          <a:solidFill>
            <a:schemeClr val="bg1"/>
          </a:solid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altLang="zh-CN" sz="1400" dirty="0">
                <a:solidFill>
                  <a:srgbClr val="151515"/>
                </a:solidFill>
              </a:rPr>
              <a:t>…</a:t>
            </a:r>
            <a:endParaRPr lang="zh-CN" altLang="en-US" sz="1400" dirty="0">
              <a:solidFill>
                <a:srgbClr val="151515"/>
              </a:solidFill>
            </a:endParaRPr>
          </a:p>
        </p:txBody>
      </p:sp>
      <p:cxnSp>
        <p:nvCxnSpPr>
          <p:cNvPr id="45" name="直接箭头连接符 44">
            <a:extLst>
              <a:ext uri="{FF2B5EF4-FFF2-40B4-BE49-F238E27FC236}">
                <a16:creationId xmlns:a16="http://schemas.microsoft.com/office/drawing/2014/main" xmlns="" id="{0C84F9FC-2B4D-4097-8B7B-21CC0F6D6E39}"/>
              </a:ext>
            </a:extLst>
          </p:cNvPr>
          <p:cNvCxnSpPr>
            <a:cxnSpLocks/>
          </p:cNvCxnSpPr>
          <p:nvPr/>
        </p:nvCxnSpPr>
        <p:spPr>
          <a:xfrm>
            <a:off x="7843413" y="3636246"/>
            <a:ext cx="324000" cy="0"/>
          </a:xfrm>
          <a:prstGeom prst="straightConnector1">
            <a:avLst/>
          </a:prstGeom>
          <a:ln w="25400">
            <a:solidFill>
              <a:srgbClr val="00B0F0"/>
            </a:solidFill>
            <a:tailEnd type="none"/>
          </a:ln>
        </p:spPr>
        <p:style>
          <a:lnRef idx="1">
            <a:schemeClr val="accent1"/>
          </a:lnRef>
          <a:fillRef idx="0">
            <a:schemeClr val="accent1"/>
          </a:fillRef>
          <a:effectRef idx="0">
            <a:schemeClr val="accent1"/>
          </a:effectRef>
          <a:fontRef idx="minor">
            <a:schemeClr val="tx1"/>
          </a:fontRef>
        </p:style>
      </p:cxnSp>
      <p:cxnSp>
        <p:nvCxnSpPr>
          <p:cNvPr id="48" name="直接箭头连接符 47">
            <a:extLst>
              <a:ext uri="{FF2B5EF4-FFF2-40B4-BE49-F238E27FC236}">
                <a16:creationId xmlns:a16="http://schemas.microsoft.com/office/drawing/2014/main" xmlns="" id="{0C84F9FC-2B4D-4097-8B7B-21CC0F6D6E39}"/>
              </a:ext>
            </a:extLst>
          </p:cNvPr>
          <p:cNvCxnSpPr>
            <a:cxnSpLocks/>
          </p:cNvCxnSpPr>
          <p:nvPr/>
        </p:nvCxnSpPr>
        <p:spPr>
          <a:xfrm>
            <a:off x="8869473" y="3649528"/>
            <a:ext cx="324000" cy="0"/>
          </a:xfrm>
          <a:prstGeom prst="straightConnector1">
            <a:avLst/>
          </a:prstGeom>
          <a:ln w="25400">
            <a:solidFill>
              <a:srgbClr val="00B0F0"/>
            </a:solidFill>
            <a:tailEnd type="none"/>
          </a:ln>
        </p:spPr>
        <p:style>
          <a:lnRef idx="1">
            <a:schemeClr val="accent1"/>
          </a:lnRef>
          <a:fillRef idx="0">
            <a:schemeClr val="accent1"/>
          </a:fillRef>
          <a:effectRef idx="0">
            <a:schemeClr val="accent1"/>
          </a:effectRef>
          <a:fontRef idx="minor">
            <a:schemeClr val="tx1"/>
          </a:fontRef>
        </p:style>
      </p:cxnSp>
      <p:cxnSp>
        <p:nvCxnSpPr>
          <p:cNvPr id="55" name="直接箭头连接符 54">
            <a:extLst>
              <a:ext uri="{FF2B5EF4-FFF2-40B4-BE49-F238E27FC236}">
                <a16:creationId xmlns:a16="http://schemas.microsoft.com/office/drawing/2014/main" xmlns="" id="{0C84F9FC-2B4D-4097-8B7B-21CC0F6D6E39}"/>
              </a:ext>
            </a:extLst>
          </p:cNvPr>
          <p:cNvCxnSpPr>
            <a:cxnSpLocks/>
          </p:cNvCxnSpPr>
          <p:nvPr/>
        </p:nvCxnSpPr>
        <p:spPr>
          <a:xfrm>
            <a:off x="9785935" y="3649528"/>
            <a:ext cx="324000" cy="0"/>
          </a:xfrm>
          <a:prstGeom prst="straightConnector1">
            <a:avLst/>
          </a:prstGeom>
          <a:ln w="25400">
            <a:solidFill>
              <a:srgbClr val="00B0F0"/>
            </a:solidFill>
            <a:tailEnd type="none"/>
          </a:ln>
        </p:spPr>
        <p:style>
          <a:lnRef idx="1">
            <a:schemeClr val="accent1"/>
          </a:lnRef>
          <a:fillRef idx="0">
            <a:schemeClr val="accent1"/>
          </a:fillRef>
          <a:effectRef idx="0">
            <a:schemeClr val="accent1"/>
          </a:effectRef>
          <a:fontRef idx="minor">
            <a:schemeClr val="tx1"/>
          </a:fontRef>
        </p:style>
      </p:cxnSp>
      <p:cxnSp>
        <p:nvCxnSpPr>
          <p:cNvPr id="57" name="直接箭头连接符 56">
            <a:extLst>
              <a:ext uri="{FF2B5EF4-FFF2-40B4-BE49-F238E27FC236}">
                <a16:creationId xmlns:a16="http://schemas.microsoft.com/office/drawing/2014/main" xmlns="" id="{0C84F9FC-2B4D-4097-8B7B-21CC0F6D6E39}"/>
              </a:ext>
            </a:extLst>
          </p:cNvPr>
          <p:cNvCxnSpPr>
            <a:cxnSpLocks/>
          </p:cNvCxnSpPr>
          <p:nvPr/>
        </p:nvCxnSpPr>
        <p:spPr>
          <a:xfrm>
            <a:off x="10955285" y="3649528"/>
            <a:ext cx="324000" cy="0"/>
          </a:xfrm>
          <a:prstGeom prst="straightConnector1">
            <a:avLst/>
          </a:prstGeom>
          <a:ln w="25400">
            <a:solidFill>
              <a:srgbClr val="00B0F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91480854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9D5D1D86-B34E-4F5F-B673-E9AF5B53E77A}"/>
              </a:ext>
            </a:extLst>
          </p:cNvPr>
          <p:cNvSpPr>
            <a:spLocks noGrp="1"/>
          </p:cNvSpPr>
          <p:nvPr>
            <p:ph type="title"/>
          </p:nvPr>
        </p:nvSpPr>
        <p:spPr/>
        <p:txBody>
          <a:bodyPr/>
          <a:lstStyle/>
          <a:p>
            <a:r>
              <a:rPr lang="en-US" altLang="zh-CN"/>
              <a:t>SDN</a:t>
            </a:r>
            <a:r>
              <a:rPr lang="zh-CN" altLang="en-US"/>
              <a:t>的本质诉求</a:t>
            </a:r>
          </a:p>
        </p:txBody>
      </p:sp>
      <p:sp>
        <p:nvSpPr>
          <p:cNvPr id="3" name="Content Placeholder 2">
            <a:extLst>
              <a:ext uri="{FF2B5EF4-FFF2-40B4-BE49-F238E27FC236}">
                <a16:creationId xmlns:a16="http://schemas.microsoft.com/office/drawing/2014/main" xmlns="" id="{4C093C66-9AE4-4E03-BDAF-465825666935}"/>
              </a:ext>
            </a:extLst>
          </p:cNvPr>
          <p:cNvSpPr txBox="1">
            <a:spLocks/>
          </p:cNvSpPr>
          <p:nvPr/>
        </p:nvSpPr>
        <p:spPr>
          <a:xfrm>
            <a:off x="446088" y="1233488"/>
            <a:ext cx="11299825" cy="3255385"/>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1800"/>
              <a:t>SDN</a:t>
            </a:r>
            <a:r>
              <a:rPr lang="zh-CN" altLang="en-US" sz="1800"/>
              <a:t>的本质诉求是让网络更加开放、灵活和简单。它的实现方式是为网络构建一个集中的大脑，通过全局视图集中控制，实现或业务快速部署、或流量调优、或网络业务开放等目标。</a:t>
            </a:r>
            <a:endParaRPr lang="en-US" altLang="zh-CN" sz="1800"/>
          </a:p>
          <a:p>
            <a:r>
              <a:rPr lang="en-US" altLang="zh-CN" sz="1800"/>
              <a:t>SDN</a:t>
            </a:r>
            <a:r>
              <a:rPr lang="zh-CN" altLang="en-US" sz="1800"/>
              <a:t>的价值是：</a:t>
            </a:r>
            <a:endParaRPr lang="en-US" altLang="zh-CN" sz="1800"/>
          </a:p>
          <a:p>
            <a:pPr lvl="1"/>
            <a:r>
              <a:rPr lang="zh-CN" altLang="en-US" sz="1800"/>
              <a:t>集中管理，简化网络管理与运维；</a:t>
            </a:r>
            <a:endParaRPr lang="en-US" altLang="zh-CN" sz="1800"/>
          </a:p>
          <a:p>
            <a:pPr lvl="1"/>
            <a:r>
              <a:rPr lang="zh-CN" altLang="en-US" sz="1800"/>
              <a:t>屏蔽技术细节，降低网络复杂度，降低运维成本；</a:t>
            </a:r>
            <a:endParaRPr lang="en-US" altLang="zh-CN" sz="1800"/>
          </a:p>
          <a:p>
            <a:pPr lvl="1"/>
            <a:r>
              <a:rPr lang="zh-CN" altLang="en-US" sz="1800"/>
              <a:t>自动化调优，提高网络利用率；</a:t>
            </a:r>
            <a:endParaRPr lang="en-US" altLang="zh-CN" sz="1800"/>
          </a:p>
          <a:p>
            <a:pPr lvl="1"/>
            <a:r>
              <a:rPr lang="zh-CN" altLang="en-US" sz="1800"/>
              <a:t>快速业务部署，缩短业务上线时间；</a:t>
            </a:r>
            <a:endParaRPr lang="en-US" altLang="zh-CN" sz="1800"/>
          </a:p>
          <a:p>
            <a:pPr lvl="1"/>
            <a:r>
              <a:rPr lang="zh-CN" altLang="en-US" sz="1800"/>
              <a:t>网络开放，支撑开放可编程的第三方应用。</a:t>
            </a:r>
          </a:p>
        </p:txBody>
      </p:sp>
      <p:sp>
        <p:nvSpPr>
          <p:cNvPr id="4" name="圆角矩形 75">
            <a:extLst>
              <a:ext uri="{FF2B5EF4-FFF2-40B4-BE49-F238E27FC236}">
                <a16:creationId xmlns:a16="http://schemas.microsoft.com/office/drawing/2014/main" xmlns="" id="{D86EE791-43AE-4604-A4B6-132C68E9FAE9}"/>
              </a:ext>
            </a:extLst>
          </p:cNvPr>
          <p:cNvSpPr/>
          <p:nvPr/>
        </p:nvSpPr>
        <p:spPr>
          <a:xfrm>
            <a:off x="4407725" y="5220201"/>
            <a:ext cx="3968179" cy="502787"/>
          </a:xfrm>
          <a:prstGeom prst="roundRect">
            <a:avLst>
              <a:gd name="adj" fmla="val 10604"/>
            </a:avLst>
          </a:prstGeom>
          <a:solidFill>
            <a:srgbClr val="F3FBFE"/>
          </a:solidFill>
          <a:ln>
            <a:solidFill>
              <a:srgbClr val="99DFF9"/>
            </a:solidFill>
          </a:ln>
        </p:spPr>
        <p:txBody>
          <a:bodyPr wrap="square" rtlCol="0" anchor="ctr" anchorCtr="0">
            <a:noAutofit/>
          </a:bodyPr>
          <a:lstStyle/>
          <a:p>
            <a:pPr algn="ctr" fontAlgn="auto">
              <a:spcBef>
                <a:spcPts val="0"/>
              </a:spcBef>
              <a:spcAft>
                <a:spcPts val="0"/>
              </a:spcAft>
            </a:pPr>
            <a:r>
              <a:rPr lang="en-US" altLang="zh-CN" sz="2000" b="1" dirty="0"/>
              <a:t>SDN</a:t>
            </a:r>
            <a:r>
              <a:rPr lang="zh-CN" altLang="en-US" sz="2000" b="1" dirty="0"/>
              <a:t>带来了网络架构的变革。</a:t>
            </a:r>
          </a:p>
        </p:txBody>
      </p:sp>
    </p:spTree>
    <p:extLst>
      <p:ext uri="{BB962C8B-B14F-4D97-AF65-F5344CB8AC3E}">
        <p14:creationId xmlns:p14="http://schemas.microsoft.com/office/powerpoint/2010/main" val="75241911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ctrTitle" sz="quarter"/>
          </p:nvPr>
        </p:nvSpPr>
        <p:spPr/>
        <p:txBody>
          <a:bodyPr/>
          <a:lstStyle/>
          <a:p>
            <a:r>
              <a:rPr lang="en-US" altLang="zh-CN" smtClean="0"/>
              <a:t>SDN</a:t>
            </a:r>
            <a:r>
              <a:rPr lang="zh-CN" altLang="en-US" smtClean="0"/>
              <a:t>与</a:t>
            </a:r>
            <a:r>
              <a:rPr lang="en-US" altLang="zh-CN" smtClean="0"/>
              <a:t>NFV</a:t>
            </a:r>
            <a:r>
              <a:rPr lang="zh-CN" altLang="en-US" smtClean="0"/>
              <a:t>概述</a:t>
            </a:r>
            <a:endParaRPr lang="zh-CN" altLang="en-US"/>
          </a:p>
        </p:txBody>
      </p:sp>
      <p:sp>
        <p:nvSpPr>
          <p:cNvPr id="3" name="文本占位符 2"/>
          <p:cNvSpPr>
            <a:spLocks noGrp="1"/>
          </p:cNvSpPr>
          <p:nvPr>
            <p:ph type="body" sz="quarter" idx="10"/>
          </p:nvPr>
        </p:nvSpPr>
        <p:spPr/>
        <p:txBody>
          <a:bodyPr/>
          <a:lstStyle/>
          <a:p>
            <a:endParaRPr lang="zh-CN" altLang="en-US"/>
          </a:p>
        </p:txBody>
      </p:sp>
    </p:spTree>
    <p:extLst>
      <p:ext uri="{BB962C8B-B14F-4D97-AF65-F5344CB8AC3E}">
        <p14:creationId xmlns:p14="http://schemas.microsoft.com/office/powerpoint/2010/main" val="223890432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矩形 40">
            <a:extLst>
              <a:ext uri="{FF2B5EF4-FFF2-40B4-BE49-F238E27FC236}">
                <a16:creationId xmlns:a16="http://schemas.microsoft.com/office/drawing/2014/main" xmlns="" id="{B3A48F12-D69F-4B46-8C75-7BA6C0C8428B}"/>
              </a:ext>
            </a:extLst>
          </p:cNvPr>
          <p:cNvSpPr/>
          <p:nvPr/>
        </p:nvSpPr>
        <p:spPr>
          <a:xfrm>
            <a:off x="1252983" y="3807075"/>
            <a:ext cx="9140697" cy="951668"/>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zh-CN" altLang="en-US" sz="1600" kern="0">
              <a:solidFill>
                <a:srgbClr val="1D1D1A"/>
              </a:solidFill>
              <a:latin typeface="Huawei Sans" panose="020C0503030203020204" pitchFamily="34" charset="0"/>
              <a:ea typeface="方正兰亭黑简体" panose="02000000000000000000" pitchFamily="2" charset="-122"/>
            </a:endParaRPr>
          </a:p>
        </p:txBody>
      </p:sp>
      <p:sp>
        <p:nvSpPr>
          <p:cNvPr id="40" name="矩形 39">
            <a:extLst>
              <a:ext uri="{FF2B5EF4-FFF2-40B4-BE49-F238E27FC236}">
                <a16:creationId xmlns:a16="http://schemas.microsoft.com/office/drawing/2014/main" xmlns="" id="{C2C51838-5229-4ACB-BEB0-DB62D82CBD9B}"/>
              </a:ext>
            </a:extLst>
          </p:cNvPr>
          <p:cNvSpPr/>
          <p:nvPr/>
        </p:nvSpPr>
        <p:spPr>
          <a:xfrm>
            <a:off x="1252983" y="5118100"/>
            <a:ext cx="9140697" cy="932908"/>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zh-CN" altLang="en-US" sz="1600" kern="0">
              <a:solidFill>
                <a:srgbClr val="1D1D1A"/>
              </a:solidFill>
              <a:latin typeface="Huawei Sans" panose="020C0503030203020204" pitchFamily="34" charset="0"/>
              <a:ea typeface="方正兰亭黑简体" panose="02000000000000000000" pitchFamily="2" charset="-122"/>
            </a:endParaRPr>
          </a:p>
        </p:txBody>
      </p:sp>
      <p:sp>
        <p:nvSpPr>
          <p:cNvPr id="2" name="标题 1">
            <a:extLst>
              <a:ext uri="{FF2B5EF4-FFF2-40B4-BE49-F238E27FC236}">
                <a16:creationId xmlns:a16="http://schemas.microsoft.com/office/drawing/2014/main" xmlns="" id="{652E8BB6-9A9E-4961-A5E3-2A659AC971A0}"/>
              </a:ext>
            </a:extLst>
          </p:cNvPr>
          <p:cNvSpPr>
            <a:spLocks noGrp="1"/>
          </p:cNvSpPr>
          <p:nvPr>
            <p:ph type="title"/>
          </p:nvPr>
        </p:nvSpPr>
        <p:spPr/>
        <p:txBody>
          <a:bodyPr/>
          <a:lstStyle/>
          <a:p>
            <a:r>
              <a:rPr lang="en-US" altLang="zh-CN"/>
              <a:t>SDN</a:t>
            </a:r>
            <a:r>
              <a:rPr lang="zh-CN" altLang="en-US"/>
              <a:t>网络架构</a:t>
            </a:r>
          </a:p>
        </p:txBody>
      </p:sp>
      <p:pic>
        <p:nvPicPr>
          <p:cNvPr id="3" name="图片 2">
            <a:extLst>
              <a:ext uri="{FF2B5EF4-FFF2-40B4-BE49-F238E27FC236}">
                <a16:creationId xmlns:a16="http://schemas.microsoft.com/office/drawing/2014/main" xmlns="" id="{3B8CDDA5-63DF-4EE7-B505-8033BAF90E8E}"/>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5239039" y="4000500"/>
            <a:ext cx="540000" cy="442800"/>
          </a:xfrm>
          <a:prstGeom prst="rect">
            <a:avLst/>
          </a:prstGeom>
        </p:spPr>
      </p:pic>
      <p:grpSp>
        <p:nvGrpSpPr>
          <p:cNvPr id="21" name="组合 20">
            <a:extLst>
              <a:ext uri="{FF2B5EF4-FFF2-40B4-BE49-F238E27FC236}">
                <a16:creationId xmlns:a16="http://schemas.microsoft.com/office/drawing/2014/main" xmlns="" id="{F0136E46-F74B-45B7-B481-CA82C6241038}"/>
              </a:ext>
            </a:extLst>
          </p:cNvPr>
          <p:cNvGrpSpPr/>
          <p:nvPr/>
        </p:nvGrpSpPr>
        <p:grpSpPr>
          <a:xfrm>
            <a:off x="2546237" y="5414782"/>
            <a:ext cx="5925604" cy="442800"/>
            <a:chOff x="1894208" y="5059936"/>
            <a:chExt cx="5925604" cy="442800"/>
          </a:xfrm>
        </p:grpSpPr>
        <p:pic>
          <p:nvPicPr>
            <p:cNvPr id="6" name="图片 5">
              <a:extLst>
                <a:ext uri="{FF2B5EF4-FFF2-40B4-BE49-F238E27FC236}">
                  <a16:creationId xmlns:a16="http://schemas.microsoft.com/office/drawing/2014/main" xmlns="" id="{81E880FD-D2C9-4636-8203-DF9F2EC7D4E0}"/>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1894208" y="5059936"/>
              <a:ext cx="540000" cy="442800"/>
            </a:xfrm>
            <a:prstGeom prst="rect">
              <a:avLst/>
            </a:prstGeom>
          </p:spPr>
        </p:pic>
        <p:pic>
          <p:nvPicPr>
            <p:cNvPr id="10" name="图片 9">
              <a:extLst>
                <a:ext uri="{FF2B5EF4-FFF2-40B4-BE49-F238E27FC236}">
                  <a16:creationId xmlns:a16="http://schemas.microsoft.com/office/drawing/2014/main" xmlns="" id="{A8222618-EF15-4BC6-BCEF-EB3D0E022919}"/>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3689409" y="5059936"/>
              <a:ext cx="540000" cy="442800"/>
            </a:xfrm>
            <a:prstGeom prst="rect">
              <a:avLst/>
            </a:prstGeom>
          </p:spPr>
        </p:pic>
        <p:pic>
          <p:nvPicPr>
            <p:cNvPr id="11" name="图片 10">
              <a:extLst>
                <a:ext uri="{FF2B5EF4-FFF2-40B4-BE49-F238E27FC236}">
                  <a16:creationId xmlns:a16="http://schemas.microsoft.com/office/drawing/2014/main" xmlns="" id="{5265D75E-B25C-4E5E-B104-CBF5EE50B245}"/>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5484610" y="5059936"/>
              <a:ext cx="540000" cy="442800"/>
            </a:xfrm>
            <a:prstGeom prst="rect">
              <a:avLst/>
            </a:prstGeom>
          </p:spPr>
        </p:pic>
        <p:pic>
          <p:nvPicPr>
            <p:cNvPr id="12" name="图片 11">
              <a:extLst>
                <a:ext uri="{FF2B5EF4-FFF2-40B4-BE49-F238E27FC236}">
                  <a16:creationId xmlns:a16="http://schemas.microsoft.com/office/drawing/2014/main" xmlns="" id="{C0F9AAD6-31A1-4162-9492-764C37D5202C}"/>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7279812" y="5059936"/>
              <a:ext cx="540000" cy="442800"/>
            </a:xfrm>
            <a:prstGeom prst="rect">
              <a:avLst/>
            </a:prstGeom>
          </p:spPr>
        </p:pic>
        <p:cxnSp>
          <p:nvCxnSpPr>
            <p:cNvPr id="14" name="直接连接符 13">
              <a:extLst>
                <a:ext uri="{FF2B5EF4-FFF2-40B4-BE49-F238E27FC236}">
                  <a16:creationId xmlns:a16="http://schemas.microsoft.com/office/drawing/2014/main" xmlns="" id="{FC38116D-317E-4A14-B563-27CB09AEA9C3}"/>
                </a:ext>
              </a:extLst>
            </p:cNvPr>
            <p:cNvCxnSpPr>
              <a:stCxn id="6" idx="3"/>
              <a:endCxn id="10" idx="1"/>
            </p:cNvCxnSpPr>
            <p:nvPr/>
          </p:nvCxnSpPr>
          <p:spPr>
            <a:xfrm>
              <a:off x="2434208" y="5281336"/>
              <a:ext cx="1255201"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cxnSp>
          <p:nvCxnSpPr>
            <p:cNvPr id="15" name="直接连接符 14">
              <a:extLst>
                <a:ext uri="{FF2B5EF4-FFF2-40B4-BE49-F238E27FC236}">
                  <a16:creationId xmlns:a16="http://schemas.microsoft.com/office/drawing/2014/main" xmlns="" id="{C2E69564-D6AF-48D3-B9FA-DB7CFA5BC3B7}"/>
                </a:ext>
              </a:extLst>
            </p:cNvPr>
            <p:cNvCxnSpPr>
              <a:cxnSpLocks/>
              <a:stCxn id="10" idx="3"/>
              <a:endCxn id="11" idx="1"/>
            </p:cNvCxnSpPr>
            <p:nvPr/>
          </p:nvCxnSpPr>
          <p:spPr>
            <a:xfrm>
              <a:off x="4229409" y="5281336"/>
              <a:ext cx="1255201"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cxnSp>
          <p:nvCxnSpPr>
            <p:cNvPr id="18" name="直接连接符 17">
              <a:extLst>
                <a:ext uri="{FF2B5EF4-FFF2-40B4-BE49-F238E27FC236}">
                  <a16:creationId xmlns:a16="http://schemas.microsoft.com/office/drawing/2014/main" xmlns="" id="{F1930932-68B3-4A9B-BF03-71E47221AEF8}"/>
                </a:ext>
              </a:extLst>
            </p:cNvPr>
            <p:cNvCxnSpPr>
              <a:cxnSpLocks/>
              <a:stCxn id="11" idx="3"/>
              <a:endCxn id="12" idx="1"/>
            </p:cNvCxnSpPr>
            <p:nvPr/>
          </p:nvCxnSpPr>
          <p:spPr>
            <a:xfrm>
              <a:off x="6024610" y="5281336"/>
              <a:ext cx="1255202"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grpSp>
      <p:cxnSp>
        <p:nvCxnSpPr>
          <p:cNvPr id="22" name="直接连接符 21">
            <a:extLst>
              <a:ext uri="{FF2B5EF4-FFF2-40B4-BE49-F238E27FC236}">
                <a16:creationId xmlns:a16="http://schemas.microsoft.com/office/drawing/2014/main" xmlns="" id="{C1D5E5ED-4382-45D0-9EC8-BD971E6987B1}"/>
              </a:ext>
            </a:extLst>
          </p:cNvPr>
          <p:cNvCxnSpPr>
            <a:cxnSpLocks/>
            <a:stCxn id="6" idx="0"/>
            <a:endCxn id="3" idx="2"/>
          </p:cNvCxnSpPr>
          <p:nvPr/>
        </p:nvCxnSpPr>
        <p:spPr>
          <a:xfrm flipV="1">
            <a:off x="2816237" y="4443300"/>
            <a:ext cx="2692802" cy="971482"/>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cxnSp>
        <p:nvCxnSpPr>
          <p:cNvPr id="27" name="直接连接符 26">
            <a:extLst>
              <a:ext uri="{FF2B5EF4-FFF2-40B4-BE49-F238E27FC236}">
                <a16:creationId xmlns:a16="http://schemas.microsoft.com/office/drawing/2014/main" xmlns="" id="{C85769E7-84A8-4D43-B3B9-2B451054F50C}"/>
              </a:ext>
            </a:extLst>
          </p:cNvPr>
          <p:cNvCxnSpPr>
            <a:cxnSpLocks/>
            <a:stCxn id="10" idx="0"/>
            <a:endCxn id="3" idx="2"/>
          </p:cNvCxnSpPr>
          <p:nvPr/>
        </p:nvCxnSpPr>
        <p:spPr>
          <a:xfrm flipV="1">
            <a:off x="4611438" y="4443300"/>
            <a:ext cx="897601" cy="971482"/>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cxnSp>
        <p:nvCxnSpPr>
          <p:cNvPr id="30" name="直接连接符 29">
            <a:extLst>
              <a:ext uri="{FF2B5EF4-FFF2-40B4-BE49-F238E27FC236}">
                <a16:creationId xmlns:a16="http://schemas.microsoft.com/office/drawing/2014/main" xmlns="" id="{B1906AC3-5856-41DB-9ED3-FB5E7BBA2B4A}"/>
              </a:ext>
            </a:extLst>
          </p:cNvPr>
          <p:cNvCxnSpPr>
            <a:cxnSpLocks/>
            <a:stCxn id="11" idx="0"/>
            <a:endCxn id="3" idx="2"/>
          </p:cNvCxnSpPr>
          <p:nvPr/>
        </p:nvCxnSpPr>
        <p:spPr>
          <a:xfrm flipH="1" flipV="1">
            <a:off x="5509039" y="4443300"/>
            <a:ext cx="897600" cy="971482"/>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cxnSp>
        <p:nvCxnSpPr>
          <p:cNvPr id="33" name="直接连接符 32">
            <a:extLst>
              <a:ext uri="{FF2B5EF4-FFF2-40B4-BE49-F238E27FC236}">
                <a16:creationId xmlns:a16="http://schemas.microsoft.com/office/drawing/2014/main" xmlns="" id="{2B2BB19E-3743-4405-A4C8-6C932013668C}"/>
              </a:ext>
            </a:extLst>
          </p:cNvPr>
          <p:cNvCxnSpPr>
            <a:cxnSpLocks/>
            <a:stCxn id="12" idx="0"/>
            <a:endCxn id="3" idx="2"/>
          </p:cNvCxnSpPr>
          <p:nvPr/>
        </p:nvCxnSpPr>
        <p:spPr>
          <a:xfrm flipH="1" flipV="1">
            <a:off x="5509039" y="4443300"/>
            <a:ext cx="2692802" cy="971482"/>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sp>
        <p:nvSpPr>
          <p:cNvPr id="42" name="矩形 41">
            <a:extLst>
              <a:ext uri="{FF2B5EF4-FFF2-40B4-BE49-F238E27FC236}">
                <a16:creationId xmlns:a16="http://schemas.microsoft.com/office/drawing/2014/main" xmlns="" id="{DF2A6421-F682-4A07-BF99-322006735CB4}"/>
              </a:ext>
            </a:extLst>
          </p:cNvPr>
          <p:cNvSpPr/>
          <p:nvPr/>
        </p:nvSpPr>
        <p:spPr>
          <a:xfrm>
            <a:off x="1252983" y="2343817"/>
            <a:ext cx="9140697" cy="980006"/>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zh-CN" altLang="en-US" sz="1600" kern="0">
              <a:solidFill>
                <a:srgbClr val="1D1D1A"/>
              </a:solidFill>
              <a:latin typeface="Huawei Sans" panose="020C0503030203020204" pitchFamily="34" charset="0"/>
              <a:ea typeface="方正兰亭黑简体" panose="02000000000000000000" pitchFamily="2" charset="-122"/>
            </a:endParaRPr>
          </a:p>
        </p:txBody>
      </p:sp>
      <p:sp>
        <p:nvSpPr>
          <p:cNvPr id="43" name="Rectangle 712">
            <a:extLst>
              <a:ext uri="{FF2B5EF4-FFF2-40B4-BE49-F238E27FC236}">
                <a16:creationId xmlns:a16="http://schemas.microsoft.com/office/drawing/2014/main" xmlns="" id="{FE5A04BE-8B3B-4692-8085-CAD85CA3B290}"/>
              </a:ext>
            </a:extLst>
          </p:cNvPr>
          <p:cNvSpPr/>
          <p:nvPr/>
        </p:nvSpPr>
        <p:spPr bwMode="auto">
          <a:xfrm>
            <a:off x="5012731" y="2618577"/>
            <a:ext cx="992615" cy="473933"/>
          </a:xfrm>
          <a:prstGeom prst="rect">
            <a:avLst/>
          </a:prstGeom>
          <a:solidFill>
            <a:srgbClr val="00B0F0"/>
          </a:solidFill>
          <a:ln w="9525" cap="flat" cmpd="sng" algn="ctr">
            <a:no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en-US" altLang="zh-CN" sz="1600" b="1" dirty="0">
                <a:solidFill>
                  <a:schemeClr val="bg1"/>
                </a:solidFill>
                <a:ea typeface="+mn-ea"/>
                <a:cs typeface="Huawei Sans" panose="020C0503030203020204" pitchFamily="34" charset="0"/>
              </a:rPr>
              <a:t>APP</a:t>
            </a:r>
            <a:endParaRPr lang="en-US" sz="1600" b="1" dirty="0">
              <a:solidFill>
                <a:schemeClr val="bg1"/>
              </a:solidFill>
              <a:ea typeface="+mn-ea"/>
              <a:cs typeface="Huawei Sans" panose="020C0503030203020204" pitchFamily="34" charset="0"/>
            </a:endParaRPr>
          </a:p>
        </p:txBody>
      </p:sp>
      <p:cxnSp>
        <p:nvCxnSpPr>
          <p:cNvPr id="44" name="直接连接符 43">
            <a:extLst>
              <a:ext uri="{FF2B5EF4-FFF2-40B4-BE49-F238E27FC236}">
                <a16:creationId xmlns:a16="http://schemas.microsoft.com/office/drawing/2014/main" xmlns="" id="{C63411E7-11CE-4D12-8FD3-586A43CF8D7C}"/>
              </a:ext>
            </a:extLst>
          </p:cNvPr>
          <p:cNvCxnSpPr>
            <a:cxnSpLocks/>
            <a:stCxn id="3" idx="0"/>
            <a:endCxn id="43" idx="2"/>
          </p:cNvCxnSpPr>
          <p:nvPr/>
        </p:nvCxnSpPr>
        <p:spPr>
          <a:xfrm flipV="1">
            <a:off x="5509039" y="3092510"/>
            <a:ext cx="0" cy="907990"/>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sp>
        <p:nvSpPr>
          <p:cNvPr id="47" name="文本框 46">
            <a:extLst>
              <a:ext uri="{FF2B5EF4-FFF2-40B4-BE49-F238E27FC236}">
                <a16:creationId xmlns:a16="http://schemas.microsoft.com/office/drawing/2014/main" xmlns="" id="{3390A316-B3A0-441B-9062-CFEE3408E654}"/>
              </a:ext>
            </a:extLst>
          </p:cNvPr>
          <p:cNvSpPr txBox="1"/>
          <p:nvPr/>
        </p:nvSpPr>
        <p:spPr>
          <a:xfrm>
            <a:off x="1313633" y="2591277"/>
            <a:ext cx="1210588" cy="338554"/>
          </a:xfrm>
          <a:prstGeom prst="rect">
            <a:avLst/>
          </a:prstGeom>
          <a:noFill/>
        </p:spPr>
        <p:txBody>
          <a:bodyPr wrap="none" rtlCol="0">
            <a:spAutoFit/>
          </a:bodyPr>
          <a:lstStyle/>
          <a:p>
            <a:r>
              <a:rPr lang="zh-CN" altLang="en-US" sz="1600" dirty="0"/>
              <a:t>协同应用层</a:t>
            </a:r>
          </a:p>
        </p:txBody>
      </p:sp>
      <p:sp>
        <p:nvSpPr>
          <p:cNvPr id="48" name="文本框 47">
            <a:extLst>
              <a:ext uri="{FF2B5EF4-FFF2-40B4-BE49-F238E27FC236}">
                <a16:creationId xmlns:a16="http://schemas.microsoft.com/office/drawing/2014/main" xmlns="" id="{E0CA8EE8-91B2-4D26-8EE7-D3C9AEA5C54C}"/>
              </a:ext>
            </a:extLst>
          </p:cNvPr>
          <p:cNvSpPr txBox="1"/>
          <p:nvPr/>
        </p:nvSpPr>
        <p:spPr>
          <a:xfrm>
            <a:off x="1313633" y="4119171"/>
            <a:ext cx="1005403" cy="338554"/>
          </a:xfrm>
          <a:prstGeom prst="rect">
            <a:avLst/>
          </a:prstGeom>
          <a:noFill/>
        </p:spPr>
        <p:txBody>
          <a:bodyPr wrap="none" rtlCol="0">
            <a:spAutoFit/>
          </a:bodyPr>
          <a:lstStyle/>
          <a:p>
            <a:r>
              <a:rPr lang="zh-CN" altLang="en-US" sz="1600" dirty="0"/>
              <a:t>控制器层</a:t>
            </a:r>
          </a:p>
        </p:txBody>
      </p:sp>
      <p:sp>
        <p:nvSpPr>
          <p:cNvPr id="49" name="文本框 48">
            <a:extLst>
              <a:ext uri="{FF2B5EF4-FFF2-40B4-BE49-F238E27FC236}">
                <a16:creationId xmlns:a16="http://schemas.microsoft.com/office/drawing/2014/main" xmlns="" id="{CE8B9981-F524-4012-8B5A-F66BB2CA068A}"/>
              </a:ext>
            </a:extLst>
          </p:cNvPr>
          <p:cNvSpPr txBox="1"/>
          <p:nvPr/>
        </p:nvSpPr>
        <p:spPr>
          <a:xfrm>
            <a:off x="1313633" y="5387075"/>
            <a:ext cx="800219" cy="338554"/>
          </a:xfrm>
          <a:prstGeom prst="rect">
            <a:avLst/>
          </a:prstGeom>
          <a:noFill/>
        </p:spPr>
        <p:txBody>
          <a:bodyPr wrap="none" rtlCol="0">
            <a:spAutoFit/>
          </a:bodyPr>
          <a:lstStyle/>
          <a:p>
            <a:r>
              <a:rPr lang="zh-CN" altLang="en-US" sz="1600" dirty="0"/>
              <a:t>设备层</a:t>
            </a:r>
          </a:p>
        </p:txBody>
      </p:sp>
      <p:sp>
        <p:nvSpPr>
          <p:cNvPr id="50" name="文本框 49">
            <a:extLst>
              <a:ext uri="{FF2B5EF4-FFF2-40B4-BE49-F238E27FC236}">
                <a16:creationId xmlns:a16="http://schemas.microsoft.com/office/drawing/2014/main" xmlns="" id="{4BB50338-4F2F-4CA1-9CF3-9E6DB92F39E5}"/>
              </a:ext>
            </a:extLst>
          </p:cNvPr>
          <p:cNvSpPr txBox="1"/>
          <p:nvPr/>
        </p:nvSpPr>
        <p:spPr>
          <a:xfrm>
            <a:off x="7457086" y="3380097"/>
            <a:ext cx="1343638" cy="338554"/>
          </a:xfrm>
          <a:prstGeom prst="rect">
            <a:avLst/>
          </a:prstGeom>
          <a:noFill/>
        </p:spPr>
        <p:txBody>
          <a:bodyPr wrap="none" rtlCol="0">
            <a:spAutoFit/>
          </a:bodyPr>
          <a:lstStyle/>
          <a:p>
            <a:r>
              <a:rPr lang="en-US" altLang="zh-CN" sz="1600" dirty="0"/>
              <a:t>NBI</a:t>
            </a:r>
            <a:r>
              <a:rPr lang="zh-CN" altLang="en-US" sz="1600" dirty="0"/>
              <a:t>北向接口</a:t>
            </a:r>
          </a:p>
        </p:txBody>
      </p:sp>
      <p:sp>
        <p:nvSpPr>
          <p:cNvPr id="51" name="文本框 50">
            <a:extLst>
              <a:ext uri="{FF2B5EF4-FFF2-40B4-BE49-F238E27FC236}">
                <a16:creationId xmlns:a16="http://schemas.microsoft.com/office/drawing/2014/main" xmlns="" id="{A2B031B8-3F29-44CE-BA61-7566F55D869A}"/>
              </a:ext>
            </a:extLst>
          </p:cNvPr>
          <p:cNvSpPr txBox="1"/>
          <p:nvPr/>
        </p:nvSpPr>
        <p:spPr>
          <a:xfrm>
            <a:off x="7465037" y="4748768"/>
            <a:ext cx="1295547" cy="338554"/>
          </a:xfrm>
          <a:prstGeom prst="rect">
            <a:avLst/>
          </a:prstGeom>
          <a:noFill/>
        </p:spPr>
        <p:txBody>
          <a:bodyPr wrap="none" rtlCol="0">
            <a:spAutoFit/>
          </a:bodyPr>
          <a:lstStyle/>
          <a:p>
            <a:r>
              <a:rPr lang="en-US" altLang="zh-CN" sz="1600"/>
              <a:t>SBI</a:t>
            </a:r>
            <a:r>
              <a:rPr lang="zh-CN" altLang="en-US" sz="1600"/>
              <a:t>南向接口</a:t>
            </a:r>
          </a:p>
        </p:txBody>
      </p:sp>
      <p:sp>
        <p:nvSpPr>
          <p:cNvPr id="26" name="文本框 25">
            <a:extLst>
              <a:ext uri="{FF2B5EF4-FFF2-40B4-BE49-F238E27FC236}">
                <a16:creationId xmlns:a16="http://schemas.microsoft.com/office/drawing/2014/main" xmlns="" id="{89DEAE8E-1730-4DD7-A051-764368EFF1AD}"/>
              </a:ext>
            </a:extLst>
          </p:cNvPr>
          <p:cNvSpPr txBox="1"/>
          <p:nvPr/>
        </p:nvSpPr>
        <p:spPr>
          <a:xfrm>
            <a:off x="8740556" y="5414782"/>
            <a:ext cx="1011815" cy="338554"/>
          </a:xfrm>
          <a:prstGeom prst="rect">
            <a:avLst/>
          </a:prstGeom>
          <a:solidFill>
            <a:srgbClr val="00B0F0"/>
          </a:solidFill>
        </p:spPr>
        <p:txBody>
          <a:bodyPr wrap="none" rtlCol="0">
            <a:spAutoFit/>
          </a:bodyPr>
          <a:lstStyle/>
          <a:p>
            <a:r>
              <a:rPr lang="zh-CN" altLang="en-US" sz="1600" b="1">
                <a:solidFill>
                  <a:schemeClr val="bg1"/>
                </a:solidFill>
              </a:rPr>
              <a:t>数据转发</a:t>
            </a:r>
          </a:p>
        </p:txBody>
      </p:sp>
      <p:sp>
        <p:nvSpPr>
          <p:cNvPr id="28" name="文本框 27">
            <a:extLst>
              <a:ext uri="{FF2B5EF4-FFF2-40B4-BE49-F238E27FC236}">
                <a16:creationId xmlns:a16="http://schemas.microsoft.com/office/drawing/2014/main" xmlns="" id="{952BE709-6DA4-4AC7-A3B2-F4B1D5611A89}"/>
              </a:ext>
            </a:extLst>
          </p:cNvPr>
          <p:cNvSpPr txBox="1"/>
          <p:nvPr/>
        </p:nvSpPr>
        <p:spPr>
          <a:xfrm>
            <a:off x="8740556" y="4136789"/>
            <a:ext cx="1011815" cy="338554"/>
          </a:xfrm>
          <a:prstGeom prst="rect">
            <a:avLst/>
          </a:prstGeom>
          <a:solidFill>
            <a:srgbClr val="00B0F0"/>
          </a:solidFill>
        </p:spPr>
        <p:txBody>
          <a:bodyPr wrap="none" rtlCol="0">
            <a:spAutoFit/>
          </a:bodyPr>
          <a:lstStyle/>
          <a:p>
            <a:r>
              <a:rPr lang="zh-CN" altLang="en-US" sz="1600" b="1" dirty="0">
                <a:solidFill>
                  <a:schemeClr val="bg1"/>
                </a:solidFill>
              </a:rPr>
              <a:t>业务编排</a:t>
            </a:r>
          </a:p>
        </p:txBody>
      </p:sp>
      <p:sp>
        <p:nvSpPr>
          <p:cNvPr id="29" name="文本框 28">
            <a:extLst>
              <a:ext uri="{FF2B5EF4-FFF2-40B4-BE49-F238E27FC236}">
                <a16:creationId xmlns:a16="http://schemas.microsoft.com/office/drawing/2014/main" xmlns="" id="{6C2313AE-9304-48D8-AC6E-6C4BDD18A049}"/>
              </a:ext>
            </a:extLst>
          </p:cNvPr>
          <p:cNvSpPr txBox="1"/>
          <p:nvPr/>
        </p:nvSpPr>
        <p:spPr>
          <a:xfrm>
            <a:off x="8740556" y="2655920"/>
            <a:ext cx="1011815" cy="338554"/>
          </a:xfrm>
          <a:prstGeom prst="rect">
            <a:avLst/>
          </a:prstGeom>
          <a:solidFill>
            <a:srgbClr val="00B0F0"/>
          </a:solidFill>
        </p:spPr>
        <p:txBody>
          <a:bodyPr wrap="none" rtlCol="0">
            <a:spAutoFit/>
          </a:bodyPr>
          <a:lstStyle/>
          <a:p>
            <a:r>
              <a:rPr lang="zh-CN" altLang="en-US" sz="1600" b="1" dirty="0">
                <a:solidFill>
                  <a:schemeClr val="bg1"/>
                </a:solidFill>
              </a:rPr>
              <a:t>业务协同</a:t>
            </a:r>
          </a:p>
        </p:txBody>
      </p:sp>
      <p:sp>
        <p:nvSpPr>
          <p:cNvPr id="32" name="Content Placeholder 2">
            <a:extLst>
              <a:ext uri="{FF2B5EF4-FFF2-40B4-BE49-F238E27FC236}">
                <a16:creationId xmlns:a16="http://schemas.microsoft.com/office/drawing/2014/main" xmlns="" id="{C0BFDFE1-5E3C-487D-A17C-AFCFC7BCA9A5}"/>
              </a:ext>
            </a:extLst>
          </p:cNvPr>
          <p:cNvSpPr txBox="1">
            <a:spLocks/>
          </p:cNvSpPr>
          <p:nvPr/>
        </p:nvSpPr>
        <p:spPr>
          <a:xfrm>
            <a:off x="446088" y="1233488"/>
            <a:ext cx="11299825" cy="873621"/>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1800" dirty="0"/>
              <a:t>SDN</a:t>
            </a:r>
            <a:r>
              <a:rPr lang="zh-CN" altLang="en-US" sz="1800" dirty="0"/>
              <a:t>网络架构分为协同应用层、控制器层和设备层。不同层次之间通过开放接口连接。以控制器层为主要视角，区分面向设备层的南向接口和面向协同应用层的北向接口。</a:t>
            </a:r>
            <a:r>
              <a:rPr lang="en-US" altLang="zh-CN" sz="1800" dirty="0" err="1"/>
              <a:t>OpenFlow</a:t>
            </a:r>
            <a:r>
              <a:rPr lang="zh-CN" altLang="en-US" sz="1800" dirty="0"/>
              <a:t>属于南向接口协议的一种。</a:t>
            </a:r>
            <a:endParaRPr lang="en-US" altLang="zh-CN" sz="1800" dirty="0"/>
          </a:p>
        </p:txBody>
      </p:sp>
    </p:spTree>
    <p:extLst>
      <p:ext uri="{BB962C8B-B14F-4D97-AF65-F5344CB8AC3E}">
        <p14:creationId xmlns:p14="http://schemas.microsoft.com/office/powerpoint/2010/main" val="303936811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6" name="Rectangle 9">
            <a:extLst>
              <a:ext uri="{FF2B5EF4-FFF2-40B4-BE49-F238E27FC236}">
                <a16:creationId xmlns:a16="http://schemas.microsoft.com/office/drawing/2014/main" xmlns="" id="{11CE9C91-D28C-4D5E-BB76-D855DB052313}"/>
              </a:ext>
            </a:extLst>
          </p:cNvPr>
          <p:cNvSpPr/>
          <p:nvPr/>
        </p:nvSpPr>
        <p:spPr>
          <a:xfrm>
            <a:off x="816337" y="5194812"/>
            <a:ext cx="10503666" cy="654909"/>
          </a:xfrm>
          <a:prstGeom prst="rect">
            <a:avLst/>
          </a:prstGeom>
          <a:solidFill>
            <a:srgbClr val="F3FBFE"/>
          </a:solidFill>
          <a:ln w="12700" cap="flat" cmpd="sng" algn="ctr">
            <a:solidFill>
              <a:srgbClr val="99DFF9"/>
            </a:solidFill>
            <a:prstDash val="solid"/>
          </a:ln>
          <a:effectLst/>
        </p:spPr>
        <p:txBody>
          <a:bodyPr rtlCol="0" anchor="ctr"/>
          <a:lstStyle/>
          <a:p>
            <a:pPr algn="ctr" defTabSz="457200" fontAlgn="base">
              <a:spcBef>
                <a:spcPct val="0"/>
              </a:spcBef>
              <a:spcAft>
                <a:spcPct val="0"/>
              </a:spcAft>
            </a:pPr>
            <a:endParaRPr lang="en-US" sz="1200" kern="0" dirty="0">
              <a:solidFill>
                <a:srgbClr val="FFFFFF"/>
              </a:solidFill>
              <a:ea typeface="微软雅黑" panose="020B0503020204020204" pitchFamily="34" charset="-122"/>
            </a:endParaRPr>
          </a:p>
        </p:txBody>
      </p:sp>
      <p:sp>
        <p:nvSpPr>
          <p:cNvPr id="2" name="标题 1">
            <a:extLst>
              <a:ext uri="{FF2B5EF4-FFF2-40B4-BE49-F238E27FC236}">
                <a16:creationId xmlns:a16="http://schemas.microsoft.com/office/drawing/2014/main" xmlns="" id="{3AC7CF14-11F6-4F73-91EF-F24700646205}"/>
              </a:ext>
            </a:extLst>
          </p:cNvPr>
          <p:cNvSpPr>
            <a:spLocks noGrp="1"/>
          </p:cNvSpPr>
          <p:nvPr>
            <p:ph type="title"/>
          </p:nvPr>
        </p:nvSpPr>
        <p:spPr/>
        <p:txBody>
          <a:bodyPr/>
          <a:lstStyle/>
          <a:p>
            <a:r>
              <a:rPr lang="zh-CN" altLang="en-US"/>
              <a:t>华为</a:t>
            </a:r>
            <a:r>
              <a:rPr lang="en-US" altLang="zh-CN"/>
              <a:t>SDN</a:t>
            </a:r>
            <a:r>
              <a:rPr lang="zh-CN" altLang="en-US"/>
              <a:t>网络架构</a:t>
            </a:r>
          </a:p>
        </p:txBody>
      </p:sp>
      <p:sp>
        <p:nvSpPr>
          <p:cNvPr id="3" name="矩形 2">
            <a:extLst>
              <a:ext uri="{FF2B5EF4-FFF2-40B4-BE49-F238E27FC236}">
                <a16:creationId xmlns:a16="http://schemas.microsoft.com/office/drawing/2014/main" xmlns="" id="{7AD7D211-ABB7-424E-8EB8-44091846EF88}"/>
              </a:ext>
            </a:extLst>
          </p:cNvPr>
          <p:cNvSpPr/>
          <p:nvPr/>
        </p:nvSpPr>
        <p:spPr>
          <a:xfrm>
            <a:off x="804440" y="3749315"/>
            <a:ext cx="10518761" cy="982285"/>
          </a:xfrm>
          <a:prstGeom prst="rect">
            <a:avLst/>
          </a:prstGeom>
          <a:noFill/>
          <a:ln>
            <a:solidFill>
              <a:srgbClr val="A6D2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p>
        </p:txBody>
      </p:sp>
      <p:sp>
        <p:nvSpPr>
          <p:cNvPr id="4" name="Rectangle 7">
            <a:extLst>
              <a:ext uri="{FF2B5EF4-FFF2-40B4-BE49-F238E27FC236}">
                <a16:creationId xmlns:a16="http://schemas.microsoft.com/office/drawing/2014/main" xmlns="" id="{6C0CA4DA-312A-417C-A8ED-FB316ECF6849}"/>
              </a:ext>
            </a:extLst>
          </p:cNvPr>
          <p:cNvSpPr/>
          <p:nvPr/>
        </p:nvSpPr>
        <p:spPr>
          <a:xfrm>
            <a:off x="816336" y="2129722"/>
            <a:ext cx="1291100" cy="640080"/>
          </a:xfrm>
          <a:prstGeom prst="rect">
            <a:avLst/>
          </a:prstGeom>
          <a:solidFill>
            <a:srgbClr val="F3FBFE"/>
          </a:solidFill>
          <a:ln w="12700" cap="flat" cmpd="sng" algn="ctr">
            <a:solidFill>
              <a:srgbClr val="99DFF9"/>
            </a:solidFill>
            <a:prstDash val="solid"/>
          </a:ln>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r>
              <a:rPr kumimoji="0" lang="en-US" sz="1500" b="0" i="0" u="none" strike="noStrike" kern="0" cap="none" spc="0" normalizeH="0" baseline="0" noProof="0" dirty="0">
                <a:ln>
                  <a:noFill/>
                </a:ln>
                <a:effectLst/>
                <a:uLnTx/>
                <a:uFillTx/>
              </a:rPr>
              <a:t>Network </a:t>
            </a:r>
            <a:endParaRPr lang="en-US" sz="1500" kern="0" dirty="0"/>
          </a:p>
          <a:p>
            <a:pPr marL="0" marR="0" lvl="0" indent="0" algn="ctr" defTabSz="457200" eaLnBrk="1" fontAlgn="base" latinLnBrk="0" hangingPunct="1">
              <a:lnSpc>
                <a:spcPct val="100000"/>
              </a:lnSpc>
              <a:spcBef>
                <a:spcPct val="0"/>
              </a:spcBef>
              <a:spcAft>
                <a:spcPct val="0"/>
              </a:spcAft>
              <a:buClrTx/>
              <a:buSzTx/>
              <a:buFontTx/>
              <a:buNone/>
              <a:tabLst/>
              <a:defRPr/>
            </a:pPr>
            <a:r>
              <a:rPr kumimoji="0" lang="en-US" sz="1500" b="0" i="0" u="none" strike="noStrike" kern="0" cap="none" spc="0" normalizeH="0" baseline="0" noProof="0" dirty="0">
                <a:ln>
                  <a:noFill/>
                </a:ln>
                <a:effectLst/>
                <a:uLnTx/>
                <a:uFillTx/>
              </a:rPr>
              <a:t>Application</a:t>
            </a:r>
          </a:p>
        </p:txBody>
      </p:sp>
      <p:sp>
        <p:nvSpPr>
          <p:cNvPr id="11" name="矩形 10">
            <a:extLst>
              <a:ext uri="{FF2B5EF4-FFF2-40B4-BE49-F238E27FC236}">
                <a16:creationId xmlns:a16="http://schemas.microsoft.com/office/drawing/2014/main" xmlns="" id="{2EEF94F8-064A-4D73-8DD0-E063AF0F4EAC}"/>
              </a:ext>
            </a:extLst>
          </p:cNvPr>
          <p:cNvSpPr/>
          <p:nvPr/>
        </p:nvSpPr>
        <p:spPr>
          <a:xfrm>
            <a:off x="804440" y="5882295"/>
            <a:ext cx="1312642" cy="442305"/>
          </a:xfrm>
          <a:prstGeom prst="rect">
            <a:avLst/>
          </a:prstGeom>
          <a:solidFill>
            <a:schemeClr val="bg1">
              <a:lumMod val="85000"/>
            </a:schemeClr>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600" dirty="0">
                <a:solidFill>
                  <a:schemeClr val="tx1"/>
                </a:solidFill>
              </a:rPr>
              <a:t>转发设备</a:t>
            </a:r>
          </a:p>
        </p:txBody>
      </p:sp>
      <p:sp>
        <p:nvSpPr>
          <p:cNvPr id="12" name="矩形 11">
            <a:extLst>
              <a:ext uri="{FF2B5EF4-FFF2-40B4-BE49-F238E27FC236}">
                <a16:creationId xmlns:a16="http://schemas.microsoft.com/office/drawing/2014/main" xmlns="" id="{A0E7EB6D-2314-4C60-9B68-511F7C55B139}"/>
              </a:ext>
            </a:extLst>
          </p:cNvPr>
          <p:cNvSpPr/>
          <p:nvPr/>
        </p:nvSpPr>
        <p:spPr>
          <a:xfrm>
            <a:off x="2164242" y="5882295"/>
            <a:ext cx="9155705" cy="442305"/>
          </a:xfrm>
          <a:prstGeom prst="rect">
            <a:avLst/>
          </a:prstGeom>
          <a:solidFill>
            <a:schemeClr val="bg1">
              <a:lumMod val="65000"/>
            </a:schemeClr>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dirty="0"/>
          </a:p>
        </p:txBody>
      </p:sp>
      <p:pic>
        <p:nvPicPr>
          <p:cNvPr id="13" name="图片 12">
            <a:extLst>
              <a:ext uri="{FF2B5EF4-FFF2-40B4-BE49-F238E27FC236}">
                <a16:creationId xmlns:a16="http://schemas.microsoft.com/office/drawing/2014/main" xmlns="" id="{44DA7ECD-1C18-4C68-8879-191588D2EE7A}"/>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bwMode="ltGray">
          <a:xfrm>
            <a:off x="5100803" y="5911319"/>
            <a:ext cx="307859" cy="307859"/>
          </a:xfrm>
          <a:prstGeom prst="rect">
            <a:avLst/>
          </a:prstGeom>
        </p:spPr>
      </p:pic>
      <p:sp>
        <p:nvSpPr>
          <p:cNvPr id="14" name="Freeform 13">
            <a:extLst>
              <a:ext uri="{FF2B5EF4-FFF2-40B4-BE49-F238E27FC236}">
                <a16:creationId xmlns:a16="http://schemas.microsoft.com/office/drawing/2014/main" xmlns="" id="{767FC378-79EE-4CB3-B6F4-130F3349656A}"/>
              </a:ext>
            </a:extLst>
          </p:cNvPr>
          <p:cNvSpPr>
            <a:spLocks noChangeAspect="1" noEditPoints="1"/>
          </p:cNvSpPr>
          <p:nvPr/>
        </p:nvSpPr>
        <p:spPr bwMode="ltGray">
          <a:xfrm>
            <a:off x="3576159" y="6058575"/>
            <a:ext cx="660378" cy="134819"/>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solidFill>
            <a:sysClr val="window" lastClr="FFFFFF"/>
          </a:solidFill>
          <a:ln w="9525">
            <a:noFill/>
            <a:round/>
            <a:headEnd/>
            <a:tailEnd/>
          </a:ln>
        </p:spPr>
        <p:txBody>
          <a:bodyPr lIns="89342" tIns="44671" rIns="89342" bIns="44671" anchor="ctr"/>
          <a:lstStyle/>
          <a:p>
            <a:pPr marL="0" marR="0" lvl="0" indent="0" defTabSz="669791"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noProof="0" dirty="0">
              <a:ln>
                <a:noFill/>
              </a:ln>
              <a:solidFill>
                <a:schemeClr val="bg1"/>
              </a:solidFill>
              <a:effectLst/>
              <a:uLnTx/>
              <a:uFillTx/>
              <a:ea typeface="微软雅黑" panose="020B0503020204020204" pitchFamily="34" charset="-122"/>
              <a:cs typeface="Huawei Sans" panose="020C0503030203020204" pitchFamily="34" charset="0"/>
              <a:sym typeface="Arial" panose="020B0604020202020204" pitchFamily="34" charset="0"/>
            </a:endParaRPr>
          </a:p>
        </p:txBody>
      </p:sp>
      <p:sp>
        <p:nvSpPr>
          <p:cNvPr id="15" name="矩形 14">
            <a:extLst>
              <a:ext uri="{FF2B5EF4-FFF2-40B4-BE49-F238E27FC236}">
                <a16:creationId xmlns:a16="http://schemas.microsoft.com/office/drawing/2014/main" xmlns="" id="{FAF66CB0-E805-4A4B-A463-58F6779D1A7C}"/>
              </a:ext>
            </a:extLst>
          </p:cNvPr>
          <p:cNvSpPr/>
          <p:nvPr/>
        </p:nvSpPr>
        <p:spPr bwMode="ltGray">
          <a:xfrm>
            <a:off x="4206141" y="5987484"/>
            <a:ext cx="798180" cy="307777"/>
          </a:xfrm>
          <a:prstGeom prst="rect">
            <a:avLst/>
          </a:prstGeom>
        </p:spPr>
        <p:txBody>
          <a:bodyPr wrap="square">
            <a:spAutoFit/>
          </a:bodyPr>
          <a:lstStyle/>
          <a:p>
            <a:pPr lvl="0" algn="ctr" defTabSz="457200" fontAlgn="base">
              <a:spcBef>
                <a:spcPct val="0"/>
              </a:spcBef>
              <a:spcAft>
                <a:spcPct val="0"/>
              </a:spcAft>
              <a:defRPr/>
            </a:pPr>
            <a:r>
              <a:rPr lang="en-US" altLang="zh-CN" sz="1400" kern="0" dirty="0">
                <a:solidFill>
                  <a:srgbClr val="FFFFFF"/>
                </a:solidFill>
                <a:ea typeface="微软雅黑" panose="020B0503020204020204" pitchFamily="34" charset="-122"/>
              </a:rPr>
              <a:t>Switch</a:t>
            </a:r>
          </a:p>
        </p:txBody>
      </p:sp>
      <p:sp>
        <p:nvSpPr>
          <p:cNvPr id="16" name="矩形 15">
            <a:extLst>
              <a:ext uri="{FF2B5EF4-FFF2-40B4-BE49-F238E27FC236}">
                <a16:creationId xmlns:a16="http://schemas.microsoft.com/office/drawing/2014/main" xmlns="" id="{18855332-7488-4146-9EB9-F2443BF1FED8}"/>
              </a:ext>
            </a:extLst>
          </p:cNvPr>
          <p:cNvSpPr/>
          <p:nvPr/>
        </p:nvSpPr>
        <p:spPr bwMode="ltGray">
          <a:xfrm>
            <a:off x="5296728" y="5987484"/>
            <a:ext cx="798180" cy="307777"/>
          </a:xfrm>
          <a:prstGeom prst="rect">
            <a:avLst/>
          </a:prstGeom>
        </p:spPr>
        <p:txBody>
          <a:bodyPr wrap="square">
            <a:spAutoFit/>
          </a:bodyPr>
          <a:lstStyle/>
          <a:p>
            <a:pPr lvl="0" algn="ctr" defTabSz="457200" fontAlgn="base">
              <a:spcBef>
                <a:spcPct val="0"/>
              </a:spcBef>
              <a:spcAft>
                <a:spcPct val="0"/>
              </a:spcAft>
              <a:defRPr/>
            </a:pPr>
            <a:r>
              <a:rPr lang="en-US" altLang="zh-CN" sz="1400" kern="0" dirty="0">
                <a:solidFill>
                  <a:srgbClr val="FFFFFF"/>
                </a:solidFill>
                <a:ea typeface="微软雅黑" panose="020B0503020204020204" pitchFamily="34" charset="-122"/>
              </a:rPr>
              <a:t>CPE</a:t>
            </a:r>
          </a:p>
        </p:txBody>
      </p:sp>
      <p:pic>
        <p:nvPicPr>
          <p:cNvPr id="17" name="图片 16">
            <a:extLst>
              <a:ext uri="{FF2B5EF4-FFF2-40B4-BE49-F238E27FC236}">
                <a16:creationId xmlns:a16="http://schemas.microsoft.com/office/drawing/2014/main" xmlns="" id="{3FBB14E5-1081-4AC1-8DEA-52A6268ABAB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bwMode="ltGray">
          <a:xfrm>
            <a:off x="2614186" y="5873950"/>
            <a:ext cx="406050" cy="406050"/>
          </a:xfrm>
          <a:prstGeom prst="rect">
            <a:avLst/>
          </a:prstGeom>
        </p:spPr>
      </p:pic>
      <p:sp>
        <p:nvSpPr>
          <p:cNvPr id="18" name="矩形 17">
            <a:extLst>
              <a:ext uri="{FF2B5EF4-FFF2-40B4-BE49-F238E27FC236}">
                <a16:creationId xmlns:a16="http://schemas.microsoft.com/office/drawing/2014/main" xmlns="" id="{480AF3A9-DA2C-4036-BCE9-992F2A9763D7}"/>
              </a:ext>
            </a:extLst>
          </p:cNvPr>
          <p:cNvSpPr/>
          <p:nvPr/>
        </p:nvSpPr>
        <p:spPr bwMode="ltGray">
          <a:xfrm>
            <a:off x="2723444" y="5998034"/>
            <a:ext cx="798180" cy="307777"/>
          </a:xfrm>
          <a:prstGeom prst="rect">
            <a:avLst/>
          </a:prstGeom>
        </p:spPr>
        <p:txBody>
          <a:bodyPr wrap="square">
            <a:spAutoFit/>
          </a:bodyPr>
          <a:lstStyle/>
          <a:p>
            <a:pPr lvl="0" algn="ctr" defTabSz="457200" fontAlgn="base">
              <a:spcBef>
                <a:spcPct val="0"/>
              </a:spcBef>
              <a:spcAft>
                <a:spcPct val="0"/>
              </a:spcAft>
              <a:defRPr/>
            </a:pPr>
            <a:r>
              <a:rPr lang="en-US" altLang="zh-CN" sz="1400" kern="0" dirty="0">
                <a:solidFill>
                  <a:srgbClr val="FFFFFF"/>
                </a:solidFill>
                <a:ea typeface="微软雅黑" panose="020B0503020204020204" pitchFamily="34" charset="-122"/>
              </a:rPr>
              <a:t>AP</a:t>
            </a:r>
          </a:p>
        </p:txBody>
      </p:sp>
      <p:grpSp>
        <p:nvGrpSpPr>
          <p:cNvPr id="28" name="组合 189">
            <a:extLst>
              <a:ext uri="{FF2B5EF4-FFF2-40B4-BE49-F238E27FC236}">
                <a16:creationId xmlns:a16="http://schemas.microsoft.com/office/drawing/2014/main" xmlns="" id="{78D9021A-60B9-4FB3-9CF3-FFD42FB591CC}"/>
              </a:ext>
            </a:extLst>
          </p:cNvPr>
          <p:cNvGrpSpPr/>
          <p:nvPr/>
        </p:nvGrpSpPr>
        <p:grpSpPr bwMode="ltGray">
          <a:xfrm>
            <a:off x="6707883" y="6105355"/>
            <a:ext cx="53443" cy="9270"/>
            <a:chOff x="10707167" y="1194489"/>
            <a:chExt cx="196850" cy="36513"/>
          </a:xfrm>
          <a:solidFill>
            <a:schemeClr val="bg1"/>
          </a:solidFill>
        </p:grpSpPr>
        <p:sp>
          <p:nvSpPr>
            <p:cNvPr id="36" name="Freeform 6">
              <a:extLst>
                <a:ext uri="{FF2B5EF4-FFF2-40B4-BE49-F238E27FC236}">
                  <a16:creationId xmlns:a16="http://schemas.microsoft.com/office/drawing/2014/main" xmlns="" id="{5BB64919-298D-4F5B-9F8F-0287C92565C7}"/>
                </a:ext>
              </a:extLst>
            </p:cNvPr>
            <p:cNvSpPr>
              <a:spLocks/>
            </p:cNvSpPr>
            <p:nvPr/>
          </p:nvSpPr>
          <p:spPr bwMode="ltGray">
            <a:xfrm>
              <a:off x="10707167" y="1194489"/>
              <a:ext cx="36513" cy="36513"/>
            </a:xfrm>
            <a:custGeom>
              <a:avLst/>
              <a:gdLst/>
              <a:ahLst/>
              <a:cxnLst>
                <a:cxn ang="0">
                  <a:pos x="189" y="343"/>
                </a:cxn>
                <a:cxn ang="0">
                  <a:pos x="222" y="336"/>
                </a:cxn>
                <a:cxn ang="0">
                  <a:pos x="253" y="322"/>
                </a:cxn>
                <a:cxn ang="0">
                  <a:pos x="280" y="304"/>
                </a:cxn>
                <a:cxn ang="0">
                  <a:pos x="304" y="282"/>
                </a:cxn>
                <a:cxn ang="0">
                  <a:pos x="322" y="254"/>
                </a:cxn>
                <a:cxn ang="0">
                  <a:pos x="335" y="224"/>
                </a:cxn>
                <a:cxn ang="0">
                  <a:pos x="341" y="190"/>
                </a:cxn>
                <a:cxn ang="0">
                  <a:pos x="341" y="154"/>
                </a:cxn>
                <a:cxn ang="0">
                  <a:pos x="335" y="122"/>
                </a:cxn>
                <a:cxn ang="0">
                  <a:pos x="322" y="91"/>
                </a:cxn>
                <a:cxn ang="0">
                  <a:pos x="304" y="64"/>
                </a:cxn>
                <a:cxn ang="0">
                  <a:pos x="280" y="40"/>
                </a:cxn>
                <a:cxn ang="0">
                  <a:pos x="253" y="22"/>
                </a:cxn>
                <a:cxn ang="0">
                  <a:pos x="222" y="9"/>
                </a:cxn>
                <a:cxn ang="0">
                  <a:pos x="189" y="1"/>
                </a:cxn>
                <a:cxn ang="0">
                  <a:pos x="154" y="1"/>
                </a:cxn>
                <a:cxn ang="0">
                  <a:pos x="121" y="9"/>
                </a:cxn>
                <a:cxn ang="0">
                  <a:pos x="90" y="22"/>
                </a:cxn>
                <a:cxn ang="0">
                  <a:pos x="63" y="40"/>
                </a:cxn>
                <a:cxn ang="0">
                  <a:pos x="39" y="64"/>
                </a:cxn>
                <a:cxn ang="0">
                  <a:pos x="21" y="91"/>
                </a:cxn>
                <a:cxn ang="0">
                  <a:pos x="9" y="122"/>
                </a:cxn>
                <a:cxn ang="0">
                  <a:pos x="2" y="154"/>
                </a:cxn>
                <a:cxn ang="0">
                  <a:pos x="2" y="190"/>
                </a:cxn>
                <a:cxn ang="0">
                  <a:pos x="9" y="224"/>
                </a:cxn>
                <a:cxn ang="0">
                  <a:pos x="21" y="254"/>
                </a:cxn>
                <a:cxn ang="0">
                  <a:pos x="39" y="282"/>
                </a:cxn>
                <a:cxn ang="0">
                  <a:pos x="63" y="304"/>
                </a:cxn>
                <a:cxn ang="0">
                  <a:pos x="90" y="322"/>
                </a:cxn>
                <a:cxn ang="0">
                  <a:pos x="121" y="336"/>
                </a:cxn>
                <a:cxn ang="0">
                  <a:pos x="154" y="343"/>
                </a:cxn>
              </a:cxnLst>
              <a:rect l="0" t="0" r="r" b="b"/>
              <a:pathLst>
                <a:path w="342" h="344">
                  <a:moveTo>
                    <a:pt x="171" y="344"/>
                  </a:moveTo>
                  <a:lnTo>
                    <a:pt x="189" y="343"/>
                  </a:lnTo>
                  <a:lnTo>
                    <a:pt x="206" y="340"/>
                  </a:lnTo>
                  <a:lnTo>
                    <a:pt x="222" y="336"/>
                  </a:lnTo>
                  <a:lnTo>
                    <a:pt x="238" y="331"/>
                  </a:lnTo>
                  <a:lnTo>
                    <a:pt x="253" y="322"/>
                  </a:lnTo>
                  <a:lnTo>
                    <a:pt x="267" y="314"/>
                  </a:lnTo>
                  <a:lnTo>
                    <a:pt x="280" y="304"/>
                  </a:lnTo>
                  <a:lnTo>
                    <a:pt x="292" y="293"/>
                  </a:lnTo>
                  <a:lnTo>
                    <a:pt x="304" y="282"/>
                  </a:lnTo>
                  <a:lnTo>
                    <a:pt x="313" y="268"/>
                  </a:lnTo>
                  <a:lnTo>
                    <a:pt x="322" y="254"/>
                  </a:lnTo>
                  <a:lnTo>
                    <a:pt x="329" y="239"/>
                  </a:lnTo>
                  <a:lnTo>
                    <a:pt x="335" y="224"/>
                  </a:lnTo>
                  <a:lnTo>
                    <a:pt x="339" y="206"/>
                  </a:lnTo>
                  <a:lnTo>
                    <a:pt x="341" y="190"/>
                  </a:lnTo>
                  <a:lnTo>
                    <a:pt x="342" y="173"/>
                  </a:lnTo>
                  <a:lnTo>
                    <a:pt x="341" y="154"/>
                  </a:lnTo>
                  <a:lnTo>
                    <a:pt x="339" y="138"/>
                  </a:lnTo>
                  <a:lnTo>
                    <a:pt x="335" y="122"/>
                  </a:lnTo>
                  <a:lnTo>
                    <a:pt x="329" y="105"/>
                  </a:lnTo>
                  <a:lnTo>
                    <a:pt x="322" y="91"/>
                  </a:lnTo>
                  <a:lnTo>
                    <a:pt x="313" y="77"/>
                  </a:lnTo>
                  <a:lnTo>
                    <a:pt x="304" y="64"/>
                  </a:lnTo>
                  <a:lnTo>
                    <a:pt x="292" y="51"/>
                  </a:lnTo>
                  <a:lnTo>
                    <a:pt x="280" y="40"/>
                  </a:lnTo>
                  <a:lnTo>
                    <a:pt x="267" y="30"/>
                  </a:lnTo>
                  <a:lnTo>
                    <a:pt x="253" y="22"/>
                  </a:lnTo>
                  <a:lnTo>
                    <a:pt x="238" y="15"/>
                  </a:lnTo>
                  <a:lnTo>
                    <a:pt x="222" y="9"/>
                  </a:lnTo>
                  <a:lnTo>
                    <a:pt x="206" y="4"/>
                  </a:lnTo>
                  <a:lnTo>
                    <a:pt x="189" y="1"/>
                  </a:lnTo>
                  <a:lnTo>
                    <a:pt x="171" y="0"/>
                  </a:lnTo>
                  <a:lnTo>
                    <a:pt x="154" y="1"/>
                  </a:lnTo>
                  <a:lnTo>
                    <a:pt x="137" y="4"/>
                  </a:lnTo>
                  <a:lnTo>
                    <a:pt x="121" y="9"/>
                  </a:lnTo>
                  <a:lnTo>
                    <a:pt x="105" y="15"/>
                  </a:lnTo>
                  <a:lnTo>
                    <a:pt x="90" y="22"/>
                  </a:lnTo>
                  <a:lnTo>
                    <a:pt x="76" y="30"/>
                  </a:lnTo>
                  <a:lnTo>
                    <a:pt x="63" y="40"/>
                  </a:lnTo>
                  <a:lnTo>
                    <a:pt x="50" y="51"/>
                  </a:lnTo>
                  <a:lnTo>
                    <a:pt x="39" y="64"/>
                  </a:lnTo>
                  <a:lnTo>
                    <a:pt x="30" y="77"/>
                  </a:lnTo>
                  <a:lnTo>
                    <a:pt x="21" y="91"/>
                  </a:lnTo>
                  <a:lnTo>
                    <a:pt x="14" y="105"/>
                  </a:lnTo>
                  <a:lnTo>
                    <a:pt x="9" y="122"/>
                  </a:lnTo>
                  <a:lnTo>
                    <a:pt x="4" y="138"/>
                  </a:lnTo>
                  <a:lnTo>
                    <a:pt x="2" y="154"/>
                  </a:lnTo>
                  <a:lnTo>
                    <a:pt x="0" y="173"/>
                  </a:lnTo>
                  <a:lnTo>
                    <a:pt x="2" y="190"/>
                  </a:lnTo>
                  <a:lnTo>
                    <a:pt x="4" y="206"/>
                  </a:lnTo>
                  <a:lnTo>
                    <a:pt x="9" y="224"/>
                  </a:lnTo>
                  <a:lnTo>
                    <a:pt x="14" y="239"/>
                  </a:lnTo>
                  <a:lnTo>
                    <a:pt x="21" y="254"/>
                  </a:lnTo>
                  <a:lnTo>
                    <a:pt x="30" y="268"/>
                  </a:lnTo>
                  <a:lnTo>
                    <a:pt x="39" y="282"/>
                  </a:lnTo>
                  <a:lnTo>
                    <a:pt x="50" y="293"/>
                  </a:lnTo>
                  <a:lnTo>
                    <a:pt x="63" y="304"/>
                  </a:lnTo>
                  <a:lnTo>
                    <a:pt x="76" y="314"/>
                  </a:lnTo>
                  <a:lnTo>
                    <a:pt x="90" y="322"/>
                  </a:lnTo>
                  <a:lnTo>
                    <a:pt x="105" y="331"/>
                  </a:lnTo>
                  <a:lnTo>
                    <a:pt x="121" y="336"/>
                  </a:lnTo>
                  <a:lnTo>
                    <a:pt x="137" y="340"/>
                  </a:lnTo>
                  <a:lnTo>
                    <a:pt x="154" y="343"/>
                  </a:lnTo>
                  <a:lnTo>
                    <a:pt x="171"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37" name="Freeform 7">
              <a:extLst>
                <a:ext uri="{FF2B5EF4-FFF2-40B4-BE49-F238E27FC236}">
                  <a16:creationId xmlns:a16="http://schemas.microsoft.com/office/drawing/2014/main" xmlns="" id="{185C8977-593C-4DFB-AC98-CE80DB256C88}"/>
                </a:ext>
              </a:extLst>
            </p:cNvPr>
            <p:cNvSpPr>
              <a:spLocks/>
            </p:cNvSpPr>
            <p:nvPr/>
          </p:nvSpPr>
          <p:spPr bwMode="ltGray">
            <a:xfrm>
              <a:off x="10761142" y="1194489"/>
              <a:ext cx="36513" cy="36513"/>
            </a:xfrm>
            <a:custGeom>
              <a:avLst/>
              <a:gdLst/>
              <a:ahLst/>
              <a:cxnLst>
                <a:cxn ang="0">
                  <a:pos x="189" y="343"/>
                </a:cxn>
                <a:cxn ang="0">
                  <a:pos x="222" y="336"/>
                </a:cxn>
                <a:cxn ang="0">
                  <a:pos x="253" y="322"/>
                </a:cxn>
                <a:cxn ang="0">
                  <a:pos x="280" y="304"/>
                </a:cxn>
                <a:cxn ang="0">
                  <a:pos x="303" y="282"/>
                </a:cxn>
                <a:cxn ang="0">
                  <a:pos x="321" y="254"/>
                </a:cxn>
                <a:cxn ang="0">
                  <a:pos x="335" y="224"/>
                </a:cxn>
                <a:cxn ang="0">
                  <a:pos x="342" y="190"/>
                </a:cxn>
                <a:cxn ang="0">
                  <a:pos x="342" y="154"/>
                </a:cxn>
                <a:cxn ang="0">
                  <a:pos x="335" y="122"/>
                </a:cxn>
                <a:cxn ang="0">
                  <a:pos x="321"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5" y="340"/>
                  </a:lnTo>
                  <a:lnTo>
                    <a:pt x="222" y="336"/>
                  </a:lnTo>
                  <a:lnTo>
                    <a:pt x="238" y="331"/>
                  </a:lnTo>
                  <a:lnTo>
                    <a:pt x="253" y="322"/>
                  </a:lnTo>
                  <a:lnTo>
                    <a:pt x="267" y="314"/>
                  </a:lnTo>
                  <a:lnTo>
                    <a:pt x="280" y="304"/>
                  </a:lnTo>
                  <a:lnTo>
                    <a:pt x="292" y="293"/>
                  </a:lnTo>
                  <a:lnTo>
                    <a:pt x="303" y="282"/>
                  </a:lnTo>
                  <a:lnTo>
                    <a:pt x="313" y="268"/>
                  </a:lnTo>
                  <a:lnTo>
                    <a:pt x="321" y="254"/>
                  </a:lnTo>
                  <a:lnTo>
                    <a:pt x="330" y="239"/>
                  </a:lnTo>
                  <a:lnTo>
                    <a:pt x="335" y="224"/>
                  </a:lnTo>
                  <a:lnTo>
                    <a:pt x="339" y="206"/>
                  </a:lnTo>
                  <a:lnTo>
                    <a:pt x="342" y="190"/>
                  </a:lnTo>
                  <a:lnTo>
                    <a:pt x="343" y="173"/>
                  </a:lnTo>
                  <a:lnTo>
                    <a:pt x="342" y="154"/>
                  </a:lnTo>
                  <a:lnTo>
                    <a:pt x="339" y="138"/>
                  </a:lnTo>
                  <a:lnTo>
                    <a:pt x="335" y="122"/>
                  </a:lnTo>
                  <a:lnTo>
                    <a:pt x="330" y="105"/>
                  </a:lnTo>
                  <a:lnTo>
                    <a:pt x="321" y="91"/>
                  </a:lnTo>
                  <a:lnTo>
                    <a:pt x="313" y="77"/>
                  </a:lnTo>
                  <a:lnTo>
                    <a:pt x="303" y="64"/>
                  </a:lnTo>
                  <a:lnTo>
                    <a:pt x="292" y="51"/>
                  </a:lnTo>
                  <a:lnTo>
                    <a:pt x="280" y="40"/>
                  </a:lnTo>
                  <a:lnTo>
                    <a:pt x="267" y="30"/>
                  </a:lnTo>
                  <a:lnTo>
                    <a:pt x="253" y="22"/>
                  </a:lnTo>
                  <a:lnTo>
                    <a:pt x="238" y="15"/>
                  </a:lnTo>
                  <a:lnTo>
                    <a:pt x="222" y="9"/>
                  </a:lnTo>
                  <a:lnTo>
                    <a:pt x="205"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38" name="Freeform 8">
              <a:extLst>
                <a:ext uri="{FF2B5EF4-FFF2-40B4-BE49-F238E27FC236}">
                  <a16:creationId xmlns:a16="http://schemas.microsoft.com/office/drawing/2014/main" xmlns="" id="{EF87B5FD-9F01-4425-B435-D83E96AEC8FC}"/>
                </a:ext>
              </a:extLst>
            </p:cNvPr>
            <p:cNvSpPr>
              <a:spLocks/>
            </p:cNvSpPr>
            <p:nvPr/>
          </p:nvSpPr>
          <p:spPr bwMode="ltGray">
            <a:xfrm>
              <a:off x="10813529" y="1194489"/>
              <a:ext cx="36513" cy="36513"/>
            </a:xfrm>
            <a:custGeom>
              <a:avLst/>
              <a:gdLst/>
              <a:ahLst/>
              <a:cxnLst>
                <a:cxn ang="0">
                  <a:pos x="188" y="343"/>
                </a:cxn>
                <a:cxn ang="0">
                  <a:pos x="221" y="336"/>
                </a:cxn>
                <a:cxn ang="0">
                  <a:pos x="252" y="322"/>
                </a:cxn>
                <a:cxn ang="0">
                  <a:pos x="279" y="304"/>
                </a:cxn>
                <a:cxn ang="0">
                  <a:pos x="303" y="282"/>
                </a:cxn>
                <a:cxn ang="0">
                  <a:pos x="321" y="254"/>
                </a:cxn>
                <a:cxn ang="0">
                  <a:pos x="334" y="224"/>
                </a:cxn>
                <a:cxn ang="0">
                  <a:pos x="340" y="190"/>
                </a:cxn>
                <a:cxn ang="0">
                  <a:pos x="340" y="154"/>
                </a:cxn>
                <a:cxn ang="0">
                  <a:pos x="334" y="122"/>
                </a:cxn>
                <a:cxn ang="0">
                  <a:pos x="321" y="91"/>
                </a:cxn>
                <a:cxn ang="0">
                  <a:pos x="303" y="64"/>
                </a:cxn>
                <a:cxn ang="0">
                  <a:pos x="279" y="40"/>
                </a:cxn>
                <a:cxn ang="0">
                  <a:pos x="252" y="22"/>
                </a:cxn>
                <a:cxn ang="0">
                  <a:pos x="221" y="9"/>
                </a:cxn>
                <a:cxn ang="0">
                  <a:pos x="188" y="1"/>
                </a:cxn>
                <a:cxn ang="0">
                  <a:pos x="153" y="1"/>
                </a:cxn>
                <a:cxn ang="0">
                  <a:pos x="120" y="9"/>
                </a:cxn>
                <a:cxn ang="0">
                  <a:pos x="89" y="22"/>
                </a:cxn>
                <a:cxn ang="0">
                  <a:pos x="62" y="40"/>
                </a:cxn>
                <a:cxn ang="0">
                  <a:pos x="38" y="64"/>
                </a:cxn>
                <a:cxn ang="0">
                  <a:pos x="20" y="91"/>
                </a:cxn>
                <a:cxn ang="0">
                  <a:pos x="7" y="122"/>
                </a:cxn>
                <a:cxn ang="0">
                  <a:pos x="1" y="154"/>
                </a:cxn>
                <a:cxn ang="0">
                  <a:pos x="1" y="190"/>
                </a:cxn>
                <a:cxn ang="0">
                  <a:pos x="7" y="224"/>
                </a:cxn>
                <a:cxn ang="0">
                  <a:pos x="20" y="254"/>
                </a:cxn>
                <a:cxn ang="0">
                  <a:pos x="38" y="282"/>
                </a:cxn>
                <a:cxn ang="0">
                  <a:pos x="62" y="304"/>
                </a:cxn>
                <a:cxn ang="0">
                  <a:pos x="89" y="322"/>
                </a:cxn>
                <a:cxn ang="0">
                  <a:pos x="120" y="336"/>
                </a:cxn>
                <a:cxn ang="0">
                  <a:pos x="153" y="343"/>
                </a:cxn>
              </a:cxnLst>
              <a:rect l="0" t="0" r="r" b="b"/>
              <a:pathLst>
                <a:path w="341" h="344">
                  <a:moveTo>
                    <a:pt x="170" y="344"/>
                  </a:moveTo>
                  <a:lnTo>
                    <a:pt x="188" y="343"/>
                  </a:lnTo>
                  <a:lnTo>
                    <a:pt x="205" y="340"/>
                  </a:lnTo>
                  <a:lnTo>
                    <a:pt x="221" y="336"/>
                  </a:lnTo>
                  <a:lnTo>
                    <a:pt x="237" y="331"/>
                  </a:lnTo>
                  <a:lnTo>
                    <a:pt x="252" y="322"/>
                  </a:lnTo>
                  <a:lnTo>
                    <a:pt x="266" y="314"/>
                  </a:lnTo>
                  <a:lnTo>
                    <a:pt x="279" y="304"/>
                  </a:lnTo>
                  <a:lnTo>
                    <a:pt x="291" y="293"/>
                  </a:lnTo>
                  <a:lnTo>
                    <a:pt x="303" y="282"/>
                  </a:lnTo>
                  <a:lnTo>
                    <a:pt x="312" y="268"/>
                  </a:lnTo>
                  <a:lnTo>
                    <a:pt x="321" y="254"/>
                  </a:lnTo>
                  <a:lnTo>
                    <a:pt x="328" y="239"/>
                  </a:lnTo>
                  <a:lnTo>
                    <a:pt x="334" y="224"/>
                  </a:lnTo>
                  <a:lnTo>
                    <a:pt x="338" y="206"/>
                  </a:lnTo>
                  <a:lnTo>
                    <a:pt x="340" y="190"/>
                  </a:lnTo>
                  <a:lnTo>
                    <a:pt x="341" y="173"/>
                  </a:lnTo>
                  <a:lnTo>
                    <a:pt x="340" y="154"/>
                  </a:lnTo>
                  <a:lnTo>
                    <a:pt x="338" y="138"/>
                  </a:lnTo>
                  <a:lnTo>
                    <a:pt x="334" y="122"/>
                  </a:lnTo>
                  <a:lnTo>
                    <a:pt x="328" y="105"/>
                  </a:lnTo>
                  <a:lnTo>
                    <a:pt x="321" y="91"/>
                  </a:lnTo>
                  <a:lnTo>
                    <a:pt x="312" y="77"/>
                  </a:lnTo>
                  <a:lnTo>
                    <a:pt x="303" y="64"/>
                  </a:lnTo>
                  <a:lnTo>
                    <a:pt x="291" y="51"/>
                  </a:lnTo>
                  <a:lnTo>
                    <a:pt x="279" y="40"/>
                  </a:lnTo>
                  <a:lnTo>
                    <a:pt x="266" y="30"/>
                  </a:lnTo>
                  <a:lnTo>
                    <a:pt x="252" y="22"/>
                  </a:lnTo>
                  <a:lnTo>
                    <a:pt x="237" y="15"/>
                  </a:lnTo>
                  <a:lnTo>
                    <a:pt x="221" y="9"/>
                  </a:lnTo>
                  <a:lnTo>
                    <a:pt x="205" y="4"/>
                  </a:lnTo>
                  <a:lnTo>
                    <a:pt x="188" y="1"/>
                  </a:lnTo>
                  <a:lnTo>
                    <a:pt x="170" y="0"/>
                  </a:lnTo>
                  <a:lnTo>
                    <a:pt x="153" y="1"/>
                  </a:lnTo>
                  <a:lnTo>
                    <a:pt x="136" y="4"/>
                  </a:lnTo>
                  <a:lnTo>
                    <a:pt x="120" y="9"/>
                  </a:lnTo>
                  <a:lnTo>
                    <a:pt x="104" y="15"/>
                  </a:lnTo>
                  <a:lnTo>
                    <a:pt x="89" y="22"/>
                  </a:lnTo>
                  <a:lnTo>
                    <a:pt x="75" y="30"/>
                  </a:lnTo>
                  <a:lnTo>
                    <a:pt x="62" y="40"/>
                  </a:lnTo>
                  <a:lnTo>
                    <a:pt x="49" y="51"/>
                  </a:lnTo>
                  <a:lnTo>
                    <a:pt x="38" y="64"/>
                  </a:lnTo>
                  <a:lnTo>
                    <a:pt x="29" y="77"/>
                  </a:lnTo>
                  <a:lnTo>
                    <a:pt x="20" y="91"/>
                  </a:lnTo>
                  <a:lnTo>
                    <a:pt x="13" y="105"/>
                  </a:lnTo>
                  <a:lnTo>
                    <a:pt x="7" y="122"/>
                  </a:lnTo>
                  <a:lnTo>
                    <a:pt x="3" y="138"/>
                  </a:lnTo>
                  <a:lnTo>
                    <a:pt x="1" y="154"/>
                  </a:lnTo>
                  <a:lnTo>
                    <a:pt x="0" y="173"/>
                  </a:lnTo>
                  <a:lnTo>
                    <a:pt x="1" y="190"/>
                  </a:lnTo>
                  <a:lnTo>
                    <a:pt x="3" y="206"/>
                  </a:lnTo>
                  <a:lnTo>
                    <a:pt x="7" y="224"/>
                  </a:lnTo>
                  <a:lnTo>
                    <a:pt x="13" y="239"/>
                  </a:lnTo>
                  <a:lnTo>
                    <a:pt x="20" y="254"/>
                  </a:lnTo>
                  <a:lnTo>
                    <a:pt x="29" y="268"/>
                  </a:lnTo>
                  <a:lnTo>
                    <a:pt x="38" y="282"/>
                  </a:lnTo>
                  <a:lnTo>
                    <a:pt x="49" y="293"/>
                  </a:lnTo>
                  <a:lnTo>
                    <a:pt x="62" y="304"/>
                  </a:lnTo>
                  <a:lnTo>
                    <a:pt x="75" y="314"/>
                  </a:lnTo>
                  <a:lnTo>
                    <a:pt x="89" y="322"/>
                  </a:lnTo>
                  <a:lnTo>
                    <a:pt x="104" y="331"/>
                  </a:lnTo>
                  <a:lnTo>
                    <a:pt x="120" y="336"/>
                  </a:lnTo>
                  <a:lnTo>
                    <a:pt x="136" y="340"/>
                  </a:lnTo>
                  <a:lnTo>
                    <a:pt x="153" y="343"/>
                  </a:lnTo>
                  <a:lnTo>
                    <a:pt x="170"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39" name="Freeform 9">
              <a:extLst>
                <a:ext uri="{FF2B5EF4-FFF2-40B4-BE49-F238E27FC236}">
                  <a16:creationId xmlns:a16="http://schemas.microsoft.com/office/drawing/2014/main" xmlns="" id="{27E2F33C-A10E-457B-A416-C1D2C379F877}"/>
                </a:ext>
              </a:extLst>
            </p:cNvPr>
            <p:cNvSpPr>
              <a:spLocks/>
            </p:cNvSpPr>
            <p:nvPr/>
          </p:nvSpPr>
          <p:spPr bwMode="ltGray">
            <a:xfrm>
              <a:off x="10867504" y="1194489"/>
              <a:ext cx="36513" cy="36513"/>
            </a:xfrm>
            <a:custGeom>
              <a:avLst/>
              <a:gdLst/>
              <a:ahLst/>
              <a:cxnLst>
                <a:cxn ang="0">
                  <a:pos x="189" y="343"/>
                </a:cxn>
                <a:cxn ang="0">
                  <a:pos x="222" y="336"/>
                </a:cxn>
                <a:cxn ang="0">
                  <a:pos x="253" y="322"/>
                </a:cxn>
                <a:cxn ang="0">
                  <a:pos x="280" y="304"/>
                </a:cxn>
                <a:cxn ang="0">
                  <a:pos x="303" y="282"/>
                </a:cxn>
                <a:cxn ang="0">
                  <a:pos x="322" y="254"/>
                </a:cxn>
                <a:cxn ang="0">
                  <a:pos x="335" y="224"/>
                </a:cxn>
                <a:cxn ang="0">
                  <a:pos x="342" y="190"/>
                </a:cxn>
                <a:cxn ang="0">
                  <a:pos x="342" y="154"/>
                </a:cxn>
                <a:cxn ang="0">
                  <a:pos x="335" y="122"/>
                </a:cxn>
                <a:cxn ang="0">
                  <a:pos x="322"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6" y="340"/>
                  </a:lnTo>
                  <a:lnTo>
                    <a:pt x="222" y="336"/>
                  </a:lnTo>
                  <a:lnTo>
                    <a:pt x="238" y="331"/>
                  </a:lnTo>
                  <a:lnTo>
                    <a:pt x="253" y="322"/>
                  </a:lnTo>
                  <a:lnTo>
                    <a:pt x="267" y="314"/>
                  </a:lnTo>
                  <a:lnTo>
                    <a:pt x="280" y="304"/>
                  </a:lnTo>
                  <a:lnTo>
                    <a:pt x="292" y="293"/>
                  </a:lnTo>
                  <a:lnTo>
                    <a:pt x="303" y="282"/>
                  </a:lnTo>
                  <a:lnTo>
                    <a:pt x="313" y="268"/>
                  </a:lnTo>
                  <a:lnTo>
                    <a:pt x="322" y="254"/>
                  </a:lnTo>
                  <a:lnTo>
                    <a:pt x="329" y="239"/>
                  </a:lnTo>
                  <a:lnTo>
                    <a:pt x="335" y="224"/>
                  </a:lnTo>
                  <a:lnTo>
                    <a:pt x="339" y="206"/>
                  </a:lnTo>
                  <a:lnTo>
                    <a:pt x="342" y="190"/>
                  </a:lnTo>
                  <a:lnTo>
                    <a:pt x="343" y="173"/>
                  </a:lnTo>
                  <a:lnTo>
                    <a:pt x="342" y="154"/>
                  </a:lnTo>
                  <a:lnTo>
                    <a:pt x="339" y="138"/>
                  </a:lnTo>
                  <a:lnTo>
                    <a:pt x="335" y="122"/>
                  </a:lnTo>
                  <a:lnTo>
                    <a:pt x="329" y="105"/>
                  </a:lnTo>
                  <a:lnTo>
                    <a:pt x="322" y="91"/>
                  </a:lnTo>
                  <a:lnTo>
                    <a:pt x="313" y="77"/>
                  </a:lnTo>
                  <a:lnTo>
                    <a:pt x="303" y="64"/>
                  </a:lnTo>
                  <a:lnTo>
                    <a:pt x="292" y="51"/>
                  </a:lnTo>
                  <a:lnTo>
                    <a:pt x="280" y="40"/>
                  </a:lnTo>
                  <a:lnTo>
                    <a:pt x="267" y="30"/>
                  </a:lnTo>
                  <a:lnTo>
                    <a:pt x="253" y="22"/>
                  </a:lnTo>
                  <a:lnTo>
                    <a:pt x="238" y="15"/>
                  </a:lnTo>
                  <a:lnTo>
                    <a:pt x="222" y="9"/>
                  </a:lnTo>
                  <a:lnTo>
                    <a:pt x="206"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grpSp>
      <p:grpSp>
        <p:nvGrpSpPr>
          <p:cNvPr id="29" name="组合 188">
            <a:extLst>
              <a:ext uri="{FF2B5EF4-FFF2-40B4-BE49-F238E27FC236}">
                <a16:creationId xmlns:a16="http://schemas.microsoft.com/office/drawing/2014/main" xmlns="" id="{F772E709-7AEA-4153-B2F4-902D5DE4B43C}"/>
              </a:ext>
            </a:extLst>
          </p:cNvPr>
          <p:cNvGrpSpPr/>
          <p:nvPr/>
        </p:nvGrpSpPr>
        <p:grpSpPr bwMode="ltGray">
          <a:xfrm>
            <a:off x="6707883" y="6169038"/>
            <a:ext cx="53443" cy="9270"/>
            <a:chOff x="10707167" y="1445314"/>
            <a:chExt cx="196850" cy="36513"/>
          </a:xfrm>
          <a:solidFill>
            <a:schemeClr val="bg1"/>
          </a:solidFill>
        </p:grpSpPr>
        <p:sp>
          <p:nvSpPr>
            <p:cNvPr id="32" name="Freeform 10">
              <a:extLst>
                <a:ext uri="{FF2B5EF4-FFF2-40B4-BE49-F238E27FC236}">
                  <a16:creationId xmlns:a16="http://schemas.microsoft.com/office/drawing/2014/main" xmlns="" id="{AD2DE920-CC85-43A6-9E8F-12E3B8DA74DD}"/>
                </a:ext>
              </a:extLst>
            </p:cNvPr>
            <p:cNvSpPr>
              <a:spLocks/>
            </p:cNvSpPr>
            <p:nvPr/>
          </p:nvSpPr>
          <p:spPr bwMode="ltGray">
            <a:xfrm>
              <a:off x="10707167" y="1445314"/>
              <a:ext cx="36513" cy="36513"/>
            </a:xfrm>
            <a:custGeom>
              <a:avLst/>
              <a:gdLst/>
              <a:ahLst/>
              <a:cxnLst>
                <a:cxn ang="0">
                  <a:pos x="189" y="343"/>
                </a:cxn>
                <a:cxn ang="0">
                  <a:pos x="222" y="335"/>
                </a:cxn>
                <a:cxn ang="0">
                  <a:pos x="253" y="322"/>
                </a:cxn>
                <a:cxn ang="0">
                  <a:pos x="280" y="304"/>
                </a:cxn>
                <a:cxn ang="0">
                  <a:pos x="304" y="280"/>
                </a:cxn>
                <a:cxn ang="0">
                  <a:pos x="322" y="253"/>
                </a:cxn>
                <a:cxn ang="0">
                  <a:pos x="335" y="222"/>
                </a:cxn>
                <a:cxn ang="0">
                  <a:pos x="341" y="190"/>
                </a:cxn>
                <a:cxn ang="0">
                  <a:pos x="341" y="154"/>
                </a:cxn>
                <a:cxn ang="0">
                  <a:pos x="335" y="122"/>
                </a:cxn>
                <a:cxn ang="0">
                  <a:pos x="322" y="90"/>
                </a:cxn>
                <a:cxn ang="0">
                  <a:pos x="304" y="63"/>
                </a:cxn>
                <a:cxn ang="0">
                  <a:pos x="280" y="40"/>
                </a:cxn>
                <a:cxn ang="0">
                  <a:pos x="253" y="22"/>
                </a:cxn>
                <a:cxn ang="0">
                  <a:pos x="222" y="8"/>
                </a:cxn>
                <a:cxn ang="0">
                  <a:pos x="189" y="1"/>
                </a:cxn>
                <a:cxn ang="0">
                  <a:pos x="154" y="1"/>
                </a:cxn>
                <a:cxn ang="0">
                  <a:pos x="121" y="8"/>
                </a:cxn>
                <a:cxn ang="0">
                  <a:pos x="90" y="22"/>
                </a:cxn>
                <a:cxn ang="0">
                  <a:pos x="63" y="40"/>
                </a:cxn>
                <a:cxn ang="0">
                  <a:pos x="39" y="63"/>
                </a:cxn>
                <a:cxn ang="0">
                  <a:pos x="21" y="90"/>
                </a:cxn>
                <a:cxn ang="0">
                  <a:pos x="9" y="122"/>
                </a:cxn>
                <a:cxn ang="0">
                  <a:pos x="2" y="154"/>
                </a:cxn>
                <a:cxn ang="0">
                  <a:pos x="2" y="190"/>
                </a:cxn>
                <a:cxn ang="0">
                  <a:pos x="9" y="222"/>
                </a:cxn>
                <a:cxn ang="0">
                  <a:pos x="21" y="253"/>
                </a:cxn>
                <a:cxn ang="0">
                  <a:pos x="39" y="280"/>
                </a:cxn>
                <a:cxn ang="0">
                  <a:pos x="63" y="304"/>
                </a:cxn>
                <a:cxn ang="0">
                  <a:pos x="90" y="322"/>
                </a:cxn>
                <a:cxn ang="0">
                  <a:pos x="121" y="335"/>
                </a:cxn>
                <a:cxn ang="0">
                  <a:pos x="154" y="343"/>
                </a:cxn>
              </a:cxnLst>
              <a:rect l="0" t="0" r="r" b="b"/>
              <a:pathLst>
                <a:path w="342" h="344">
                  <a:moveTo>
                    <a:pt x="171" y="344"/>
                  </a:moveTo>
                  <a:lnTo>
                    <a:pt x="189" y="343"/>
                  </a:lnTo>
                  <a:lnTo>
                    <a:pt x="206" y="340"/>
                  </a:lnTo>
                  <a:lnTo>
                    <a:pt x="222" y="335"/>
                  </a:lnTo>
                  <a:lnTo>
                    <a:pt x="238" y="329"/>
                  </a:lnTo>
                  <a:lnTo>
                    <a:pt x="253" y="322"/>
                  </a:lnTo>
                  <a:lnTo>
                    <a:pt x="267" y="314"/>
                  </a:lnTo>
                  <a:lnTo>
                    <a:pt x="280" y="304"/>
                  </a:lnTo>
                  <a:lnTo>
                    <a:pt x="292" y="293"/>
                  </a:lnTo>
                  <a:lnTo>
                    <a:pt x="304" y="280"/>
                  </a:lnTo>
                  <a:lnTo>
                    <a:pt x="313" y="267"/>
                  </a:lnTo>
                  <a:lnTo>
                    <a:pt x="322" y="253"/>
                  </a:lnTo>
                  <a:lnTo>
                    <a:pt x="329" y="239"/>
                  </a:lnTo>
                  <a:lnTo>
                    <a:pt x="335" y="222"/>
                  </a:lnTo>
                  <a:lnTo>
                    <a:pt x="339" y="206"/>
                  </a:lnTo>
                  <a:lnTo>
                    <a:pt x="341" y="190"/>
                  </a:lnTo>
                  <a:lnTo>
                    <a:pt x="342" y="171"/>
                  </a:lnTo>
                  <a:lnTo>
                    <a:pt x="341" y="154"/>
                  </a:lnTo>
                  <a:lnTo>
                    <a:pt x="339" y="138"/>
                  </a:lnTo>
                  <a:lnTo>
                    <a:pt x="335" y="122"/>
                  </a:lnTo>
                  <a:lnTo>
                    <a:pt x="329" y="105"/>
                  </a:lnTo>
                  <a:lnTo>
                    <a:pt x="322" y="90"/>
                  </a:lnTo>
                  <a:lnTo>
                    <a:pt x="313" y="76"/>
                  </a:lnTo>
                  <a:lnTo>
                    <a:pt x="304" y="63"/>
                  </a:lnTo>
                  <a:lnTo>
                    <a:pt x="292" y="51"/>
                  </a:lnTo>
                  <a:lnTo>
                    <a:pt x="280" y="40"/>
                  </a:lnTo>
                  <a:lnTo>
                    <a:pt x="267" y="30"/>
                  </a:lnTo>
                  <a:lnTo>
                    <a:pt x="253" y="22"/>
                  </a:lnTo>
                  <a:lnTo>
                    <a:pt x="238" y="13"/>
                  </a:lnTo>
                  <a:lnTo>
                    <a:pt x="222" y="8"/>
                  </a:lnTo>
                  <a:lnTo>
                    <a:pt x="206" y="4"/>
                  </a:lnTo>
                  <a:lnTo>
                    <a:pt x="189" y="1"/>
                  </a:lnTo>
                  <a:lnTo>
                    <a:pt x="171" y="0"/>
                  </a:lnTo>
                  <a:lnTo>
                    <a:pt x="154" y="1"/>
                  </a:lnTo>
                  <a:lnTo>
                    <a:pt x="137" y="4"/>
                  </a:lnTo>
                  <a:lnTo>
                    <a:pt x="121" y="8"/>
                  </a:lnTo>
                  <a:lnTo>
                    <a:pt x="105" y="13"/>
                  </a:lnTo>
                  <a:lnTo>
                    <a:pt x="90" y="22"/>
                  </a:lnTo>
                  <a:lnTo>
                    <a:pt x="76" y="30"/>
                  </a:lnTo>
                  <a:lnTo>
                    <a:pt x="63" y="40"/>
                  </a:lnTo>
                  <a:lnTo>
                    <a:pt x="50" y="51"/>
                  </a:lnTo>
                  <a:lnTo>
                    <a:pt x="39" y="63"/>
                  </a:lnTo>
                  <a:lnTo>
                    <a:pt x="30" y="76"/>
                  </a:lnTo>
                  <a:lnTo>
                    <a:pt x="21" y="90"/>
                  </a:lnTo>
                  <a:lnTo>
                    <a:pt x="14" y="105"/>
                  </a:lnTo>
                  <a:lnTo>
                    <a:pt x="9" y="122"/>
                  </a:lnTo>
                  <a:lnTo>
                    <a:pt x="4" y="138"/>
                  </a:lnTo>
                  <a:lnTo>
                    <a:pt x="2" y="154"/>
                  </a:lnTo>
                  <a:lnTo>
                    <a:pt x="0" y="171"/>
                  </a:lnTo>
                  <a:lnTo>
                    <a:pt x="2" y="190"/>
                  </a:lnTo>
                  <a:lnTo>
                    <a:pt x="4" y="206"/>
                  </a:lnTo>
                  <a:lnTo>
                    <a:pt x="9" y="222"/>
                  </a:lnTo>
                  <a:lnTo>
                    <a:pt x="14" y="239"/>
                  </a:lnTo>
                  <a:lnTo>
                    <a:pt x="21" y="253"/>
                  </a:lnTo>
                  <a:lnTo>
                    <a:pt x="30" y="267"/>
                  </a:lnTo>
                  <a:lnTo>
                    <a:pt x="39" y="280"/>
                  </a:lnTo>
                  <a:lnTo>
                    <a:pt x="50" y="293"/>
                  </a:lnTo>
                  <a:lnTo>
                    <a:pt x="63" y="304"/>
                  </a:lnTo>
                  <a:lnTo>
                    <a:pt x="76" y="314"/>
                  </a:lnTo>
                  <a:lnTo>
                    <a:pt x="90" y="322"/>
                  </a:lnTo>
                  <a:lnTo>
                    <a:pt x="105" y="329"/>
                  </a:lnTo>
                  <a:lnTo>
                    <a:pt x="121" y="335"/>
                  </a:lnTo>
                  <a:lnTo>
                    <a:pt x="137" y="340"/>
                  </a:lnTo>
                  <a:lnTo>
                    <a:pt x="154" y="343"/>
                  </a:lnTo>
                  <a:lnTo>
                    <a:pt x="171"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33" name="Freeform 11">
              <a:extLst>
                <a:ext uri="{FF2B5EF4-FFF2-40B4-BE49-F238E27FC236}">
                  <a16:creationId xmlns:a16="http://schemas.microsoft.com/office/drawing/2014/main" xmlns="" id="{FF837FE9-333F-4DAE-908F-07C6D84BFF4D}"/>
                </a:ext>
              </a:extLst>
            </p:cNvPr>
            <p:cNvSpPr>
              <a:spLocks/>
            </p:cNvSpPr>
            <p:nvPr/>
          </p:nvSpPr>
          <p:spPr bwMode="ltGray">
            <a:xfrm>
              <a:off x="10761142" y="1445314"/>
              <a:ext cx="36513" cy="36513"/>
            </a:xfrm>
            <a:custGeom>
              <a:avLst/>
              <a:gdLst/>
              <a:ahLst/>
              <a:cxnLst>
                <a:cxn ang="0">
                  <a:pos x="189" y="343"/>
                </a:cxn>
                <a:cxn ang="0">
                  <a:pos x="222" y="335"/>
                </a:cxn>
                <a:cxn ang="0">
                  <a:pos x="253" y="322"/>
                </a:cxn>
                <a:cxn ang="0">
                  <a:pos x="280" y="304"/>
                </a:cxn>
                <a:cxn ang="0">
                  <a:pos x="303" y="280"/>
                </a:cxn>
                <a:cxn ang="0">
                  <a:pos x="321" y="253"/>
                </a:cxn>
                <a:cxn ang="0">
                  <a:pos x="335" y="222"/>
                </a:cxn>
                <a:cxn ang="0">
                  <a:pos x="342" y="190"/>
                </a:cxn>
                <a:cxn ang="0">
                  <a:pos x="342" y="154"/>
                </a:cxn>
                <a:cxn ang="0">
                  <a:pos x="335" y="122"/>
                </a:cxn>
                <a:cxn ang="0">
                  <a:pos x="321"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5" y="340"/>
                  </a:lnTo>
                  <a:lnTo>
                    <a:pt x="222" y="335"/>
                  </a:lnTo>
                  <a:lnTo>
                    <a:pt x="238" y="329"/>
                  </a:lnTo>
                  <a:lnTo>
                    <a:pt x="253" y="322"/>
                  </a:lnTo>
                  <a:lnTo>
                    <a:pt x="267" y="314"/>
                  </a:lnTo>
                  <a:lnTo>
                    <a:pt x="280" y="304"/>
                  </a:lnTo>
                  <a:lnTo>
                    <a:pt x="292" y="293"/>
                  </a:lnTo>
                  <a:lnTo>
                    <a:pt x="303" y="280"/>
                  </a:lnTo>
                  <a:lnTo>
                    <a:pt x="313" y="267"/>
                  </a:lnTo>
                  <a:lnTo>
                    <a:pt x="321" y="253"/>
                  </a:lnTo>
                  <a:lnTo>
                    <a:pt x="330" y="239"/>
                  </a:lnTo>
                  <a:lnTo>
                    <a:pt x="335" y="222"/>
                  </a:lnTo>
                  <a:lnTo>
                    <a:pt x="339" y="206"/>
                  </a:lnTo>
                  <a:lnTo>
                    <a:pt x="342" y="190"/>
                  </a:lnTo>
                  <a:lnTo>
                    <a:pt x="343" y="171"/>
                  </a:lnTo>
                  <a:lnTo>
                    <a:pt x="342" y="154"/>
                  </a:lnTo>
                  <a:lnTo>
                    <a:pt x="339" y="138"/>
                  </a:lnTo>
                  <a:lnTo>
                    <a:pt x="335" y="122"/>
                  </a:lnTo>
                  <a:lnTo>
                    <a:pt x="330" y="105"/>
                  </a:lnTo>
                  <a:lnTo>
                    <a:pt x="321" y="90"/>
                  </a:lnTo>
                  <a:lnTo>
                    <a:pt x="313" y="76"/>
                  </a:lnTo>
                  <a:lnTo>
                    <a:pt x="303" y="63"/>
                  </a:lnTo>
                  <a:lnTo>
                    <a:pt x="292" y="51"/>
                  </a:lnTo>
                  <a:lnTo>
                    <a:pt x="280" y="40"/>
                  </a:lnTo>
                  <a:lnTo>
                    <a:pt x="267" y="30"/>
                  </a:lnTo>
                  <a:lnTo>
                    <a:pt x="253" y="22"/>
                  </a:lnTo>
                  <a:lnTo>
                    <a:pt x="238" y="13"/>
                  </a:lnTo>
                  <a:lnTo>
                    <a:pt x="222" y="8"/>
                  </a:lnTo>
                  <a:lnTo>
                    <a:pt x="205"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34" name="Freeform 12">
              <a:extLst>
                <a:ext uri="{FF2B5EF4-FFF2-40B4-BE49-F238E27FC236}">
                  <a16:creationId xmlns:a16="http://schemas.microsoft.com/office/drawing/2014/main" xmlns="" id="{1D4FE60F-BFB3-4344-8557-A30E11E6C347}"/>
                </a:ext>
              </a:extLst>
            </p:cNvPr>
            <p:cNvSpPr>
              <a:spLocks/>
            </p:cNvSpPr>
            <p:nvPr/>
          </p:nvSpPr>
          <p:spPr bwMode="ltGray">
            <a:xfrm>
              <a:off x="10813529" y="1445314"/>
              <a:ext cx="36513" cy="36513"/>
            </a:xfrm>
            <a:custGeom>
              <a:avLst/>
              <a:gdLst/>
              <a:ahLst/>
              <a:cxnLst>
                <a:cxn ang="0">
                  <a:pos x="188" y="343"/>
                </a:cxn>
                <a:cxn ang="0">
                  <a:pos x="221" y="335"/>
                </a:cxn>
                <a:cxn ang="0">
                  <a:pos x="252" y="322"/>
                </a:cxn>
                <a:cxn ang="0">
                  <a:pos x="279" y="304"/>
                </a:cxn>
                <a:cxn ang="0">
                  <a:pos x="303" y="280"/>
                </a:cxn>
                <a:cxn ang="0">
                  <a:pos x="321" y="253"/>
                </a:cxn>
                <a:cxn ang="0">
                  <a:pos x="334" y="222"/>
                </a:cxn>
                <a:cxn ang="0">
                  <a:pos x="340" y="190"/>
                </a:cxn>
                <a:cxn ang="0">
                  <a:pos x="340" y="154"/>
                </a:cxn>
                <a:cxn ang="0">
                  <a:pos x="334" y="122"/>
                </a:cxn>
                <a:cxn ang="0">
                  <a:pos x="321" y="90"/>
                </a:cxn>
                <a:cxn ang="0">
                  <a:pos x="303" y="63"/>
                </a:cxn>
                <a:cxn ang="0">
                  <a:pos x="279" y="40"/>
                </a:cxn>
                <a:cxn ang="0">
                  <a:pos x="252" y="22"/>
                </a:cxn>
                <a:cxn ang="0">
                  <a:pos x="221" y="8"/>
                </a:cxn>
                <a:cxn ang="0">
                  <a:pos x="188" y="1"/>
                </a:cxn>
                <a:cxn ang="0">
                  <a:pos x="153" y="1"/>
                </a:cxn>
                <a:cxn ang="0">
                  <a:pos x="120" y="8"/>
                </a:cxn>
                <a:cxn ang="0">
                  <a:pos x="89" y="22"/>
                </a:cxn>
                <a:cxn ang="0">
                  <a:pos x="62" y="40"/>
                </a:cxn>
                <a:cxn ang="0">
                  <a:pos x="38" y="63"/>
                </a:cxn>
                <a:cxn ang="0">
                  <a:pos x="20" y="90"/>
                </a:cxn>
                <a:cxn ang="0">
                  <a:pos x="7" y="122"/>
                </a:cxn>
                <a:cxn ang="0">
                  <a:pos x="1" y="154"/>
                </a:cxn>
                <a:cxn ang="0">
                  <a:pos x="1" y="190"/>
                </a:cxn>
                <a:cxn ang="0">
                  <a:pos x="7" y="222"/>
                </a:cxn>
                <a:cxn ang="0">
                  <a:pos x="20" y="253"/>
                </a:cxn>
                <a:cxn ang="0">
                  <a:pos x="38" y="280"/>
                </a:cxn>
                <a:cxn ang="0">
                  <a:pos x="62" y="304"/>
                </a:cxn>
                <a:cxn ang="0">
                  <a:pos x="89" y="322"/>
                </a:cxn>
                <a:cxn ang="0">
                  <a:pos x="120" y="335"/>
                </a:cxn>
                <a:cxn ang="0">
                  <a:pos x="153" y="343"/>
                </a:cxn>
              </a:cxnLst>
              <a:rect l="0" t="0" r="r" b="b"/>
              <a:pathLst>
                <a:path w="341" h="344">
                  <a:moveTo>
                    <a:pt x="170" y="344"/>
                  </a:moveTo>
                  <a:lnTo>
                    <a:pt x="188" y="343"/>
                  </a:lnTo>
                  <a:lnTo>
                    <a:pt x="205" y="340"/>
                  </a:lnTo>
                  <a:lnTo>
                    <a:pt x="221" y="335"/>
                  </a:lnTo>
                  <a:lnTo>
                    <a:pt x="237" y="329"/>
                  </a:lnTo>
                  <a:lnTo>
                    <a:pt x="252" y="322"/>
                  </a:lnTo>
                  <a:lnTo>
                    <a:pt x="266" y="314"/>
                  </a:lnTo>
                  <a:lnTo>
                    <a:pt x="279" y="304"/>
                  </a:lnTo>
                  <a:lnTo>
                    <a:pt x="291" y="293"/>
                  </a:lnTo>
                  <a:lnTo>
                    <a:pt x="303" y="280"/>
                  </a:lnTo>
                  <a:lnTo>
                    <a:pt x="312" y="267"/>
                  </a:lnTo>
                  <a:lnTo>
                    <a:pt x="321" y="253"/>
                  </a:lnTo>
                  <a:lnTo>
                    <a:pt x="328" y="239"/>
                  </a:lnTo>
                  <a:lnTo>
                    <a:pt x="334" y="222"/>
                  </a:lnTo>
                  <a:lnTo>
                    <a:pt x="338" y="206"/>
                  </a:lnTo>
                  <a:lnTo>
                    <a:pt x="340" y="190"/>
                  </a:lnTo>
                  <a:lnTo>
                    <a:pt x="341" y="171"/>
                  </a:lnTo>
                  <a:lnTo>
                    <a:pt x="340" y="154"/>
                  </a:lnTo>
                  <a:lnTo>
                    <a:pt x="338" y="138"/>
                  </a:lnTo>
                  <a:lnTo>
                    <a:pt x="334" y="122"/>
                  </a:lnTo>
                  <a:lnTo>
                    <a:pt x="328" y="105"/>
                  </a:lnTo>
                  <a:lnTo>
                    <a:pt x="321" y="90"/>
                  </a:lnTo>
                  <a:lnTo>
                    <a:pt x="312" y="76"/>
                  </a:lnTo>
                  <a:lnTo>
                    <a:pt x="303" y="63"/>
                  </a:lnTo>
                  <a:lnTo>
                    <a:pt x="291" y="51"/>
                  </a:lnTo>
                  <a:lnTo>
                    <a:pt x="279" y="40"/>
                  </a:lnTo>
                  <a:lnTo>
                    <a:pt x="266" y="30"/>
                  </a:lnTo>
                  <a:lnTo>
                    <a:pt x="252" y="22"/>
                  </a:lnTo>
                  <a:lnTo>
                    <a:pt x="237" y="13"/>
                  </a:lnTo>
                  <a:lnTo>
                    <a:pt x="221" y="8"/>
                  </a:lnTo>
                  <a:lnTo>
                    <a:pt x="205" y="4"/>
                  </a:lnTo>
                  <a:lnTo>
                    <a:pt x="188" y="1"/>
                  </a:lnTo>
                  <a:lnTo>
                    <a:pt x="170" y="0"/>
                  </a:lnTo>
                  <a:lnTo>
                    <a:pt x="153" y="1"/>
                  </a:lnTo>
                  <a:lnTo>
                    <a:pt x="136" y="4"/>
                  </a:lnTo>
                  <a:lnTo>
                    <a:pt x="120" y="8"/>
                  </a:lnTo>
                  <a:lnTo>
                    <a:pt x="104" y="13"/>
                  </a:lnTo>
                  <a:lnTo>
                    <a:pt x="89" y="22"/>
                  </a:lnTo>
                  <a:lnTo>
                    <a:pt x="75" y="30"/>
                  </a:lnTo>
                  <a:lnTo>
                    <a:pt x="62" y="40"/>
                  </a:lnTo>
                  <a:lnTo>
                    <a:pt x="49" y="51"/>
                  </a:lnTo>
                  <a:lnTo>
                    <a:pt x="38" y="63"/>
                  </a:lnTo>
                  <a:lnTo>
                    <a:pt x="29" y="76"/>
                  </a:lnTo>
                  <a:lnTo>
                    <a:pt x="20" y="90"/>
                  </a:lnTo>
                  <a:lnTo>
                    <a:pt x="13" y="105"/>
                  </a:lnTo>
                  <a:lnTo>
                    <a:pt x="7" y="122"/>
                  </a:lnTo>
                  <a:lnTo>
                    <a:pt x="3" y="138"/>
                  </a:lnTo>
                  <a:lnTo>
                    <a:pt x="1" y="154"/>
                  </a:lnTo>
                  <a:lnTo>
                    <a:pt x="0" y="171"/>
                  </a:lnTo>
                  <a:lnTo>
                    <a:pt x="1" y="190"/>
                  </a:lnTo>
                  <a:lnTo>
                    <a:pt x="3" y="206"/>
                  </a:lnTo>
                  <a:lnTo>
                    <a:pt x="7" y="222"/>
                  </a:lnTo>
                  <a:lnTo>
                    <a:pt x="13" y="239"/>
                  </a:lnTo>
                  <a:lnTo>
                    <a:pt x="20" y="253"/>
                  </a:lnTo>
                  <a:lnTo>
                    <a:pt x="29" y="267"/>
                  </a:lnTo>
                  <a:lnTo>
                    <a:pt x="38" y="280"/>
                  </a:lnTo>
                  <a:lnTo>
                    <a:pt x="49" y="293"/>
                  </a:lnTo>
                  <a:lnTo>
                    <a:pt x="62" y="304"/>
                  </a:lnTo>
                  <a:lnTo>
                    <a:pt x="75" y="314"/>
                  </a:lnTo>
                  <a:lnTo>
                    <a:pt x="89" y="322"/>
                  </a:lnTo>
                  <a:lnTo>
                    <a:pt x="104" y="329"/>
                  </a:lnTo>
                  <a:lnTo>
                    <a:pt x="120" y="335"/>
                  </a:lnTo>
                  <a:lnTo>
                    <a:pt x="136" y="340"/>
                  </a:lnTo>
                  <a:lnTo>
                    <a:pt x="153" y="343"/>
                  </a:lnTo>
                  <a:lnTo>
                    <a:pt x="170"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35" name="Freeform 13">
              <a:extLst>
                <a:ext uri="{FF2B5EF4-FFF2-40B4-BE49-F238E27FC236}">
                  <a16:creationId xmlns:a16="http://schemas.microsoft.com/office/drawing/2014/main" xmlns="" id="{310B1168-F98D-4FFD-8C1A-0F6839FD3F39}"/>
                </a:ext>
              </a:extLst>
            </p:cNvPr>
            <p:cNvSpPr>
              <a:spLocks/>
            </p:cNvSpPr>
            <p:nvPr/>
          </p:nvSpPr>
          <p:spPr bwMode="ltGray">
            <a:xfrm>
              <a:off x="10867504" y="1445314"/>
              <a:ext cx="36513" cy="36513"/>
            </a:xfrm>
            <a:custGeom>
              <a:avLst/>
              <a:gdLst/>
              <a:ahLst/>
              <a:cxnLst>
                <a:cxn ang="0">
                  <a:pos x="189" y="343"/>
                </a:cxn>
                <a:cxn ang="0">
                  <a:pos x="222" y="335"/>
                </a:cxn>
                <a:cxn ang="0">
                  <a:pos x="253" y="322"/>
                </a:cxn>
                <a:cxn ang="0">
                  <a:pos x="280" y="304"/>
                </a:cxn>
                <a:cxn ang="0">
                  <a:pos x="303" y="280"/>
                </a:cxn>
                <a:cxn ang="0">
                  <a:pos x="322" y="253"/>
                </a:cxn>
                <a:cxn ang="0">
                  <a:pos x="335" y="222"/>
                </a:cxn>
                <a:cxn ang="0">
                  <a:pos x="342" y="190"/>
                </a:cxn>
                <a:cxn ang="0">
                  <a:pos x="342" y="154"/>
                </a:cxn>
                <a:cxn ang="0">
                  <a:pos x="335" y="122"/>
                </a:cxn>
                <a:cxn ang="0">
                  <a:pos x="322"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6" y="340"/>
                  </a:lnTo>
                  <a:lnTo>
                    <a:pt x="222" y="335"/>
                  </a:lnTo>
                  <a:lnTo>
                    <a:pt x="238" y="329"/>
                  </a:lnTo>
                  <a:lnTo>
                    <a:pt x="253" y="322"/>
                  </a:lnTo>
                  <a:lnTo>
                    <a:pt x="267" y="314"/>
                  </a:lnTo>
                  <a:lnTo>
                    <a:pt x="280" y="304"/>
                  </a:lnTo>
                  <a:lnTo>
                    <a:pt x="292" y="293"/>
                  </a:lnTo>
                  <a:lnTo>
                    <a:pt x="303" y="280"/>
                  </a:lnTo>
                  <a:lnTo>
                    <a:pt x="313" y="267"/>
                  </a:lnTo>
                  <a:lnTo>
                    <a:pt x="322" y="253"/>
                  </a:lnTo>
                  <a:lnTo>
                    <a:pt x="329" y="239"/>
                  </a:lnTo>
                  <a:lnTo>
                    <a:pt x="335" y="222"/>
                  </a:lnTo>
                  <a:lnTo>
                    <a:pt x="339" y="206"/>
                  </a:lnTo>
                  <a:lnTo>
                    <a:pt x="342" y="190"/>
                  </a:lnTo>
                  <a:lnTo>
                    <a:pt x="343" y="171"/>
                  </a:lnTo>
                  <a:lnTo>
                    <a:pt x="342" y="154"/>
                  </a:lnTo>
                  <a:lnTo>
                    <a:pt x="339" y="138"/>
                  </a:lnTo>
                  <a:lnTo>
                    <a:pt x="335" y="122"/>
                  </a:lnTo>
                  <a:lnTo>
                    <a:pt x="329" y="105"/>
                  </a:lnTo>
                  <a:lnTo>
                    <a:pt x="322" y="90"/>
                  </a:lnTo>
                  <a:lnTo>
                    <a:pt x="313" y="76"/>
                  </a:lnTo>
                  <a:lnTo>
                    <a:pt x="303" y="63"/>
                  </a:lnTo>
                  <a:lnTo>
                    <a:pt x="292" y="51"/>
                  </a:lnTo>
                  <a:lnTo>
                    <a:pt x="280" y="40"/>
                  </a:lnTo>
                  <a:lnTo>
                    <a:pt x="267" y="30"/>
                  </a:lnTo>
                  <a:lnTo>
                    <a:pt x="253" y="22"/>
                  </a:lnTo>
                  <a:lnTo>
                    <a:pt x="238" y="13"/>
                  </a:lnTo>
                  <a:lnTo>
                    <a:pt x="222" y="8"/>
                  </a:lnTo>
                  <a:lnTo>
                    <a:pt x="206"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grpSp>
      <p:sp>
        <p:nvSpPr>
          <p:cNvPr id="30" name="Freeform 14">
            <a:extLst>
              <a:ext uri="{FF2B5EF4-FFF2-40B4-BE49-F238E27FC236}">
                <a16:creationId xmlns:a16="http://schemas.microsoft.com/office/drawing/2014/main" xmlns="" id="{C10AAB72-FB44-4A1B-B0E0-2E6D34C60A0B}"/>
              </a:ext>
            </a:extLst>
          </p:cNvPr>
          <p:cNvSpPr>
            <a:spLocks noEditPoints="1"/>
          </p:cNvSpPr>
          <p:nvPr/>
        </p:nvSpPr>
        <p:spPr bwMode="ltGray">
          <a:xfrm>
            <a:off x="6368691" y="6064678"/>
            <a:ext cx="467629" cy="66101"/>
          </a:xfrm>
          <a:custGeom>
            <a:avLst/>
            <a:gdLst/>
            <a:ahLst/>
            <a:cxnLst>
              <a:cxn ang="0">
                <a:pos x="15920" y="15"/>
              </a:cxn>
              <a:cxn ang="0">
                <a:pos x="16066" y="82"/>
              </a:cxn>
              <a:cxn ang="0">
                <a:pos x="16180" y="191"/>
              </a:cxn>
              <a:cxn ang="0">
                <a:pos x="16254" y="333"/>
              </a:cxn>
              <a:cxn ang="0">
                <a:pos x="16275" y="1979"/>
              </a:cxn>
              <a:cxn ang="0">
                <a:pos x="16247" y="2142"/>
              </a:cxn>
              <a:cxn ang="0">
                <a:pos x="16166" y="2279"/>
              </a:cxn>
              <a:cxn ang="0">
                <a:pos x="16047" y="2384"/>
              </a:cxn>
              <a:cxn ang="0">
                <a:pos x="15897" y="2443"/>
              </a:cxn>
              <a:cxn ang="0">
                <a:pos x="425" y="2450"/>
              </a:cxn>
              <a:cxn ang="0">
                <a:pos x="269" y="2406"/>
              </a:cxn>
              <a:cxn ang="0">
                <a:pos x="139" y="2313"/>
              </a:cxn>
              <a:cxn ang="0">
                <a:pos x="47" y="2184"/>
              </a:cxn>
              <a:cxn ang="0">
                <a:pos x="2" y="2027"/>
              </a:cxn>
              <a:cxn ang="0">
                <a:pos x="9" y="379"/>
              </a:cxn>
              <a:cxn ang="0">
                <a:pos x="68" y="228"/>
              </a:cxn>
              <a:cxn ang="0">
                <a:pos x="173" y="109"/>
              </a:cxn>
              <a:cxn ang="0">
                <a:pos x="310" y="29"/>
              </a:cxn>
              <a:cxn ang="0">
                <a:pos x="473" y="0"/>
              </a:cxn>
              <a:cxn ang="0">
                <a:pos x="3118" y="686"/>
              </a:cxn>
              <a:cxn ang="0">
                <a:pos x="3301" y="780"/>
              </a:cxn>
              <a:cxn ang="0">
                <a:pos x="3442" y="928"/>
              </a:cxn>
              <a:cxn ang="0">
                <a:pos x="3528" y="1118"/>
              </a:cxn>
              <a:cxn ang="0">
                <a:pos x="3544" y="1333"/>
              </a:cxn>
              <a:cxn ang="0">
                <a:pos x="3487" y="1535"/>
              </a:cxn>
              <a:cxn ang="0">
                <a:pos x="3368" y="1703"/>
              </a:cxn>
              <a:cxn ang="0">
                <a:pos x="3200" y="1822"/>
              </a:cxn>
              <a:cxn ang="0">
                <a:pos x="2999" y="1879"/>
              </a:cxn>
              <a:cxn ang="0">
                <a:pos x="2784" y="1863"/>
              </a:cxn>
              <a:cxn ang="0">
                <a:pos x="2595" y="1778"/>
              </a:cxn>
              <a:cxn ang="0">
                <a:pos x="2446" y="1636"/>
              </a:cxn>
              <a:cxn ang="0">
                <a:pos x="2353" y="1452"/>
              </a:cxn>
              <a:cxn ang="0">
                <a:pos x="2326" y="1239"/>
              </a:cxn>
              <a:cxn ang="0">
                <a:pos x="2373" y="1032"/>
              </a:cxn>
              <a:cxn ang="0">
                <a:pos x="2484" y="859"/>
              </a:cxn>
              <a:cxn ang="0">
                <a:pos x="2646" y="733"/>
              </a:cxn>
              <a:cxn ang="0">
                <a:pos x="2843" y="665"/>
              </a:cxn>
              <a:cxn ang="0">
                <a:pos x="14482" y="476"/>
              </a:cxn>
              <a:cxn ang="0">
                <a:pos x="14578" y="503"/>
              </a:cxn>
              <a:cxn ang="0">
                <a:pos x="14659" y="560"/>
              </a:cxn>
              <a:cxn ang="0">
                <a:pos x="14716" y="640"/>
              </a:cxn>
              <a:cxn ang="0">
                <a:pos x="14743" y="737"/>
              </a:cxn>
              <a:cxn ang="0">
                <a:pos x="14739" y="1758"/>
              </a:cxn>
              <a:cxn ang="0">
                <a:pos x="14702" y="1850"/>
              </a:cxn>
              <a:cxn ang="0">
                <a:pos x="14638" y="1925"/>
              </a:cxn>
              <a:cxn ang="0">
                <a:pos x="14553" y="1974"/>
              </a:cxn>
              <a:cxn ang="0">
                <a:pos x="14452" y="1991"/>
              </a:cxn>
              <a:cxn ang="0">
                <a:pos x="7495" y="1979"/>
              </a:cxn>
              <a:cxn ang="0">
                <a:pos x="7407" y="1933"/>
              </a:cxn>
              <a:cxn ang="0">
                <a:pos x="7339" y="1862"/>
              </a:cxn>
              <a:cxn ang="0">
                <a:pos x="7298" y="1772"/>
              </a:cxn>
              <a:cxn ang="0">
                <a:pos x="7289" y="752"/>
              </a:cxn>
              <a:cxn ang="0">
                <a:pos x="7312" y="653"/>
              </a:cxn>
              <a:cxn ang="0">
                <a:pos x="7365" y="571"/>
              </a:cxn>
              <a:cxn ang="0">
                <a:pos x="7443" y="509"/>
              </a:cxn>
              <a:cxn ang="0">
                <a:pos x="7537" y="477"/>
              </a:cxn>
            </a:cxnLst>
            <a:rect l="0" t="0" r="r" b="b"/>
            <a:pathLst>
              <a:path w="16275" h="2453">
                <a:moveTo>
                  <a:pt x="473" y="0"/>
                </a:moveTo>
                <a:lnTo>
                  <a:pt x="15802" y="0"/>
                </a:lnTo>
                <a:lnTo>
                  <a:pt x="15826" y="1"/>
                </a:lnTo>
                <a:lnTo>
                  <a:pt x="15850" y="2"/>
                </a:lnTo>
                <a:lnTo>
                  <a:pt x="15874" y="5"/>
                </a:lnTo>
                <a:lnTo>
                  <a:pt x="15897" y="10"/>
                </a:lnTo>
                <a:lnTo>
                  <a:pt x="15920" y="15"/>
                </a:lnTo>
                <a:lnTo>
                  <a:pt x="15942" y="21"/>
                </a:lnTo>
                <a:lnTo>
                  <a:pt x="15964" y="29"/>
                </a:lnTo>
                <a:lnTo>
                  <a:pt x="15986" y="38"/>
                </a:lnTo>
                <a:lnTo>
                  <a:pt x="16006" y="47"/>
                </a:lnTo>
                <a:lnTo>
                  <a:pt x="16027" y="57"/>
                </a:lnTo>
                <a:lnTo>
                  <a:pt x="16047" y="69"/>
                </a:lnTo>
                <a:lnTo>
                  <a:pt x="16066" y="82"/>
                </a:lnTo>
                <a:lnTo>
                  <a:pt x="16085" y="95"/>
                </a:lnTo>
                <a:lnTo>
                  <a:pt x="16102" y="109"/>
                </a:lnTo>
                <a:lnTo>
                  <a:pt x="16119" y="123"/>
                </a:lnTo>
                <a:lnTo>
                  <a:pt x="16136" y="140"/>
                </a:lnTo>
                <a:lnTo>
                  <a:pt x="16152" y="156"/>
                </a:lnTo>
                <a:lnTo>
                  <a:pt x="16166" y="173"/>
                </a:lnTo>
                <a:lnTo>
                  <a:pt x="16180" y="191"/>
                </a:lnTo>
                <a:lnTo>
                  <a:pt x="16194" y="210"/>
                </a:lnTo>
                <a:lnTo>
                  <a:pt x="16206" y="228"/>
                </a:lnTo>
                <a:lnTo>
                  <a:pt x="16218" y="249"/>
                </a:lnTo>
                <a:lnTo>
                  <a:pt x="16228" y="269"/>
                </a:lnTo>
                <a:lnTo>
                  <a:pt x="16237" y="289"/>
                </a:lnTo>
                <a:lnTo>
                  <a:pt x="16247" y="312"/>
                </a:lnTo>
                <a:lnTo>
                  <a:pt x="16254" y="333"/>
                </a:lnTo>
                <a:lnTo>
                  <a:pt x="16260" y="356"/>
                </a:lnTo>
                <a:lnTo>
                  <a:pt x="16265" y="379"/>
                </a:lnTo>
                <a:lnTo>
                  <a:pt x="16270" y="401"/>
                </a:lnTo>
                <a:lnTo>
                  <a:pt x="16273" y="426"/>
                </a:lnTo>
                <a:lnTo>
                  <a:pt x="16274" y="449"/>
                </a:lnTo>
                <a:lnTo>
                  <a:pt x="16275" y="474"/>
                </a:lnTo>
                <a:lnTo>
                  <a:pt x="16275" y="1979"/>
                </a:lnTo>
                <a:lnTo>
                  <a:pt x="16274" y="2003"/>
                </a:lnTo>
                <a:lnTo>
                  <a:pt x="16273" y="2027"/>
                </a:lnTo>
                <a:lnTo>
                  <a:pt x="16270" y="2051"/>
                </a:lnTo>
                <a:lnTo>
                  <a:pt x="16265" y="2073"/>
                </a:lnTo>
                <a:lnTo>
                  <a:pt x="16260" y="2097"/>
                </a:lnTo>
                <a:lnTo>
                  <a:pt x="16254" y="2119"/>
                </a:lnTo>
                <a:lnTo>
                  <a:pt x="16247" y="2142"/>
                </a:lnTo>
                <a:lnTo>
                  <a:pt x="16237" y="2163"/>
                </a:lnTo>
                <a:lnTo>
                  <a:pt x="16228" y="2184"/>
                </a:lnTo>
                <a:lnTo>
                  <a:pt x="16218" y="2204"/>
                </a:lnTo>
                <a:lnTo>
                  <a:pt x="16206" y="2224"/>
                </a:lnTo>
                <a:lnTo>
                  <a:pt x="16194" y="2244"/>
                </a:lnTo>
                <a:lnTo>
                  <a:pt x="16180" y="2262"/>
                </a:lnTo>
                <a:lnTo>
                  <a:pt x="16166" y="2279"/>
                </a:lnTo>
                <a:lnTo>
                  <a:pt x="16152" y="2297"/>
                </a:lnTo>
                <a:lnTo>
                  <a:pt x="16136" y="2313"/>
                </a:lnTo>
                <a:lnTo>
                  <a:pt x="16119" y="2329"/>
                </a:lnTo>
                <a:lnTo>
                  <a:pt x="16102" y="2344"/>
                </a:lnTo>
                <a:lnTo>
                  <a:pt x="16085" y="2358"/>
                </a:lnTo>
                <a:lnTo>
                  <a:pt x="16066" y="2371"/>
                </a:lnTo>
                <a:lnTo>
                  <a:pt x="16047" y="2384"/>
                </a:lnTo>
                <a:lnTo>
                  <a:pt x="16027" y="2395"/>
                </a:lnTo>
                <a:lnTo>
                  <a:pt x="16006" y="2406"/>
                </a:lnTo>
                <a:lnTo>
                  <a:pt x="15986" y="2415"/>
                </a:lnTo>
                <a:lnTo>
                  <a:pt x="15964" y="2424"/>
                </a:lnTo>
                <a:lnTo>
                  <a:pt x="15942" y="2431"/>
                </a:lnTo>
                <a:lnTo>
                  <a:pt x="15920" y="2437"/>
                </a:lnTo>
                <a:lnTo>
                  <a:pt x="15897" y="2443"/>
                </a:lnTo>
                <a:lnTo>
                  <a:pt x="15874" y="2447"/>
                </a:lnTo>
                <a:lnTo>
                  <a:pt x="15850" y="2450"/>
                </a:lnTo>
                <a:lnTo>
                  <a:pt x="15826" y="2451"/>
                </a:lnTo>
                <a:lnTo>
                  <a:pt x="15802" y="2453"/>
                </a:lnTo>
                <a:lnTo>
                  <a:pt x="473" y="2453"/>
                </a:lnTo>
                <a:lnTo>
                  <a:pt x="449" y="2451"/>
                </a:lnTo>
                <a:lnTo>
                  <a:pt x="425" y="2450"/>
                </a:lnTo>
                <a:lnTo>
                  <a:pt x="401" y="2447"/>
                </a:lnTo>
                <a:lnTo>
                  <a:pt x="378" y="2443"/>
                </a:lnTo>
                <a:lnTo>
                  <a:pt x="355" y="2437"/>
                </a:lnTo>
                <a:lnTo>
                  <a:pt x="333" y="2431"/>
                </a:lnTo>
                <a:lnTo>
                  <a:pt x="310" y="2424"/>
                </a:lnTo>
                <a:lnTo>
                  <a:pt x="289" y="2415"/>
                </a:lnTo>
                <a:lnTo>
                  <a:pt x="269" y="2406"/>
                </a:lnTo>
                <a:lnTo>
                  <a:pt x="248" y="2395"/>
                </a:lnTo>
                <a:lnTo>
                  <a:pt x="228" y="2384"/>
                </a:lnTo>
                <a:lnTo>
                  <a:pt x="209" y="2371"/>
                </a:lnTo>
                <a:lnTo>
                  <a:pt x="190" y="2358"/>
                </a:lnTo>
                <a:lnTo>
                  <a:pt x="173" y="2344"/>
                </a:lnTo>
                <a:lnTo>
                  <a:pt x="156" y="2329"/>
                </a:lnTo>
                <a:lnTo>
                  <a:pt x="139" y="2313"/>
                </a:lnTo>
                <a:lnTo>
                  <a:pt x="123" y="2297"/>
                </a:lnTo>
                <a:lnTo>
                  <a:pt x="108" y="2279"/>
                </a:lnTo>
                <a:lnTo>
                  <a:pt x="95" y="2262"/>
                </a:lnTo>
                <a:lnTo>
                  <a:pt x="81" y="2244"/>
                </a:lnTo>
                <a:lnTo>
                  <a:pt x="68" y="2224"/>
                </a:lnTo>
                <a:lnTo>
                  <a:pt x="57" y="2204"/>
                </a:lnTo>
                <a:lnTo>
                  <a:pt x="47" y="2184"/>
                </a:lnTo>
                <a:lnTo>
                  <a:pt x="38" y="2163"/>
                </a:lnTo>
                <a:lnTo>
                  <a:pt x="28" y="2142"/>
                </a:lnTo>
                <a:lnTo>
                  <a:pt x="21" y="2119"/>
                </a:lnTo>
                <a:lnTo>
                  <a:pt x="15" y="2097"/>
                </a:lnTo>
                <a:lnTo>
                  <a:pt x="9" y="2073"/>
                </a:lnTo>
                <a:lnTo>
                  <a:pt x="5" y="2051"/>
                </a:lnTo>
                <a:lnTo>
                  <a:pt x="2" y="2027"/>
                </a:lnTo>
                <a:lnTo>
                  <a:pt x="1" y="2003"/>
                </a:lnTo>
                <a:lnTo>
                  <a:pt x="0" y="1979"/>
                </a:lnTo>
                <a:lnTo>
                  <a:pt x="0" y="474"/>
                </a:lnTo>
                <a:lnTo>
                  <a:pt x="1" y="449"/>
                </a:lnTo>
                <a:lnTo>
                  <a:pt x="2" y="426"/>
                </a:lnTo>
                <a:lnTo>
                  <a:pt x="5" y="401"/>
                </a:lnTo>
                <a:lnTo>
                  <a:pt x="9" y="379"/>
                </a:lnTo>
                <a:lnTo>
                  <a:pt x="15" y="356"/>
                </a:lnTo>
                <a:lnTo>
                  <a:pt x="21" y="333"/>
                </a:lnTo>
                <a:lnTo>
                  <a:pt x="28" y="312"/>
                </a:lnTo>
                <a:lnTo>
                  <a:pt x="38" y="289"/>
                </a:lnTo>
                <a:lnTo>
                  <a:pt x="47" y="269"/>
                </a:lnTo>
                <a:lnTo>
                  <a:pt x="57" y="249"/>
                </a:lnTo>
                <a:lnTo>
                  <a:pt x="68" y="228"/>
                </a:lnTo>
                <a:lnTo>
                  <a:pt x="81" y="210"/>
                </a:lnTo>
                <a:lnTo>
                  <a:pt x="95" y="191"/>
                </a:lnTo>
                <a:lnTo>
                  <a:pt x="108" y="173"/>
                </a:lnTo>
                <a:lnTo>
                  <a:pt x="123" y="156"/>
                </a:lnTo>
                <a:lnTo>
                  <a:pt x="139" y="140"/>
                </a:lnTo>
                <a:lnTo>
                  <a:pt x="156" y="123"/>
                </a:lnTo>
                <a:lnTo>
                  <a:pt x="173" y="109"/>
                </a:lnTo>
                <a:lnTo>
                  <a:pt x="190" y="95"/>
                </a:lnTo>
                <a:lnTo>
                  <a:pt x="209" y="82"/>
                </a:lnTo>
                <a:lnTo>
                  <a:pt x="228" y="69"/>
                </a:lnTo>
                <a:lnTo>
                  <a:pt x="248" y="57"/>
                </a:lnTo>
                <a:lnTo>
                  <a:pt x="269" y="47"/>
                </a:lnTo>
                <a:lnTo>
                  <a:pt x="289" y="38"/>
                </a:lnTo>
                <a:lnTo>
                  <a:pt x="310" y="29"/>
                </a:lnTo>
                <a:lnTo>
                  <a:pt x="333" y="21"/>
                </a:lnTo>
                <a:lnTo>
                  <a:pt x="355" y="15"/>
                </a:lnTo>
                <a:lnTo>
                  <a:pt x="378" y="10"/>
                </a:lnTo>
                <a:lnTo>
                  <a:pt x="401" y="5"/>
                </a:lnTo>
                <a:lnTo>
                  <a:pt x="425" y="2"/>
                </a:lnTo>
                <a:lnTo>
                  <a:pt x="449" y="1"/>
                </a:lnTo>
                <a:lnTo>
                  <a:pt x="473" y="0"/>
                </a:lnTo>
                <a:close/>
                <a:moveTo>
                  <a:pt x="2937" y="658"/>
                </a:moveTo>
                <a:lnTo>
                  <a:pt x="2967" y="659"/>
                </a:lnTo>
                <a:lnTo>
                  <a:pt x="2999" y="661"/>
                </a:lnTo>
                <a:lnTo>
                  <a:pt x="3029" y="665"/>
                </a:lnTo>
                <a:lnTo>
                  <a:pt x="3059" y="670"/>
                </a:lnTo>
                <a:lnTo>
                  <a:pt x="3088" y="678"/>
                </a:lnTo>
                <a:lnTo>
                  <a:pt x="3118" y="686"/>
                </a:lnTo>
                <a:lnTo>
                  <a:pt x="3146" y="696"/>
                </a:lnTo>
                <a:lnTo>
                  <a:pt x="3174" y="706"/>
                </a:lnTo>
                <a:lnTo>
                  <a:pt x="3200" y="719"/>
                </a:lnTo>
                <a:lnTo>
                  <a:pt x="3227" y="733"/>
                </a:lnTo>
                <a:lnTo>
                  <a:pt x="3252" y="747"/>
                </a:lnTo>
                <a:lnTo>
                  <a:pt x="3277" y="763"/>
                </a:lnTo>
                <a:lnTo>
                  <a:pt x="3301" y="780"/>
                </a:lnTo>
                <a:lnTo>
                  <a:pt x="3324" y="799"/>
                </a:lnTo>
                <a:lnTo>
                  <a:pt x="3347" y="817"/>
                </a:lnTo>
                <a:lnTo>
                  <a:pt x="3368" y="838"/>
                </a:lnTo>
                <a:lnTo>
                  <a:pt x="3388" y="859"/>
                </a:lnTo>
                <a:lnTo>
                  <a:pt x="3408" y="881"/>
                </a:lnTo>
                <a:lnTo>
                  <a:pt x="3425" y="905"/>
                </a:lnTo>
                <a:lnTo>
                  <a:pt x="3442" y="928"/>
                </a:lnTo>
                <a:lnTo>
                  <a:pt x="3458" y="954"/>
                </a:lnTo>
                <a:lnTo>
                  <a:pt x="3473" y="979"/>
                </a:lnTo>
                <a:lnTo>
                  <a:pt x="3487" y="1006"/>
                </a:lnTo>
                <a:lnTo>
                  <a:pt x="3499" y="1032"/>
                </a:lnTo>
                <a:lnTo>
                  <a:pt x="3509" y="1061"/>
                </a:lnTo>
                <a:lnTo>
                  <a:pt x="3519" y="1089"/>
                </a:lnTo>
                <a:lnTo>
                  <a:pt x="3528" y="1118"/>
                </a:lnTo>
                <a:lnTo>
                  <a:pt x="3535" y="1147"/>
                </a:lnTo>
                <a:lnTo>
                  <a:pt x="3540" y="1178"/>
                </a:lnTo>
                <a:lnTo>
                  <a:pt x="3544" y="1208"/>
                </a:lnTo>
                <a:lnTo>
                  <a:pt x="3546" y="1239"/>
                </a:lnTo>
                <a:lnTo>
                  <a:pt x="3547" y="1271"/>
                </a:lnTo>
                <a:lnTo>
                  <a:pt x="3546" y="1302"/>
                </a:lnTo>
                <a:lnTo>
                  <a:pt x="3544" y="1333"/>
                </a:lnTo>
                <a:lnTo>
                  <a:pt x="3540" y="1363"/>
                </a:lnTo>
                <a:lnTo>
                  <a:pt x="3535" y="1394"/>
                </a:lnTo>
                <a:lnTo>
                  <a:pt x="3528" y="1423"/>
                </a:lnTo>
                <a:lnTo>
                  <a:pt x="3519" y="1452"/>
                </a:lnTo>
                <a:lnTo>
                  <a:pt x="3509" y="1480"/>
                </a:lnTo>
                <a:lnTo>
                  <a:pt x="3499" y="1508"/>
                </a:lnTo>
                <a:lnTo>
                  <a:pt x="3487" y="1535"/>
                </a:lnTo>
                <a:lnTo>
                  <a:pt x="3473" y="1562"/>
                </a:lnTo>
                <a:lnTo>
                  <a:pt x="3458" y="1587"/>
                </a:lnTo>
                <a:lnTo>
                  <a:pt x="3442" y="1612"/>
                </a:lnTo>
                <a:lnTo>
                  <a:pt x="3425" y="1636"/>
                </a:lnTo>
                <a:lnTo>
                  <a:pt x="3408" y="1659"/>
                </a:lnTo>
                <a:lnTo>
                  <a:pt x="3388" y="1681"/>
                </a:lnTo>
                <a:lnTo>
                  <a:pt x="3368" y="1703"/>
                </a:lnTo>
                <a:lnTo>
                  <a:pt x="3347" y="1723"/>
                </a:lnTo>
                <a:lnTo>
                  <a:pt x="3324" y="1742"/>
                </a:lnTo>
                <a:lnTo>
                  <a:pt x="3301" y="1761"/>
                </a:lnTo>
                <a:lnTo>
                  <a:pt x="3277" y="1778"/>
                </a:lnTo>
                <a:lnTo>
                  <a:pt x="3252" y="1793"/>
                </a:lnTo>
                <a:lnTo>
                  <a:pt x="3227" y="1809"/>
                </a:lnTo>
                <a:lnTo>
                  <a:pt x="3200" y="1822"/>
                </a:lnTo>
                <a:lnTo>
                  <a:pt x="3174" y="1834"/>
                </a:lnTo>
                <a:lnTo>
                  <a:pt x="3146" y="1845"/>
                </a:lnTo>
                <a:lnTo>
                  <a:pt x="3118" y="1854"/>
                </a:lnTo>
                <a:lnTo>
                  <a:pt x="3088" y="1863"/>
                </a:lnTo>
                <a:lnTo>
                  <a:pt x="3059" y="1870"/>
                </a:lnTo>
                <a:lnTo>
                  <a:pt x="3029" y="1875"/>
                </a:lnTo>
                <a:lnTo>
                  <a:pt x="2999" y="1879"/>
                </a:lnTo>
                <a:lnTo>
                  <a:pt x="2967" y="1882"/>
                </a:lnTo>
                <a:lnTo>
                  <a:pt x="2937" y="1882"/>
                </a:lnTo>
                <a:lnTo>
                  <a:pt x="2905" y="1882"/>
                </a:lnTo>
                <a:lnTo>
                  <a:pt x="2874" y="1879"/>
                </a:lnTo>
                <a:lnTo>
                  <a:pt x="2843" y="1875"/>
                </a:lnTo>
                <a:lnTo>
                  <a:pt x="2814" y="1870"/>
                </a:lnTo>
                <a:lnTo>
                  <a:pt x="2784" y="1863"/>
                </a:lnTo>
                <a:lnTo>
                  <a:pt x="2755" y="1854"/>
                </a:lnTo>
                <a:lnTo>
                  <a:pt x="2726" y="1845"/>
                </a:lnTo>
                <a:lnTo>
                  <a:pt x="2699" y="1834"/>
                </a:lnTo>
                <a:lnTo>
                  <a:pt x="2671" y="1822"/>
                </a:lnTo>
                <a:lnTo>
                  <a:pt x="2646" y="1809"/>
                </a:lnTo>
                <a:lnTo>
                  <a:pt x="2619" y="1793"/>
                </a:lnTo>
                <a:lnTo>
                  <a:pt x="2595" y="1778"/>
                </a:lnTo>
                <a:lnTo>
                  <a:pt x="2570" y="1761"/>
                </a:lnTo>
                <a:lnTo>
                  <a:pt x="2548" y="1742"/>
                </a:lnTo>
                <a:lnTo>
                  <a:pt x="2526" y="1723"/>
                </a:lnTo>
                <a:lnTo>
                  <a:pt x="2504" y="1703"/>
                </a:lnTo>
                <a:lnTo>
                  <a:pt x="2484" y="1681"/>
                </a:lnTo>
                <a:lnTo>
                  <a:pt x="2465" y="1659"/>
                </a:lnTo>
                <a:lnTo>
                  <a:pt x="2446" y="1636"/>
                </a:lnTo>
                <a:lnTo>
                  <a:pt x="2430" y="1612"/>
                </a:lnTo>
                <a:lnTo>
                  <a:pt x="2414" y="1587"/>
                </a:lnTo>
                <a:lnTo>
                  <a:pt x="2399" y="1562"/>
                </a:lnTo>
                <a:lnTo>
                  <a:pt x="2385" y="1535"/>
                </a:lnTo>
                <a:lnTo>
                  <a:pt x="2373" y="1508"/>
                </a:lnTo>
                <a:lnTo>
                  <a:pt x="2362" y="1480"/>
                </a:lnTo>
                <a:lnTo>
                  <a:pt x="2353" y="1452"/>
                </a:lnTo>
                <a:lnTo>
                  <a:pt x="2345" y="1423"/>
                </a:lnTo>
                <a:lnTo>
                  <a:pt x="2337" y="1394"/>
                </a:lnTo>
                <a:lnTo>
                  <a:pt x="2332" y="1363"/>
                </a:lnTo>
                <a:lnTo>
                  <a:pt x="2328" y="1333"/>
                </a:lnTo>
                <a:lnTo>
                  <a:pt x="2326" y="1302"/>
                </a:lnTo>
                <a:lnTo>
                  <a:pt x="2325" y="1271"/>
                </a:lnTo>
                <a:lnTo>
                  <a:pt x="2326" y="1239"/>
                </a:lnTo>
                <a:lnTo>
                  <a:pt x="2328" y="1208"/>
                </a:lnTo>
                <a:lnTo>
                  <a:pt x="2332" y="1178"/>
                </a:lnTo>
                <a:lnTo>
                  <a:pt x="2337" y="1147"/>
                </a:lnTo>
                <a:lnTo>
                  <a:pt x="2345" y="1118"/>
                </a:lnTo>
                <a:lnTo>
                  <a:pt x="2353" y="1089"/>
                </a:lnTo>
                <a:lnTo>
                  <a:pt x="2362" y="1061"/>
                </a:lnTo>
                <a:lnTo>
                  <a:pt x="2373" y="1032"/>
                </a:lnTo>
                <a:lnTo>
                  <a:pt x="2385" y="1006"/>
                </a:lnTo>
                <a:lnTo>
                  <a:pt x="2399" y="979"/>
                </a:lnTo>
                <a:lnTo>
                  <a:pt x="2414" y="954"/>
                </a:lnTo>
                <a:lnTo>
                  <a:pt x="2430" y="928"/>
                </a:lnTo>
                <a:lnTo>
                  <a:pt x="2446" y="905"/>
                </a:lnTo>
                <a:lnTo>
                  <a:pt x="2465" y="881"/>
                </a:lnTo>
                <a:lnTo>
                  <a:pt x="2484" y="859"/>
                </a:lnTo>
                <a:lnTo>
                  <a:pt x="2504" y="838"/>
                </a:lnTo>
                <a:lnTo>
                  <a:pt x="2526" y="817"/>
                </a:lnTo>
                <a:lnTo>
                  <a:pt x="2548" y="799"/>
                </a:lnTo>
                <a:lnTo>
                  <a:pt x="2570" y="780"/>
                </a:lnTo>
                <a:lnTo>
                  <a:pt x="2595" y="763"/>
                </a:lnTo>
                <a:lnTo>
                  <a:pt x="2619" y="747"/>
                </a:lnTo>
                <a:lnTo>
                  <a:pt x="2646" y="733"/>
                </a:lnTo>
                <a:lnTo>
                  <a:pt x="2671" y="719"/>
                </a:lnTo>
                <a:lnTo>
                  <a:pt x="2699" y="706"/>
                </a:lnTo>
                <a:lnTo>
                  <a:pt x="2726" y="696"/>
                </a:lnTo>
                <a:lnTo>
                  <a:pt x="2755" y="686"/>
                </a:lnTo>
                <a:lnTo>
                  <a:pt x="2784" y="678"/>
                </a:lnTo>
                <a:lnTo>
                  <a:pt x="2814" y="670"/>
                </a:lnTo>
                <a:lnTo>
                  <a:pt x="2843" y="665"/>
                </a:lnTo>
                <a:lnTo>
                  <a:pt x="2874" y="661"/>
                </a:lnTo>
                <a:lnTo>
                  <a:pt x="2905" y="659"/>
                </a:lnTo>
                <a:lnTo>
                  <a:pt x="2937" y="658"/>
                </a:lnTo>
                <a:close/>
                <a:moveTo>
                  <a:pt x="7582" y="474"/>
                </a:moveTo>
                <a:lnTo>
                  <a:pt x="14452" y="474"/>
                </a:lnTo>
                <a:lnTo>
                  <a:pt x="14467" y="474"/>
                </a:lnTo>
                <a:lnTo>
                  <a:pt x="14482" y="476"/>
                </a:lnTo>
                <a:lnTo>
                  <a:pt x="14497" y="477"/>
                </a:lnTo>
                <a:lnTo>
                  <a:pt x="14511" y="480"/>
                </a:lnTo>
                <a:lnTo>
                  <a:pt x="14525" y="483"/>
                </a:lnTo>
                <a:lnTo>
                  <a:pt x="14539" y="487"/>
                </a:lnTo>
                <a:lnTo>
                  <a:pt x="14553" y="492"/>
                </a:lnTo>
                <a:lnTo>
                  <a:pt x="14566" y="497"/>
                </a:lnTo>
                <a:lnTo>
                  <a:pt x="14578" y="503"/>
                </a:lnTo>
                <a:lnTo>
                  <a:pt x="14592" y="509"/>
                </a:lnTo>
                <a:lnTo>
                  <a:pt x="14604" y="517"/>
                </a:lnTo>
                <a:lnTo>
                  <a:pt x="14616" y="524"/>
                </a:lnTo>
                <a:lnTo>
                  <a:pt x="14627" y="532"/>
                </a:lnTo>
                <a:lnTo>
                  <a:pt x="14638" y="541"/>
                </a:lnTo>
                <a:lnTo>
                  <a:pt x="14649" y="550"/>
                </a:lnTo>
                <a:lnTo>
                  <a:pt x="14659" y="560"/>
                </a:lnTo>
                <a:lnTo>
                  <a:pt x="14669" y="571"/>
                </a:lnTo>
                <a:lnTo>
                  <a:pt x="14678" y="581"/>
                </a:lnTo>
                <a:lnTo>
                  <a:pt x="14686" y="592"/>
                </a:lnTo>
                <a:lnTo>
                  <a:pt x="14694" y="603"/>
                </a:lnTo>
                <a:lnTo>
                  <a:pt x="14702" y="615"/>
                </a:lnTo>
                <a:lnTo>
                  <a:pt x="14710" y="628"/>
                </a:lnTo>
                <a:lnTo>
                  <a:pt x="14716" y="640"/>
                </a:lnTo>
                <a:lnTo>
                  <a:pt x="14722" y="653"/>
                </a:lnTo>
                <a:lnTo>
                  <a:pt x="14727" y="666"/>
                </a:lnTo>
                <a:lnTo>
                  <a:pt x="14732" y="680"/>
                </a:lnTo>
                <a:lnTo>
                  <a:pt x="14736" y="694"/>
                </a:lnTo>
                <a:lnTo>
                  <a:pt x="14739" y="708"/>
                </a:lnTo>
                <a:lnTo>
                  <a:pt x="14741" y="722"/>
                </a:lnTo>
                <a:lnTo>
                  <a:pt x="14743" y="737"/>
                </a:lnTo>
                <a:lnTo>
                  <a:pt x="14744" y="752"/>
                </a:lnTo>
                <a:lnTo>
                  <a:pt x="14745" y="767"/>
                </a:lnTo>
                <a:lnTo>
                  <a:pt x="14745" y="1699"/>
                </a:lnTo>
                <a:lnTo>
                  <a:pt x="14744" y="1714"/>
                </a:lnTo>
                <a:lnTo>
                  <a:pt x="14743" y="1728"/>
                </a:lnTo>
                <a:lnTo>
                  <a:pt x="14741" y="1742"/>
                </a:lnTo>
                <a:lnTo>
                  <a:pt x="14739" y="1758"/>
                </a:lnTo>
                <a:lnTo>
                  <a:pt x="14736" y="1771"/>
                </a:lnTo>
                <a:lnTo>
                  <a:pt x="14732" y="1785"/>
                </a:lnTo>
                <a:lnTo>
                  <a:pt x="14727" y="1798"/>
                </a:lnTo>
                <a:lnTo>
                  <a:pt x="14722" y="1812"/>
                </a:lnTo>
                <a:lnTo>
                  <a:pt x="14716" y="1825"/>
                </a:lnTo>
                <a:lnTo>
                  <a:pt x="14710" y="1838"/>
                </a:lnTo>
                <a:lnTo>
                  <a:pt x="14702" y="1850"/>
                </a:lnTo>
                <a:lnTo>
                  <a:pt x="14694" y="1862"/>
                </a:lnTo>
                <a:lnTo>
                  <a:pt x="14686" y="1874"/>
                </a:lnTo>
                <a:lnTo>
                  <a:pt x="14678" y="1885"/>
                </a:lnTo>
                <a:lnTo>
                  <a:pt x="14669" y="1895"/>
                </a:lnTo>
                <a:lnTo>
                  <a:pt x="14659" y="1905"/>
                </a:lnTo>
                <a:lnTo>
                  <a:pt x="14649" y="1916"/>
                </a:lnTo>
                <a:lnTo>
                  <a:pt x="14638" y="1925"/>
                </a:lnTo>
                <a:lnTo>
                  <a:pt x="14627" y="1933"/>
                </a:lnTo>
                <a:lnTo>
                  <a:pt x="14616" y="1941"/>
                </a:lnTo>
                <a:lnTo>
                  <a:pt x="14604" y="1949"/>
                </a:lnTo>
                <a:lnTo>
                  <a:pt x="14592" y="1956"/>
                </a:lnTo>
                <a:lnTo>
                  <a:pt x="14578" y="1962"/>
                </a:lnTo>
                <a:lnTo>
                  <a:pt x="14566" y="1969"/>
                </a:lnTo>
                <a:lnTo>
                  <a:pt x="14553" y="1974"/>
                </a:lnTo>
                <a:lnTo>
                  <a:pt x="14539" y="1979"/>
                </a:lnTo>
                <a:lnTo>
                  <a:pt x="14525" y="1982"/>
                </a:lnTo>
                <a:lnTo>
                  <a:pt x="14511" y="1986"/>
                </a:lnTo>
                <a:lnTo>
                  <a:pt x="14497" y="1988"/>
                </a:lnTo>
                <a:lnTo>
                  <a:pt x="14482" y="1990"/>
                </a:lnTo>
                <a:lnTo>
                  <a:pt x="14467" y="1991"/>
                </a:lnTo>
                <a:lnTo>
                  <a:pt x="14452" y="1991"/>
                </a:lnTo>
                <a:lnTo>
                  <a:pt x="7582" y="1991"/>
                </a:lnTo>
                <a:lnTo>
                  <a:pt x="7567" y="1991"/>
                </a:lnTo>
                <a:lnTo>
                  <a:pt x="7552" y="1990"/>
                </a:lnTo>
                <a:lnTo>
                  <a:pt x="7537" y="1988"/>
                </a:lnTo>
                <a:lnTo>
                  <a:pt x="7523" y="1986"/>
                </a:lnTo>
                <a:lnTo>
                  <a:pt x="7509" y="1982"/>
                </a:lnTo>
                <a:lnTo>
                  <a:pt x="7495" y="1979"/>
                </a:lnTo>
                <a:lnTo>
                  <a:pt x="7481" y="1974"/>
                </a:lnTo>
                <a:lnTo>
                  <a:pt x="7468" y="1969"/>
                </a:lnTo>
                <a:lnTo>
                  <a:pt x="7455" y="1962"/>
                </a:lnTo>
                <a:lnTo>
                  <a:pt x="7443" y="1956"/>
                </a:lnTo>
                <a:lnTo>
                  <a:pt x="7431" y="1949"/>
                </a:lnTo>
                <a:lnTo>
                  <a:pt x="7418" y="1941"/>
                </a:lnTo>
                <a:lnTo>
                  <a:pt x="7407" y="1933"/>
                </a:lnTo>
                <a:lnTo>
                  <a:pt x="7396" y="1925"/>
                </a:lnTo>
                <a:lnTo>
                  <a:pt x="7385" y="1916"/>
                </a:lnTo>
                <a:lnTo>
                  <a:pt x="7375" y="1905"/>
                </a:lnTo>
                <a:lnTo>
                  <a:pt x="7365" y="1895"/>
                </a:lnTo>
                <a:lnTo>
                  <a:pt x="7356" y="1885"/>
                </a:lnTo>
                <a:lnTo>
                  <a:pt x="7347" y="1874"/>
                </a:lnTo>
                <a:lnTo>
                  <a:pt x="7339" y="1862"/>
                </a:lnTo>
                <a:lnTo>
                  <a:pt x="7332" y="1850"/>
                </a:lnTo>
                <a:lnTo>
                  <a:pt x="7325" y="1838"/>
                </a:lnTo>
                <a:lnTo>
                  <a:pt x="7318" y="1825"/>
                </a:lnTo>
                <a:lnTo>
                  <a:pt x="7312" y="1812"/>
                </a:lnTo>
                <a:lnTo>
                  <a:pt x="7306" y="1798"/>
                </a:lnTo>
                <a:lnTo>
                  <a:pt x="7302" y="1785"/>
                </a:lnTo>
                <a:lnTo>
                  <a:pt x="7298" y="1772"/>
                </a:lnTo>
                <a:lnTo>
                  <a:pt x="7295" y="1758"/>
                </a:lnTo>
                <a:lnTo>
                  <a:pt x="7292" y="1742"/>
                </a:lnTo>
                <a:lnTo>
                  <a:pt x="7290" y="1728"/>
                </a:lnTo>
                <a:lnTo>
                  <a:pt x="7289" y="1714"/>
                </a:lnTo>
                <a:lnTo>
                  <a:pt x="7289" y="1699"/>
                </a:lnTo>
                <a:lnTo>
                  <a:pt x="7289" y="767"/>
                </a:lnTo>
                <a:lnTo>
                  <a:pt x="7289" y="752"/>
                </a:lnTo>
                <a:lnTo>
                  <a:pt x="7290" y="737"/>
                </a:lnTo>
                <a:lnTo>
                  <a:pt x="7292" y="722"/>
                </a:lnTo>
                <a:lnTo>
                  <a:pt x="7295" y="708"/>
                </a:lnTo>
                <a:lnTo>
                  <a:pt x="7298" y="694"/>
                </a:lnTo>
                <a:lnTo>
                  <a:pt x="7302" y="680"/>
                </a:lnTo>
                <a:lnTo>
                  <a:pt x="7306" y="666"/>
                </a:lnTo>
                <a:lnTo>
                  <a:pt x="7312" y="653"/>
                </a:lnTo>
                <a:lnTo>
                  <a:pt x="7318" y="640"/>
                </a:lnTo>
                <a:lnTo>
                  <a:pt x="7325" y="628"/>
                </a:lnTo>
                <a:lnTo>
                  <a:pt x="7332" y="615"/>
                </a:lnTo>
                <a:lnTo>
                  <a:pt x="7339" y="603"/>
                </a:lnTo>
                <a:lnTo>
                  <a:pt x="7347" y="592"/>
                </a:lnTo>
                <a:lnTo>
                  <a:pt x="7356" y="581"/>
                </a:lnTo>
                <a:lnTo>
                  <a:pt x="7365" y="571"/>
                </a:lnTo>
                <a:lnTo>
                  <a:pt x="7375" y="560"/>
                </a:lnTo>
                <a:lnTo>
                  <a:pt x="7385" y="550"/>
                </a:lnTo>
                <a:lnTo>
                  <a:pt x="7396" y="541"/>
                </a:lnTo>
                <a:lnTo>
                  <a:pt x="7407" y="532"/>
                </a:lnTo>
                <a:lnTo>
                  <a:pt x="7418" y="524"/>
                </a:lnTo>
                <a:lnTo>
                  <a:pt x="7431" y="517"/>
                </a:lnTo>
                <a:lnTo>
                  <a:pt x="7443" y="509"/>
                </a:lnTo>
                <a:lnTo>
                  <a:pt x="7455" y="503"/>
                </a:lnTo>
                <a:lnTo>
                  <a:pt x="7468" y="497"/>
                </a:lnTo>
                <a:lnTo>
                  <a:pt x="7481" y="492"/>
                </a:lnTo>
                <a:lnTo>
                  <a:pt x="7495" y="487"/>
                </a:lnTo>
                <a:lnTo>
                  <a:pt x="7509" y="483"/>
                </a:lnTo>
                <a:lnTo>
                  <a:pt x="7523" y="480"/>
                </a:lnTo>
                <a:lnTo>
                  <a:pt x="7537" y="477"/>
                </a:lnTo>
                <a:lnTo>
                  <a:pt x="7552" y="476"/>
                </a:lnTo>
                <a:lnTo>
                  <a:pt x="7567" y="474"/>
                </a:lnTo>
                <a:lnTo>
                  <a:pt x="7582" y="474"/>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31" name="Freeform 15">
            <a:extLst>
              <a:ext uri="{FF2B5EF4-FFF2-40B4-BE49-F238E27FC236}">
                <a16:creationId xmlns:a16="http://schemas.microsoft.com/office/drawing/2014/main" xmlns="" id="{22FBB207-7387-4C21-BF05-3F83D562111E}"/>
              </a:ext>
            </a:extLst>
          </p:cNvPr>
          <p:cNvSpPr>
            <a:spLocks noEditPoints="1"/>
          </p:cNvSpPr>
          <p:nvPr/>
        </p:nvSpPr>
        <p:spPr bwMode="ltGray">
          <a:xfrm>
            <a:off x="6368691" y="6142033"/>
            <a:ext cx="467629" cy="65698"/>
          </a:xfrm>
          <a:custGeom>
            <a:avLst/>
            <a:gdLst/>
            <a:ahLst/>
            <a:cxnLst>
              <a:cxn ang="0">
                <a:pos x="15920" y="2437"/>
              </a:cxn>
              <a:cxn ang="0">
                <a:pos x="16066" y="2370"/>
              </a:cxn>
              <a:cxn ang="0">
                <a:pos x="16180" y="2261"/>
              </a:cxn>
              <a:cxn ang="0">
                <a:pos x="16254" y="2119"/>
              </a:cxn>
              <a:cxn ang="0">
                <a:pos x="16275" y="473"/>
              </a:cxn>
              <a:cxn ang="0">
                <a:pos x="16247" y="311"/>
              </a:cxn>
              <a:cxn ang="0">
                <a:pos x="16166" y="173"/>
              </a:cxn>
              <a:cxn ang="0">
                <a:pos x="16047" y="69"/>
              </a:cxn>
              <a:cxn ang="0">
                <a:pos x="15897" y="10"/>
              </a:cxn>
              <a:cxn ang="0">
                <a:pos x="425" y="2"/>
              </a:cxn>
              <a:cxn ang="0">
                <a:pos x="269" y="46"/>
              </a:cxn>
              <a:cxn ang="0">
                <a:pos x="139" y="139"/>
              </a:cxn>
              <a:cxn ang="0">
                <a:pos x="47" y="268"/>
              </a:cxn>
              <a:cxn ang="0">
                <a:pos x="2" y="425"/>
              </a:cxn>
              <a:cxn ang="0">
                <a:pos x="9" y="2073"/>
              </a:cxn>
              <a:cxn ang="0">
                <a:pos x="68" y="2224"/>
              </a:cxn>
              <a:cxn ang="0">
                <a:pos x="173" y="2344"/>
              </a:cxn>
              <a:cxn ang="0">
                <a:pos x="310" y="2423"/>
              </a:cxn>
              <a:cxn ang="0">
                <a:pos x="473" y="2452"/>
              </a:cxn>
              <a:cxn ang="0">
                <a:pos x="14525" y="1969"/>
              </a:cxn>
              <a:cxn ang="0">
                <a:pos x="14616" y="1928"/>
              </a:cxn>
              <a:cxn ang="0">
                <a:pos x="14686" y="1860"/>
              </a:cxn>
              <a:cxn ang="0">
                <a:pos x="14732" y="1772"/>
              </a:cxn>
              <a:cxn ang="0">
                <a:pos x="14745" y="753"/>
              </a:cxn>
              <a:cxn ang="0">
                <a:pos x="14727" y="654"/>
              </a:cxn>
              <a:cxn ang="0">
                <a:pos x="14678" y="568"/>
              </a:cxn>
              <a:cxn ang="0">
                <a:pos x="14604" y="503"/>
              </a:cxn>
              <a:cxn ang="0">
                <a:pos x="14511" y="466"/>
              </a:cxn>
              <a:cxn ang="0">
                <a:pos x="7552" y="462"/>
              </a:cxn>
              <a:cxn ang="0">
                <a:pos x="7455" y="490"/>
              </a:cxn>
              <a:cxn ang="0">
                <a:pos x="7375" y="547"/>
              </a:cxn>
              <a:cxn ang="0">
                <a:pos x="7318" y="627"/>
              </a:cxn>
              <a:cxn ang="0">
                <a:pos x="7290" y="724"/>
              </a:cxn>
              <a:cxn ang="0">
                <a:pos x="7295" y="1744"/>
              </a:cxn>
              <a:cxn ang="0">
                <a:pos x="7332" y="1837"/>
              </a:cxn>
              <a:cxn ang="0">
                <a:pos x="7396" y="1911"/>
              </a:cxn>
              <a:cxn ang="0">
                <a:pos x="7481" y="1961"/>
              </a:cxn>
              <a:cxn ang="0">
                <a:pos x="7582" y="1978"/>
              </a:cxn>
              <a:cxn ang="0">
                <a:pos x="3118" y="1766"/>
              </a:cxn>
              <a:cxn ang="0">
                <a:pos x="3301" y="1672"/>
              </a:cxn>
              <a:cxn ang="0">
                <a:pos x="3442" y="1524"/>
              </a:cxn>
              <a:cxn ang="0">
                <a:pos x="3528" y="1334"/>
              </a:cxn>
              <a:cxn ang="0">
                <a:pos x="3544" y="1119"/>
              </a:cxn>
              <a:cxn ang="0">
                <a:pos x="3487" y="917"/>
              </a:cxn>
              <a:cxn ang="0">
                <a:pos x="3368" y="749"/>
              </a:cxn>
              <a:cxn ang="0">
                <a:pos x="3200" y="630"/>
              </a:cxn>
              <a:cxn ang="0">
                <a:pos x="2999" y="573"/>
              </a:cxn>
              <a:cxn ang="0">
                <a:pos x="2784" y="589"/>
              </a:cxn>
              <a:cxn ang="0">
                <a:pos x="2595" y="675"/>
              </a:cxn>
              <a:cxn ang="0">
                <a:pos x="2446" y="816"/>
              </a:cxn>
              <a:cxn ang="0">
                <a:pos x="2353" y="1000"/>
              </a:cxn>
              <a:cxn ang="0">
                <a:pos x="2326" y="1213"/>
              </a:cxn>
              <a:cxn ang="0">
                <a:pos x="2373" y="1420"/>
              </a:cxn>
              <a:cxn ang="0">
                <a:pos x="2484" y="1593"/>
              </a:cxn>
              <a:cxn ang="0">
                <a:pos x="2646" y="1719"/>
              </a:cxn>
              <a:cxn ang="0">
                <a:pos x="2843" y="1787"/>
              </a:cxn>
            </a:cxnLst>
            <a:rect l="0" t="0" r="r" b="b"/>
            <a:pathLst>
              <a:path w="16275" h="2452">
                <a:moveTo>
                  <a:pt x="473" y="2452"/>
                </a:moveTo>
                <a:lnTo>
                  <a:pt x="15802" y="2452"/>
                </a:lnTo>
                <a:lnTo>
                  <a:pt x="15826" y="2451"/>
                </a:lnTo>
                <a:lnTo>
                  <a:pt x="15850" y="2450"/>
                </a:lnTo>
                <a:lnTo>
                  <a:pt x="15874" y="2447"/>
                </a:lnTo>
                <a:lnTo>
                  <a:pt x="15897" y="2443"/>
                </a:lnTo>
                <a:lnTo>
                  <a:pt x="15920" y="2437"/>
                </a:lnTo>
                <a:lnTo>
                  <a:pt x="15942" y="2431"/>
                </a:lnTo>
                <a:lnTo>
                  <a:pt x="15964" y="2423"/>
                </a:lnTo>
                <a:lnTo>
                  <a:pt x="15986" y="2414"/>
                </a:lnTo>
                <a:lnTo>
                  <a:pt x="16006" y="2405"/>
                </a:lnTo>
                <a:lnTo>
                  <a:pt x="16027" y="2395"/>
                </a:lnTo>
                <a:lnTo>
                  <a:pt x="16047" y="2384"/>
                </a:lnTo>
                <a:lnTo>
                  <a:pt x="16066" y="2370"/>
                </a:lnTo>
                <a:lnTo>
                  <a:pt x="16085" y="2357"/>
                </a:lnTo>
                <a:lnTo>
                  <a:pt x="16102" y="2344"/>
                </a:lnTo>
                <a:lnTo>
                  <a:pt x="16119" y="2329"/>
                </a:lnTo>
                <a:lnTo>
                  <a:pt x="16136" y="2312"/>
                </a:lnTo>
                <a:lnTo>
                  <a:pt x="16152" y="2296"/>
                </a:lnTo>
                <a:lnTo>
                  <a:pt x="16166" y="2279"/>
                </a:lnTo>
                <a:lnTo>
                  <a:pt x="16180" y="2261"/>
                </a:lnTo>
                <a:lnTo>
                  <a:pt x="16194" y="2243"/>
                </a:lnTo>
                <a:lnTo>
                  <a:pt x="16206" y="2224"/>
                </a:lnTo>
                <a:lnTo>
                  <a:pt x="16218" y="2203"/>
                </a:lnTo>
                <a:lnTo>
                  <a:pt x="16228" y="2183"/>
                </a:lnTo>
                <a:lnTo>
                  <a:pt x="16237" y="2163"/>
                </a:lnTo>
                <a:lnTo>
                  <a:pt x="16247" y="2141"/>
                </a:lnTo>
                <a:lnTo>
                  <a:pt x="16254" y="2119"/>
                </a:lnTo>
                <a:lnTo>
                  <a:pt x="16260" y="2096"/>
                </a:lnTo>
                <a:lnTo>
                  <a:pt x="16265" y="2073"/>
                </a:lnTo>
                <a:lnTo>
                  <a:pt x="16270" y="2051"/>
                </a:lnTo>
                <a:lnTo>
                  <a:pt x="16273" y="2026"/>
                </a:lnTo>
                <a:lnTo>
                  <a:pt x="16274" y="2003"/>
                </a:lnTo>
                <a:lnTo>
                  <a:pt x="16275" y="1978"/>
                </a:lnTo>
                <a:lnTo>
                  <a:pt x="16275" y="473"/>
                </a:lnTo>
                <a:lnTo>
                  <a:pt x="16274" y="449"/>
                </a:lnTo>
                <a:lnTo>
                  <a:pt x="16273" y="425"/>
                </a:lnTo>
                <a:lnTo>
                  <a:pt x="16270" y="401"/>
                </a:lnTo>
                <a:lnTo>
                  <a:pt x="16265" y="379"/>
                </a:lnTo>
                <a:lnTo>
                  <a:pt x="16260" y="355"/>
                </a:lnTo>
                <a:lnTo>
                  <a:pt x="16254" y="333"/>
                </a:lnTo>
                <a:lnTo>
                  <a:pt x="16247" y="311"/>
                </a:lnTo>
                <a:lnTo>
                  <a:pt x="16237" y="289"/>
                </a:lnTo>
                <a:lnTo>
                  <a:pt x="16228" y="268"/>
                </a:lnTo>
                <a:lnTo>
                  <a:pt x="16218" y="248"/>
                </a:lnTo>
                <a:lnTo>
                  <a:pt x="16206" y="228"/>
                </a:lnTo>
                <a:lnTo>
                  <a:pt x="16194" y="209"/>
                </a:lnTo>
                <a:lnTo>
                  <a:pt x="16180" y="190"/>
                </a:lnTo>
                <a:lnTo>
                  <a:pt x="16166" y="173"/>
                </a:lnTo>
                <a:lnTo>
                  <a:pt x="16152" y="155"/>
                </a:lnTo>
                <a:lnTo>
                  <a:pt x="16136" y="139"/>
                </a:lnTo>
                <a:lnTo>
                  <a:pt x="16119" y="123"/>
                </a:lnTo>
                <a:lnTo>
                  <a:pt x="16102" y="109"/>
                </a:lnTo>
                <a:lnTo>
                  <a:pt x="16085" y="94"/>
                </a:lnTo>
                <a:lnTo>
                  <a:pt x="16066" y="81"/>
                </a:lnTo>
                <a:lnTo>
                  <a:pt x="16047" y="69"/>
                </a:lnTo>
                <a:lnTo>
                  <a:pt x="16027" y="57"/>
                </a:lnTo>
                <a:lnTo>
                  <a:pt x="16006" y="46"/>
                </a:lnTo>
                <a:lnTo>
                  <a:pt x="15986" y="37"/>
                </a:lnTo>
                <a:lnTo>
                  <a:pt x="15964" y="28"/>
                </a:lnTo>
                <a:lnTo>
                  <a:pt x="15942" y="21"/>
                </a:lnTo>
                <a:lnTo>
                  <a:pt x="15920" y="15"/>
                </a:lnTo>
                <a:lnTo>
                  <a:pt x="15897" y="10"/>
                </a:lnTo>
                <a:lnTo>
                  <a:pt x="15874" y="5"/>
                </a:lnTo>
                <a:lnTo>
                  <a:pt x="15850" y="2"/>
                </a:lnTo>
                <a:lnTo>
                  <a:pt x="15826" y="1"/>
                </a:lnTo>
                <a:lnTo>
                  <a:pt x="15802" y="0"/>
                </a:lnTo>
                <a:lnTo>
                  <a:pt x="473" y="0"/>
                </a:lnTo>
                <a:lnTo>
                  <a:pt x="449" y="1"/>
                </a:lnTo>
                <a:lnTo>
                  <a:pt x="425" y="2"/>
                </a:lnTo>
                <a:lnTo>
                  <a:pt x="401" y="5"/>
                </a:lnTo>
                <a:lnTo>
                  <a:pt x="378" y="10"/>
                </a:lnTo>
                <a:lnTo>
                  <a:pt x="355" y="15"/>
                </a:lnTo>
                <a:lnTo>
                  <a:pt x="333" y="21"/>
                </a:lnTo>
                <a:lnTo>
                  <a:pt x="310" y="28"/>
                </a:lnTo>
                <a:lnTo>
                  <a:pt x="289" y="37"/>
                </a:lnTo>
                <a:lnTo>
                  <a:pt x="269" y="46"/>
                </a:lnTo>
                <a:lnTo>
                  <a:pt x="248" y="57"/>
                </a:lnTo>
                <a:lnTo>
                  <a:pt x="228" y="69"/>
                </a:lnTo>
                <a:lnTo>
                  <a:pt x="209" y="81"/>
                </a:lnTo>
                <a:lnTo>
                  <a:pt x="190" y="94"/>
                </a:lnTo>
                <a:lnTo>
                  <a:pt x="173" y="109"/>
                </a:lnTo>
                <a:lnTo>
                  <a:pt x="156" y="123"/>
                </a:lnTo>
                <a:lnTo>
                  <a:pt x="139" y="139"/>
                </a:lnTo>
                <a:lnTo>
                  <a:pt x="123" y="155"/>
                </a:lnTo>
                <a:lnTo>
                  <a:pt x="108" y="173"/>
                </a:lnTo>
                <a:lnTo>
                  <a:pt x="95" y="190"/>
                </a:lnTo>
                <a:lnTo>
                  <a:pt x="81" y="209"/>
                </a:lnTo>
                <a:lnTo>
                  <a:pt x="68" y="228"/>
                </a:lnTo>
                <a:lnTo>
                  <a:pt x="57" y="248"/>
                </a:lnTo>
                <a:lnTo>
                  <a:pt x="47" y="268"/>
                </a:lnTo>
                <a:lnTo>
                  <a:pt x="38" y="289"/>
                </a:lnTo>
                <a:lnTo>
                  <a:pt x="28" y="311"/>
                </a:lnTo>
                <a:lnTo>
                  <a:pt x="21" y="333"/>
                </a:lnTo>
                <a:lnTo>
                  <a:pt x="15" y="355"/>
                </a:lnTo>
                <a:lnTo>
                  <a:pt x="9" y="379"/>
                </a:lnTo>
                <a:lnTo>
                  <a:pt x="5" y="401"/>
                </a:lnTo>
                <a:lnTo>
                  <a:pt x="2" y="425"/>
                </a:lnTo>
                <a:lnTo>
                  <a:pt x="1" y="449"/>
                </a:lnTo>
                <a:lnTo>
                  <a:pt x="0" y="473"/>
                </a:lnTo>
                <a:lnTo>
                  <a:pt x="0" y="1978"/>
                </a:lnTo>
                <a:lnTo>
                  <a:pt x="1" y="2003"/>
                </a:lnTo>
                <a:lnTo>
                  <a:pt x="2" y="2026"/>
                </a:lnTo>
                <a:lnTo>
                  <a:pt x="5" y="2051"/>
                </a:lnTo>
                <a:lnTo>
                  <a:pt x="9" y="2073"/>
                </a:lnTo>
                <a:lnTo>
                  <a:pt x="15" y="2096"/>
                </a:lnTo>
                <a:lnTo>
                  <a:pt x="21" y="2119"/>
                </a:lnTo>
                <a:lnTo>
                  <a:pt x="28" y="2141"/>
                </a:lnTo>
                <a:lnTo>
                  <a:pt x="38" y="2163"/>
                </a:lnTo>
                <a:lnTo>
                  <a:pt x="47" y="2183"/>
                </a:lnTo>
                <a:lnTo>
                  <a:pt x="57" y="2203"/>
                </a:lnTo>
                <a:lnTo>
                  <a:pt x="68" y="2224"/>
                </a:lnTo>
                <a:lnTo>
                  <a:pt x="81" y="2243"/>
                </a:lnTo>
                <a:lnTo>
                  <a:pt x="95" y="2261"/>
                </a:lnTo>
                <a:lnTo>
                  <a:pt x="108" y="2279"/>
                </a:lnTo>
                <a:lnTo>
                  <a:pt x="123" y="2296"/>
                </a:lnTo>
                <a:lnTo>
                  <a:pt x="139" y="2312"/>
                </a:lnTo>
                <a:lnTo>
                  <a:pt x="156" y="2329"/>
                </a:lnTo>
                <a:lnTo>
                  <a:pt x="173" y="2344"/>
                </a:lnTo>
                <a:lnTo>
                  <a:pt x="190" y="2357"/>
                </a:lnTo>
                <a:lnTo>
                  <a:pt x="209" y="2370"/>
                </a:lnTo>
                <a:lnTo>
                  <a:pt x="228" y="2384"/>
                </a:lnTo>
                <a:lnTo>
                  <a:pt x="248" y="2395"/>
                </a:lnTo>
                <a:lnTo>
                  <a:pt x="269" y="2405"/>
                </a:lnTo>
                <a:lnTo>
                  <a:pt x="289" y="2414"/>
                </a:lnTo>
                <a:lnTo>
                  <a:pt x="310" y="2423"/>
                </a:lnTo>
                <a:lnTo>
                  <a:pt x="333" y="2431"/>
                </a:lnTo>
                <a:lnTo>
                  <a:pt x="355" y="2437"/>
                </a:lnTo>
                <a:lnTo>
                  <a:pt x="378" y="2443"/>
                </a:lnTo>
                <a:lnTo>
                  <a:pt x="401" y="2447"/>
                </a:lnTo>
                <a:lnTo>
                  <a:pt x="425" y="2450"/>
                </a:lnTo>
                <a:lnTo>
                  <a:pt x="449" y="2451"/>
                </a:lnTo>
                <a:lnTo>
                  <a:pt x="473" y="2452"/>
                </a:lnTo>
                <a:close/>
                <a:moveTo>
                  <a:pt x="7582" y="1978"/>
                </a:moveTo>
                <a:lnTo>
                  <a:pt x="14452" y="1978"/>
                </a:lnTo>
                <a:lnTo>
                  <a:pt x="14467" y="1978"/>
                </a:lnTo>
                <a:lnTo>
                  <a:pt x="14482" y="1977"/>
                </a:lnTo>
                <a:lnTo>
                  <a:pt x="14497" y="1975"/>
                </a:lnTo>
                <a:lnTo>
                  <a:pt x="14511" y="1972"/>
                </a:lnTo>
                <a:lnTo>
                  <a:pt x="14525" y="1969"/>
                </a:lnTo>
                <a:lnTo>
                  <a:pt x="14539" y="1965"/>
                </a:lnTo>
                <a:lnTo>
                  <a:pt x="14553" y="1961"/>
                </a:lnTo>
                <a:lnTo>
                  <a:pt x="14566" y="1955"/>
                </a:lnTo>
                <a:lnTo>
                  <a:pt x="14578" y="1950"/>
                </a:lnTo>
                <a:lnTo>
                  <a:pt x="14592" y="1943"/>
                </a:lnTo>
                <a:lnTo>
                  <a:pt x="14604" y="1935"/>
                </a:lnTo>
                <a:lnTo>
                  <a:pt x="14616" y="1928"/>
                </a:lnTo>
                <a:lnTo>
                  <a:pt x="14627" y="1920"/>
                </a:lnTo>
                <a:lnTo>
                  <a:pt x="14638" y="1911"/>
                </a:lnTo>
                <a:lnTo>
                  <a:pt x="14649" y="1902"/>
                </a:lnTo>
                <a:lnTo>
                  <a:pt x="14659" y="1893"/>
                </a:lnTo>
                <a:lnTo>
                  <a:pt x="14669" y="1882"/>
                </a:lnTo>
                <a:lnTo>
                  <a:pt x="14678" y="1871"/>
                </a:lnTo>
                <a:lnTo>
                  <a:pt x="14686" y="1860"/>
                </a:lnTo>
                <a:lnTo>
                  <a:pt x="14694" y="1849"/>
                </a:lnTo>
                <a:lnTo>
                  <a:pt x="14702" y="1837"/>
                </a:lnTo>
                <a:lnTo>
                  <a:pt x="14710" y="1824"/>
                </a:lnTo>
                <a:lnTo>
                  <a:pt x="14716" y="1812"/>
                </a:lnTo>
                <a:lnTo>
                  <a:pt x="14722" y="1799"/>
                </a:lnTo>
                <a:lnTo>
                  <a:pt x="14727" y="1786"/>
                </a:lnTo>
                <a:lnTo>
                  <a:pt x="14732" y="1772"/>
                </a:lnTo>
                <a:lnTo>
                  <a:pt x="14736" y="1758"/>
                </a:lnTo>
                <a:lnTo>
                  <a:pt x="14739" y="1744"/>
                </a:lnTo>
                <a:lnTo>
                  <a:pt x="14741" y="1730"/>
                </a:lnTo>
                <a:lnTo>
                  <a:pt x="14743" y="1715"/>
                </a:lnTo>
                <a:lnTo>
                  <a:pt x="14744" y="1700"/>
                </a:lnTo>
                <a:lnTo>
                  <a:pt x="14745" y="1685"/>
                </a:lnTo>
                <a:lnTo>
                  <a:pt x="14745" y="753"/>
                </a:lnTo>
                <a:lnTo>
                  <a:pt x="14744" y="739"/>
                </a:lnTo>
                <a:lnTo>
                  <a:pt x="14743" y="724"/>
                </a:lnTo>
                <a:lnTo>
                  <a:pt x="14741" y="710"/>
                </a:lnTo>
                <a:lnTo>
                  <a:pt x="14739" y="695"/>
                </a:lnTo>
                <a:lnTo>
                  <a:pt x="14736" y="681"/>
                </a:lnTo>
                <a:lnTo>
                  <a:pt x="14732" y="667"/>
                </a:lnTo>
                <a:lnTo>
                  <a:pt x="14727" y="654"/>
                </a:lnTo>
                <a:lnTo>
                  <a:pt x="14722" y="640"/>
                </a:lnTo>
                <a:lnTo>
                  <a:pt x="14716" y="627"/>
                </a:lnTo>
                <a:lnTo>
                  <a:pt x="14710" y="614"/>
                </a:lnTo>
                <a:lnTo>
                  <a:pt x="14702" y="602"/>
                </a:lnTo>
                <a:lnTo>
                  <a:pt x="14694" y="590"/>
                </a:lnTo>
                <a:lnTo>
                  <a:pt x="14686" y="579"/>
                </a:lnTo>
                <a:lnTo>
                  <a:pt x="14678" y="568"/>
                </a:lnTo>
                <a:lnTo>
                  <a:pt x="14669" y="557"/>
                </a:lnTo>
                <a:lnTo>
                  <a:pt x="14659" y="547"/>
                </a:lnTo>
                <a:lnTo>
                  <a:pt x="14649" y="537"/>
                </a:lnTo>
                <a:lnTo>
                  <a:pt x="14638" y="528"/>
                </a:lnTo>
                <a:lnTo>
                  <a:pt x="14627" y="519"/>
                </a:lnTo>
                <a:lnTo>
                  <a:pt x="14616" y="511"/>
                </a:lnTo>
                <a:lnTo>
                  <a:pt x="14604" y="503"/>
                </a:lnTo>
                <a:lnTo>
                  <a:pt x="14592" y="496"/>
                </a:lnTo>
                <a:lnTo>
                  <a:pt x="14578" y="490"/>
                </a:lnTo>
                <a:lnTo>
                  <a:pt x="14566" y="483"/>
                </a:lnTo>
                <a:lnTo>
                  <a:pt x="14553" y="478"/>
                </a:lnTo>
                <a:lnTo>
                  <a:pt x="14539" y="474"/>
                </a:lnTo>
                <a:lnTo>
                  <a:pt x="14525" y="470"/>
                </a:lnTo>
                <a:lnTo>
                  <a:pt x="14511" y="466"/>
                </a:lnTo>
                <a:lnTo>
                  <a:pt x="14497" y="464"/>
                </a:lnTo>
                <a:lnTo>
                  <a:pt x="14482" y="462"/>
                </a:lnTo>
                <a:lnTo>
                  <a:pt x="14467" y="461"/>
                </a:lnTo>
                <a:lnTo>
                  <a:pt x="14452" y="461"/>
                </a:lnTo>
                <a:lnTo>
                  <a:pt x="7582" y="461"/>
                </a:lnTo>
                <a:lnTo>
                  <a:pt x="7567" y="461"/>
                </a:lnTo>
                <a:lnTo>
                  <a:pt x="7552" y="462"/>
                </a:lnTo>
                <a:lnTo>
                  <a:pt x="7537" y="464"/>
                </a:lnTo>
                <a:lnTo>
                  <a:pt x="7523" y="466"/>
                </a:lnTo>
                <a:lnTo>
                  <a:pt x="7509" y="470"/>
                </a:lnTo>
                <a:lnTo>
                  <a:pt x="7495" y="474"/>
                </a:lnTo>
                <a:lnTo>
                  <a:pt x="7481" y="478"/>
                </a:lnTo>
                <a:lnTo>
                  <a:pt x="7468" y="483"/>
                </a:lnTo>
                <a:lnTo>
                  <a:pt x="7455" y="490"/>
                </a:lnTo>
                <a:lnTo>
                  <a:pt x="7443" y="496"/>
                </a:lnTo>
                <a:lnTo>
                  <a:pt x="7431" y="503"/>
                </a:lnTo>
                <a:lnTo>
                  <a:pt x="7418" y="511"/>
                </a:lnTo>
                <a:lnTo>
                  <a:pt x="7407" y="519"/>
                </a:lnTo>
                <a:lnTo>
                  <a:pt x="7396" y="527"/>
                </a:lnTo>
                <a:lnTo>
                  <a:pt x="7385" y="537"/>
                </a:lnTo>
                <a:lnTo>
                  <a:pt x="7375" y="547"/>
                </a:lnTo>
                <a:lnTo>
                  <a:pt x="7365" y="557"/>
                </a:lnTo>
                <a:lnTo>
                  <a:pt x="7356" y="568"/>
                </a:lnTo>
                <a:lnTo>
                  <a:pt x="7347" y="579"/>
                </a:lnTo>
                <a:lnTo>
                  <a:pt x="7339" y="590"/>
                </a:lnTo>
                <a:lnTo>
                  <a:pt x="7332" y="602"/>
                </a:lnTo>
                <a:lnTo>
                  <a:pt x="7325" y="614"/>
                </a:lnTo>
                <a:lnTo>
                  <a:pt x="7318" y="627"/>
                </a:lnTo>
                <a:lnTo>
                  <a:pt x="7312" y="640"/>
                </a:lnTo>
                <a:lnTo>
                  <a:pt x="7306" y="654"/>
                </a:lnTo>
                <a:lnTo>
                  <a:pt x="7302" y="667"/>
                </a:lnTo>
                <a:lnTo>
                  <a:pt x="7298" y="681"/>
                </a:lnTo>
                <a:lnTo>
                  <a:pt x="7295" y="695"/>
                </a:lnTo>
                <a:lnTo>
                  <a:pt x="7292" y="710"/>
                </a:lnTo>
                <a:lnTo>
                  <a:pt x="7290" y="724"/>
                </a:lnTo>
                <a:lnTo>
                  <a:pt x="7289" y="739"/>
                </a:lnTo>
                <a:lnTo>
                  <a:pt x="7289" y="753"/>
                </a:lnTo>
                <a:lnTo>
                  <a:pt x="7289" y="1685"/>
                </a:lnTo>
                <a:lnTo>
                  <a:pt x="7289" y="1700"/>
                </a:lnTo>
                <a:lnTo>
                  <a:pt x="7290" y="1715"/>
                </a:lnTo>
                <a:lnTo>
                  <a:pt x="7292" y="1730"/>
                </a:lnTo>
                <a:lnTo>
                  <a:pt x="7295" y="1744"/>
                </a:lnTo>
                <a:lnTo>
                  <a:pt x="7298" y="1758"/>
                </a:lnTo>
                <a:lnTo>
                  <a:pt x="7302" y="1772"/>
                </a:lnTo>
                <a:lnTo>
                  <a:pt x="7306" y="1786"/>
                </a:lnTo>
                <a:lnTo>
                  <a:pt x="7312" y="1799"/>
                </a:lnTo>
                <a:lnTo>
                  <a:pt x="7318" y="1812"/>
                </a:lnTo>
                <a:lnTo>
                  <a:pt x="7325" y="1824"/>
                </a:lnTo>
                <a:lnTo>
                  <a:pt x="7332" y="1837"/>
                </a:lnTo>
                <a:lnTo>
                  <a:pt x="7339" y="1849"/>
                </a:lnTo>
                <a:lnTo>
                  <a:pt x="7347" y="1860"/>
                </a:lnTo>
                <a:lnTo>
                  <a:pt x="7356" y="1871"/>
                </a:lnTo>
                <a:lnTo>
                  <a:pt x="7365" y="1882"/>
                </a:lnTo>
                <a:lnTo>
                  <a:pt x="7375" y="1893"/>
                </a:lnTo>
                <a:lnTo>
                  <a:pt x="7385" y="1902"/>
                </a:lnTo>
                <a:lnTo>
                  <a:pt x="7396" y="1911"/>
                </a:lnTo>
                <a:lnTo>
                  <a:pt x="7407" y="1920"/>
                </a:lnTo>
                <a:lnTo>
                  <a:pt x="7418" y="1928"/>
                </a:lnTo>
                <a:lnTo>
                  <a:pt x="7431" y="1935"/>
                </a:lnTo>
                <a:lnTo>
                  <a:pt x="7443" y="1943"/>
                </a:lnTo>
                <a:lnTo>
                  <a:pt x="7455" y="1950"/>
                </a:lnTo>
                <a:lnTo>
                  <a:pt x="7468" y="1955"/>
                </a:lnTo>
                <a:lnTo>
                  <a:pt x="7481" y="1961"/>
                </a:lnTo>
                <a:lnTo>
                  <a:pt x="7495" y="1965"/>
                </a:lnTo>
                <a:lnTo>
                  <a:pt x="7509" y="1969"/>
                </a:lnTo>
                <a:lnTo>
                  <a:pt x="7523" y="1972"/>
                </a:lnTo>
                <a:lnTo>
                  <a:pt x="7537" y="1975"/>
                </a:lnTo>
                <a:lnTo>
                  <a:pt x="7552" y="1977"/>
                </a:lnTo>
                <a:lnTo>
                  <a:pt x="7567" y="1978"/>
                </a:lnTo>
                <a:lnTo>
                  <a:pt x="7582" y="1978"/>
                </a:lnTo>
                <a:close/>
                <a:moveTo>
                  <a:pt x="2937" y="1794"/>
                </a:moveTo>
                <a:lnTo>
                  <a:pt x="2967" y="1793"/>
                </a:lnTo>
                <a:lnTo>
                  <a:pt x="2999" y="1791"/>
                </a:lnTo>
                <a:lnTo>
                  <a:pt x="3029" y="1787"/>
                </a:lnTo>
                <a:lnTo>
                  <a:pt x="3059" y="1782"/>
                </a:lnTo>
                <a:lnTo>
                  <a:pt x="3088" y="1774"/>
                </a:lnTo>
                <a:lnTo>
                  <a:pt x="3118" y="1766"/>
                </a:lnTo>
                <a:lnTo>
                  <a:pt x="3146" y="1756"/>
                </a:lnTo>
                <a:lnTo>
                  <a:pt x="3174" y="1746"/>
                </a:lnTo>
                <a:lnTo>
                  <a:pt x="3200" y="1734"/>
                </a:lnTo>
                <a:lnTo>
                  <a:pt x="3227" y="1719"/>
                </a:lnTo>
                <a:lnTo>
                  <a:pt x="3252" y="1705"/>
                </a:lnTo>
                <a:lnTo>
                  <a:pt x="3277" y="1689"/>
                </a:lnTo>
                <a:lnTo>
                  <a:pt x="3301" y="1672"/>
                </a:lnTo>
                <a:lnTo>
                  <a:pt x="3324" y="1654"/>
                </a:lnTo>
                <a:lnTo>
                  <a:pt x="3347" y="1635"/>
                </a:lnTo>
                <a:lnTo>
                  <a:pt x="3368" y="1614"/>
                </a:lnTo>
                <a:lnTo>
                  <a:pt x="3388" y="1593"/>
                </a:lnTo>
                <a:lnTo>
                  <a:pt x="3408" y="1571"/>
                </a:lnTo>
                <a:lnTo>
                  <a:pt x="3425" y="1547"/>
                </a:lnTo>
                <a:lnTo>
                  <a:pt x="3442" y="1524"/>
                </a:lnTo>
                <a:lnTo>
                  <a:pt x="3458" y="1498"/>
                </a:lnTo>
                <a:lnTo>
                  <a:pt x="3473" y="1473"/>
                </a:lnTo>
                <a:lnTo>
                  <a:pt x="3487" y="1446"/>
                </a:lnTo>
                <a:lnTo>
                  <a:pt x="3499" y="1420"/>
                </a:lnTo>
                <a:lnTo>
                  <a:pt x="3509" y="1392"/>
                </a:lnTo>
                <a:lnTo>
                  <a:pt x="3519" y="1364"/>
                </a:lnTo>
                <a:lnTo>
                  <a:pt x="3528" y="1334"/>
                </a:lnTo>
                <a:lnTo>
                  <a:pt x="3535" y="1305"/>
                </a:lnTo>
                <a:lnTo>
                  <a:pt x="3540" y="1275"/>
                </a:lnTo>
                <a:lnTo>
                  <a:pt x="3544" y="1245"/>
                </a:lnTo>
                <a:lnTo>
                  <a:pt x="3546" y="1213"/>
                </a:lnTo>
                <a:lnTo>
                  <a:pt x="3547" y="1181"/>
                </a:lnTo>
                <a:lnTo>
                  <a:pt x="3546" y="1150"/>
                </a:lnTo>
                <a:lnTo>
                  <a:pt x="3544" y="1119"/>
                </a:lnTo>
                <a:lnTo>
                  <a:pt x="3540" y="1089"/>
                </a:lnTo>
                <a:lnTo>
                  <a:pt x="3535" y="1059"/>
                </a:lnTo>
                <a:lnTo>
                  <a:pt x="3528" y="1030"/>
                </a:lnTo>
                <a:lnTo>
                  <a:pt x="3519" y="1000"/>
                </a:lnTo>
                <a:lnTo>
                  <a:pt x="3509" y="972"/>
                </a:lnTo>
                <a:lnTo>
                  <a:pt x="3499" y="944"/>
                </a:lnTo>
                <a:lnTo>
                  <a:pt x="3487" y="917"/>
                </a:lnTo>
                <a:lnTo>
                  <a:pt x="3473" y="890"/>
                </a:lnTo>
                <a:lnTo>
                  <a:pt x="3458" y="865"/>
                </a:lnTo>
                <a:lnTo>
                  <a:pt x="3442" y="840"/>
                </a:lnTo>
                <a:lnTo>
                  <a:pt x="3425" y="816"/>
                </a:lnTo>
                <a:lnTo>
                  <a:pt x="3408" y="793"/>
                </a:lnTo>
                <a:lnTo>
                  <a:pt x="3388" y="771"/>
                </a:lnTo>
                <a:lnTo>
                  <a:pt x="3368" y="749"/>
                </a:lnTo>
                <a:lnTo>
                  <a:pt x="3347" y="729"/>
                </a:lnTo>
                <a:lnTo>
                  <a:pt x="3324" y="710"/>
                </a:lnTo>
                <a:lnTo>
                  <a:pt x="3301" y="691"/>
                </a:lnTo>
                <a:lnTo>
                  <a:pt x="3277" y="675"/>
                </a:lnTo>
                <a:lnTo>
                  <a:pt x="3252" y="659"/>
                </a:lnTo>
                <a:lnTo>
                  <a:pt x="3227" y="643"/>
                </a:lnTo>
                <a:lnTo>
                  <a:pt x="3200" y="630"/>
                </a:lnTo>
                <a:lnTo>
                  <a:pt x="3174" y="618"/>
                </a:lnTo>
                <a:lnTo>
                  <a:pt x="3146" y="607"/>
                </a:lnTo>
                <a:lnTo>
                  <a:pt x="3118" y="598"/>
                </a:lnTo>
                <a:lnTo>
                  <a:pt x="3088" y="589"/>
                </a:lnTo>
                <a:lnTo>
                  <a:pt x="3059" y="582"/>
                </a:lnTo>
                <a:lnTo>
                  <a:pt x="3029" y="577"/>
                </a:lnTo>
                <a:lnTo>
                  <a:pt x="2999" y="573"/>
                </a:lnTo>
                <a:lnTo>
                  <a:pt x="2967" y="570"/>
                </a:lnTo>
                <a:lnTo>
                  <a:pt x="2937" y="570"/>
                </a:lnTo>
                <a:lnTo>
                  <a:pt x="2905" y="570"/>
                </a:lnTo>
                <a:lnTo>
                  <a:pt x="2874" y="573"/>
                </a:lnTo>
                <a:lnTo>
                  <a:pt x="2843" y="577"/>
                </a:lnTo>
                <a:lnTo>
                  <a:pt x="2814" y="582"/>
                </a:lnTo>
                <a:lnTo>
                  <a:pt x="2784" y="589"/>
                </a:lnTo>
                <a:lnTo>
                  <a:pt x="2755" y="598"/>
                </a:lnTo>
                <a:lnTo>
                  <a:pt x="2726" y="607"/>
                </a:lnTo>
                <a:lnTo>
                  <a:pt x="2699" y="618"/>
                </a:lnTo>
                <a:lnTo>
                  <a:pt x="2671" y="630"/>
                </a:lnTo>
                <a:lnTo>
                  <a:pt x="2646" y="643"/>
                </a:lnTo>
                <a:lnTo>
                  <a:pt x="2619" y="659"/>
                </a:lnTo>
                <a:lnTo>
                  <a:pt x="2595" y="675"/>
                </a:lnTo>
                <a:lnTo>
                  <a:pt x="2570" y="691"/>
                </a:lnTo>
                <a:lnTo>
                  <a:pt x="2548" y="710"/>
                </a:lnTo>
                <a:lnTo>
                  <a:pt x="2526" y="729"/>
                </a:lnTo>
                <a:lnTo>
                  <a:pt x="2504" y="749"/>
                </a:lnTo>
                <a:lnTo>
                  <a:pt x="2484" y="771"/>
                </a:lnTo>
                <a:lnTo>
                  <a:pt x="2465" y="793"/>
                </a:lnTo>
                <a:lnTo>
                  <a:pt x="2446" y="816"/>
                </a:lnTo>
                <a:lnTo>
                  <a:pt x="2430" y="840"/>
                </a:lnTo>
                <a:lnTo>
                  <a:pt x="2414" y="865"/>
                </a:lnTo>
                <a:lnTo>
                  <a:pt x="2399" y="890"/>
                </a:lnTo>
                <a:lnTo>
                  <a:pt x="2385" y="917"/>
                </a:lnTo>
                <a:lnTo>
                  <a:pt x="2373" y="944"/>
                </a:lnTo>
                <a:lnTo>
                  <a:pt x="2362" y="972"/>
                </a:lnTo>
                <a:lnTo>
                  <a:pt x="2353" y="1000"/>
                </a:lnTo>
                <a:lnTo>
                  <a:pt x="2345" y="1030"/>
                </a:lnTo>
                <a:lnTo>
                  <a:pt x="2337" y="1059"/>
                </a:lnTo>
                <a:lnTo>
                  <a:pt x="2332" y="1089"/>
                </a:lnTo>
                <a:lnTo>
                  <a:pt x="2328" y="1119"/>
                </a:lnTo>
                <a:lnTo>
                  <a:pt x="2326" y="1150"/>
                </a:lnTo>
                <a:lnTo>
                  <a:pt x="2325" y="1181"/>
                </a:lnTo>
                <a:lnTo>
                  <a:pt x="2326" y="1213"/>
                </a:lnTo>
                <a:lnTo>
                  <a:pt x="2328" y="1245"/>
                </a:lnTo>
                <a:lnTo>
                  <a:pt x="2332" y="1275"/>
                </a:lnTo>
                <a:lnTo>
                  <a:pt x="2337" y="1305"/>
                </a:lnTo>
                <a:lnTo>
                  <a:pt x="2345" y="1334"/>
                </a:lnTo>
                <a:lnTo>
                  <a:pt x="2353" y="1364"/>
                </a:lnTo>
                <a:lnTo>
                  <a:pt x="2362" y="1392"/>
                </a:lnTo>
                <a:lnTo>
                  <a:pt x="2373" y="1420"/>
                </a:lnTo>
                <a:lnTo>
                  <a:pt x="2385" y="1446"/>
                </a:lnTo>
                <a:lnTo>
                  <a:pt x="2399" y="1473"/>
                </a:lnTo>
                <a:lnTo>
                  <a:pt x="2414" y="1498"/>
                </a:lnTo>
                <a:lnTo>
                  <a:pt x="2430" y="1524"/>
                </a:lnTo>
                <a:lnTo>
                  <a:pt x="2446" y="1547"/>
                </a:lnTo>
                <a:lnTo>
                  <a:pt x="2465" y="1571"/>
                </a:lnTo>
                <a:lnTo>
                  <a:pt x="2484" y="1593"/>
                </a:lnTo>
                <a:lnTo>
                  <a:pt x="2504" y="1614"/>
                </a:lnTo>
                <a:lnTo>
                  <a:pt x="2526" y="1635"/>
                </a:lnTo>
                <a:lnTo>
                  <a:pt x="2548" y="1654"/>
                </a:lnTo>
                <a:lnTo>
                  <a:pt x="2570" y="1672"/>
                </a:lnTo>
                <a:lnTo>
                  <a:pt x="2595" y="1689"/>
                </a:lnTo>
                <a:lnTo>
                  <a:pt x="2619" y="1705"/>
                </a:lnTo>
                <a:lnTo>
                  <a:pt x="2646" y="1719"/>
                </a:lnTo>
                <a:lnTo>
                  <a:pt x="2671" y="1734"/>
                </a:lnTo>
                <a:lnTo>
                  <a:pt x="2699" y="1746"/>
                </a:lnTo>
                <a:lnTo>
                  <a:pt x="2726" y="1756"/>
                </a:lnTo>
                <a:lnTo>
                  <a:pt x="2755" y="1766"/>
                </a:lnTo>
                <a:lnTo>
                  <a:pt x="2784" y="1774"/>
                </a:lnTo>
                <a:lnTo>
                  <a:pt x="2814" y="1782"/>
                </a:lnTo>
                <a:lnTo>
                  <a:pt x="2843" y="1787"/>
                </a:lnTo>
                <a:lnTo>
                  <a:pt x="2874" y="1791"/>
                </a:lnTo>
                <a:lnTo>
                  <a:pt x="2905" y="1793"/>
                </a:lnTo>
                <a:lnTo>
                  <a:pt x="2937" y="1794"/>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grpSp>
        <p:nvGrpSpPr>
          <p:cNvPr id="22" name="组合 188">
            <a:extLst>
              <a:ext uri="{FF2B5EF4-FFF2-40B4-BE49-F238E27FC236}">
                <a16:creationId xmlns:a16="http://schemas.microsoft.com/office/drawing/2014/main" xmlns="" id="{713E3698-C0A0-4885-9591-54912A370A7F}"/>
              </a:ext>
            </a:extLst>
          </p:cNvPr>
          <p:cNvGrpSpPr/>
          <p:nvPr/>
        </p:nvGrpSpPr>
        <p:grpSpPr bwMode="ltGray">
          <a:xfrm>
            <a:off x="6707883" y="6031741"/>
            <a:ext cx="53443" cy="9270"/>
            <a:chOff x="10707167" y="1445314"/>
            <a:chExt cx="196850" cy="36513"/>
          </a:xfrm>
          <a:solidFill>
            <a:schemeClr val="bg1"/>
          </a:solidFill>
        </p:grpSpPr>
        <p:sp>
          <p:nvSpPr>
            <p:cNvPr id="24" name="Freeform 10">
              <a:extLst>
                <a:ext uri="{FF2B5EF4-FFF2-40B4-BE49-F238E27FC236}">
                  <a16:creationId xmlns:a16="http://schemas.microsoft.com/office/drawing/2014/main" xmlns="" id="{6E3CF84D-B971-4AAB-A007-AB65E8FF1607}"/>
                </a:ext>
              </a:extLst>
            </p:cNvPr>
            <p:cNvSpPr>
              <a:spLocks/>
            </p:cNvSpPr>
            <p:nvPr/>
          </p:nvSpPr>
          <p:spPr bwMode="ltGray">
            <a:xfrm>
              <a:off x="10707167" y="1445314"/>
              <a:ext cx="36513" cy="36513"/>
            </a:xfrm>
            <a:custGeom>
              <a:avLst/>
              <a:gdLst/>
              <a:ahLst/>
              <a:cxnLst>
                <a:cxn ang="0">
                  <a:pos x="189" y="343"/>
                </a:cxn>
                <a:cxn ang="0">
                  <a:pos x="222" y="335"/>
                </a:cxn>
                <a:cxn ang="0">
                  <a:pos x="253" y="322"/>
                </a:cxn>
                <a:cxn ang="0">
                  <a:pos x="280" y="304"/>
                </a:cxn>
                <a:cxn ang="0">
                  <a:pos x="304" y="280"/>
                </a:cxn>
                <a:cxn ang="0">
                  <a:pos x="322" y="253"/>
                </a:cxn>
                <a:cxn ang="0">
                  <a:pos x="335" y="222"/>
                </a:cxn>
                <a:cxn ang="0">
                  <a:pos x="341" y="190"/>
                </a:cxn>
                <a:cxn ang="0">
                  <a:pos x="341" y="154"/>
                </a:cxn>
                <a:cxn ang="0">
                  <a:pos x="335" y="122"/>
                </a:cxn>
                <a:cxn ang="0">
                  <a:pos x="322" y="90"/>
                </a:cxn>
                <a:cxn ang="0">
                  <a:pos x="304" y="63"/>
                </a:cxn>
                <a:cxn ang="0">
                  <a:pos x="280" y="40"/>
                </a:cxn>
                <a:cxn ang="0">
                  <a:pos x="253" y="22"/>
                </a:cxn>
                <a:cxn ang="0">
                  <a:pos x="222" y="8"/>
                </a:cxn>
                <a:cxn ang="0">
                  <a:pos x="189" y="1"/>
                </a:cxn>
                <a:cxn ang="0">
                  <a:pos x="154" y="1"/>
                </a:cxn>
                <a:cxn ang="0">
                  <a:pos x="121" y="8"/>
                </a:cxn>
                <a:cxn ang="0">
                  <a:pos x="90" y="22"/>
                </a:cxn>
                <a:cxn ang="0">
                  <a:pos x="63" y="40"/>
                </a:cxn>
                <a:cxn ang="0">
                  <a:pos x="39" y="63"/>
                </a:cxn>
                <a:cxn ang="0">
                  <a:pos x="21" y="90"/>
                </a:cxn>
                <a:cxn ang="0">
                  <a:pos x="9" y="122"/>
                </a:cxn>
                <a:cxn ang="0">
                  <a:pos x="2" y="154"/>
                </a:cxn>
                <a:cxn ang="0">
                  <a:pos x="2" y="190"/>
                </a:cxn>
                <a:cxn ang="0">
                  <a:pos x="9" y="222"/>
                </a:cxn>
                <a:cxn ang="0">
                  <a:pos x="21" y="253"/>
                </a:cxn>
                <a:cxn ang="0">
                  <a:pos x="39" y="280"/>
                </a:cxn>
                <a:cxn ang="0">
                  <a:pos x="63" y="304"/>
                </a:cxn>
                <a:cxn ang="0">
                  <a:pos x="90" y="322"/>
                </a:cxn>
                <a:cxn ang="0">
                  <a:pos x="121" y="335"/>
                </a:cxn>
                <a:cxn ang="0">
                  <a:pos x="154" y="343"/>
                </a:cxn>
              </a:cxnLst>
              <a:rect l="0" t="0" r="r" b="b"/>
              <a:pathLst>
                <a:path w="342" h="344">
                  <a:moveTo>
                    <a:pt x="171" y="344"/>
                  </a:moveTo>
                  <a:lnTo>
                    <a:pt x="189" y="343"/>
                  </a:lnTo>
                  <a:lnTo>
                    <a:pt x="206" y="340"/>
                  </a:lnTo>
                  <a:lnTo>
                    <a:pt x="222" y="335"/>
                  </a:lnTo>
                  <a:lnTo>
                    <a:pt x="238" y="329"/>
                  </a:lnTo>
                  <a:lnTo>
                    <a:pt x="253" y="322"/>
                  </a:lnTo>
                  <a:lnTo>
                    <a:pt x="267" y="314"/>
                  </a:lnTo>
                  <a:lnTo>
                    <a:pt x="280" y="304"/>
                  </a:lnTo>
                  <a:lnTo>
                    <a:pt x="292" y="293"/>
                  </a:lnTo>
                  <a:lnTo>
                    <a:pt x="304" y="280"/>
                  </a:lnTo>
                  <a:lnTo>
                    <a:pt x="313" y="267"/>
                  </a:lnTo>
                  <a:lnTo>
                    <a:pt x="322" y="253"/>
                  </a:lnTo>
                  <a:lnTo>
                    <a:pt x="329" y="239"/>
                  </a:lnTo>
                  <a:lnTo>
                    <a:pt x="335" y="222"/>
                  </a:lnTo>
                  <a:lnTo>
                    <a:pt x="339" y="206"/>
                  </a:lnTo>
                  <a:lnTo>
                    <a:pt x="341" y="190"/>
                  </a:lnTo>
                  <a:lnTo>
                    <a:pt x="342" y="171"/>
                  </a:lnTo>
                  <a:lnTo>
                    <a:pt x="341" y="154"/>
                  </a:lnTo>
                  <a:lnTo>
                    <a:pt x="339" y="138"/>
                  </a:lnTo>
                  <a:lnTo>
                    <a:pt x="335" y="122"/>
                  </a:lnTo>
                  <a:lnTo>
                    <a:pt x="329" y="105"/>
                  </a:lnTo>
                  <a:lnTo>
                    <a:pt x="322" y="90"/>
                  </a:lnTo>
                  <a:lnTo>
                    <a:pt x="313" y="76"/>
                  </a:lnTo>
                  <a:lnTo>
                    <a:pt x="304" y="63"/>
                  </a:lnTo>
                  <a:lnTo>
                    <a:pt x="292" y="51"/>
                  </a:lnTo>
                  <a:lnTo>
                    <a:pt x="280" y="40"/>
                  </a:lnTo>
                  <a:lnTo>
                    <a:pt x="267" y="30"/>
                  </a:lnTo>
                  <a:lnTo>
                    <a:pt x="253" y="22"/>
                  </a:lnTo>
                  <a:lnTo>
                    <a:pt x="238" y="13"/>
                  </a:lnTo>
                  <a:lnTo>
                    <a:pt x="222" y="8"/>
                  </a:lnTo>
                  <a:lnTo>
                    <a:pt x="206" y="4"/>
                  </a:lnTo>
                  <a:lnTo>
                    <a:pt x="189" y="1"/>
                  </a:lnTo>
                  <a:lnTo>
                    <a:pt x="171" y="0"/>
                  </a:lnTo>
                  <a:lnTo>
                    <a:pt x="154" y="1"/>
                  </a:lnTo>
                  <a:lnTo>
                    <a:pt x="137" y="4"/>
                  </a:lnTo>
                  <a:lnTo>
                    <a:pt x="121" y="8"/>
                  </a:lnTo>
                  <a:lnTo>
                    <a:pt x="105" y="13"/>
                  </a:lnTo>
                  <a:lnTo>
                    <a:pt x="90" y="22"/>
                  </a:lnTo>
                  <a:lnTo>
                    <a:pt x="76" y="30"/>
                  </a:lnTo>
                  <a:lnTo>
                    <a:pt x="63" y="40"/>
                  </a:lnTo>
                  <a:lnTo>
                    <a:pt x="50" y="51"/>
                  </a:lnTo>
                  <a:lnTo>
                    <a:pt x="39" y="63"/>
                  </a:lnTo>
                  <a:lnTo>
                    <a:pt x="30" y="76"/>
                  </a:lnTo>
                  <a:lnTo>
                    <a:pt x="21" y="90"/>
                  </a:lnTo>
                  <a:lnTo>
                    <a:pt x="14" y="105"/>
                  </a:lnTo>
                  <a:lnTo>
                    <a:pt x="9" y="122"/>
                  </a:lnTo>
                  <a:lnTo>
                    <a:pt x="4" y="138"/>
                  </a:lnTo>
                  <a:lnTo>
                    <a:pt x="2" y="154"/>
                  </a:lnTo>
                  <a:lnTo>
                    <a:pt x="0" y="171"/>
                  </a:lnTo>
                  <a:lnTo>
                    <a:pt x="2" y="190"/>
                  </a:lnTo>
                  <a:lnTo>
                    <a:pt x="4" y="206"/>
                  </a:lnTo>
                  <a:lnTo>
                    <a:pt x="9" y="222"/>
                  </a:lnTo>
                  <a:lnTo>
                    <a:pt x="14" y="239"/>
                  </a:lnTo>
                  <a:lnTo>
                    <a:pt x="21" y="253"/>
                  </a:lnTo>
                  <a:lnTo>
                    <a:pt x="30" y="267"/>
                  </a:lnTo>
                  <a:lnTo>
                    <a:pt x="39" y="280"/>
                  </a:lnTo>
                  <a:lnTo>
                    <a:pt x="50" y="293"/>
                  </a:lnTo>
                  <a:lnTo>
                    <a:pt x="63" y="304"/>
                  </a:lnTo>
                  <a:lnTo>
                    <a:pt x="76" y="314"/>
                  </a:lnTo>
                  <a:lnTo>
                    <a:pt x="90" y="322"/>
                  </a:lnTo>
                  <a:lnTo>
                    <a:pt x="105" y="329"/>
                  </a:lnTo>
                  <a:lnTo>
                    <a:pt x="121" y="335"/>
                  </a:lnTo>
                  <a:lnTo>
                    <a:pt x="137" y="340"/>
                  </a:lnTo>
                  <a:lnTo>
                    <a:pt x="154" y="343"/>
                  </a:lnTo>
                  <a:lnTo>
                    <a:pt x="171"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25" name="Freeform 11">
              <a:extLst>
                <a:ext uri="{FF2B5EF4-FFF2-40B4-BE49-F238E27FC236}">
                  <a16:creationId xmlns:a16="http://schemas.microsoft.com/office/drawing/2014/main" xmlns="" id="{8986392D-C96F-414D-A357-6407C6AF8C84}"/>
                </a:ext>
              </a:extLst>
            </p:cNvPr>
            <p:cNvSpPr>
              <a:spLocks/>
            </p:cNvSpPr>
            <p:nvPr/>
          </p:nvSpPr>
          <p:spPr bwMode="ltGray">
            <a:xfrm>
              <a:off x="10761142" y="1445314"/>
              <a:ext cx="36513" cy="36513"/>
            </a:xfrm>
            <a:custGeom>
              <a:avLst/>
              <a:gdLst/>
              <a:ahLst/>
              <a:cxnLst>
                <a:cxn ang="0">
                  <a:pos x="189" y="343"/>
                </a:cxn>
                <a:cxn ang="0">
                  <a:pos x="222" y="335"/>
                </a:cxn>
                <a:cxn ang="0">
                  <a:pos x="253" y="322"/>
                </a:cxn>
                <a:cxn ang="0">
                  <a:pos x="280" y="304"/>
                </a:cxn>
                <a:cxn ang="0">
                  <a:pos x="303" y="280"/>
                </a:cxn>
                <a:cxn ang="0">
                  <a:pos x="321" y="253"/>
                </a:cxn>
                <a:cxn ang="0">
                  <a:pos x="335" y="222"/>
                </a:cxn>
                <a:cxn ang="0">
                  <a:pos x="342" y="190"/>
                </a:cxn>
                <a:cxn ang="0">
                  <a:pos x="342" y="154"/>
                </a:cxn>
                <a:cxn ang="0">
                  <a:pos x="335" y="122"/>
                </a:cxn>
                <a:cxn ang="0">
                  <a:pos x="321"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5" y="340"/>
                  </a:lnTo>
                  <a:lnTo>
                    <a:pt x="222" y="335"/>
                  </a:lnTo>
                  <a:lnTo>
                    <a:pt x="238" y="329"/>
                  </a:lnTo>
                  <a:lnTo>
                    <a:pt x="253" y="322"/>
                  </a:lnTo>
                  <a:lnTo>
                    <a:pt x="267" y="314"/>
                  </a:lnTo>
                  <a:lnTo>
                    <a:pt x="280" y="304"/>
                  </a:lnTo>
                  <a:lnTo>
                    <a:pt x="292" y="293"/>
                  </a:lnTo>
                  <a:lnTo>
                    <a:pt x="303" y="280"/>
                  </a:lnTo>
                  <a:lnTo>
                    <a:pt x="313" y="267"/>
                  </a:lnTo>
                  <a:lnTo>
                    <a:pt x="321" y="253"/>
                  </a:lnTo>
                  <a:lnTo>
                    <a:pt x="330" y="239"/>
                  </a:lnTo>
                  <a:lnTo>
                    <a:pt x="335" y="222"/>
                  </a:lnTo>
                  <a:lnTo>
                    <a:pt x="339" y="206"/>
                  </a:lnTo>
                  <a:lnTo>
                    <a:pt x="342" y="190"/>
                  </a:lnTo>
                  <a:lnTo>
                    <a:pt x="343" y="171"/>
                  </a:lnTo>
                  <a:lnTo>
                    <a:pt x="342" y="154"/>
                  </a:lnTo>
                  <a:lnTo>
                    <a:pt x="339" y="138"/>
                  </a:lnTo>
                  <a:lnTo>
                    <a:pt x="335" y="122"/>
                  </a:lnTo>
                  <a:lnTo>
                    <a:pt x="330" y="105"/>
                  </a:lnTo>
                  <a:lnTo>
                    <a:pt x="321" y="90"/>
                  </a:lnTo>
                  <a:lnTo>
                    <a:pt x="313" y="76"/>
                  </a:lnTo>
                  <a:lnTo>
                    <a:pt x="303" y="63"/>
                  </a:lnTo>
                  <a:lnTo>
                    <a:pt x="292" y="51"/>
                  </a:lnTo>
                  <a:lnTo>
                    <a:pt x="280" y="40"/>
                  </a:lnTo>
                  <a:lnTo>
                    <a:pt x="267" y="30"/>
                  </a:lnTo>
                  <a:lnTo>
                    <a:pt x="253" y="22"/>
                  </a:lnTo>
                  <a:lnTo>
                    <a:pt x="238" y="13"/>
                  </a:lnTo>
                  <a:lnTo>
                    <a:pt x="222" y="8"/>
                  </a:lnTo>
                  <a:lnTo>
                    <a:pt x="205"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26" name="Freeform 12">
              <a:extLst>
                <a:ext uri="{FF2B5EF4-FFF2-40B4-BE49-F238E27FC236}">
                  <a16:creationId xmlns:a16="http://schemas.microsoft.com/office/drawing/2014/main" xmlns="" id="{9D39CD4F-621F-4364-901B-17BB47A503D2}"/>
                </a:ext>
              </a:extLst>
            </p:cNvPr>
            <p:cNvSpPr>
              <a:spLocks/>
            </p:cNvSpPr>
            <p:nvPr/>
          </p:nvSpPr>
          <p:spPr bwMode="ltGray">
            <a:xfrm>
              <a:off x="10813529" y="1445314"/>
              <a:ext cx="36513" cy="36513"/>
            </a:xfrm>
            <a:custGeom>
              <a:avLst/>
              <a:gdLst/>
              <a:ahLst/>
              <a:cxnLst>
                <a:cxn ang="0">
                  <a:pos x="188" y="343"/>
                </a:cxn>
                <a:cxn ang="0">
                  <a:pos x="221" y="335"/>
                </a:cxn>
                <a:cxn ang="0">
                  <a:pos x="252" y="322"/>
                </a:cxn>
                <a:cxn ang="0">
                  <a:pos x="279" y="304"/>
                </a:cxn>
                <a:cxn ang="0">
                  <a:pos x="303" y="280"/>
                </a:cxn>
                <a:cxn ang="0">
                  <a:pos x="321" y="253"/>
                </a:cxn>
                <a:cxn ang="0">
                  <a:pos x="334" y="222"/>
                </a:cxn>
                <a:cxn ang="0">
                  <a:pos x="340" y="190"/>
                </a:cxn>
                <a:cxn ang="0">
                  <a:pos x="340" y="154"/>
                </a:cxn>
                <a:cxn ang="0">
                  <a:pos x="334" y="122"/>
                </a:cxn>
                <a:cxn ang="0">
                  <a:pos x="321" y="90"/>
                </a:cxn>
                <a:cxn ang="0">
                  <a:pos x="303" y="63"/>
                </a:cxn>
                <a:cxn ang="0">
                  <a:pos x="279" y="40"/>
                </a:cxn>
                <a:cxn ang="0">
                  <a:pos x="252" y="22"/>
                </a:cxn>
                <a:cxn ang="0">
                  <a:pos x="221" y="8"/>
                </a:cxn>
                <a:cxn ang="0">
                  <a:pos x="188" y="1"/>
                </a:cxn>
                <a:cxn ang="0">
                  <a:pos x="153" y="1"/>
                </a:cxn>
                <a:cxn ang="0">
                  <a:pos x="120" y="8"/>
                </a:cxn>
                <a:cxn ang="0">
                  <a:pos x="89" y="22"/>
                </a:cxn>
                <a:cxn ang="0">
                  <a:pos x="62" y="40"/>
                </a:cxn>
                <a:cxn ang="0">
                  <a:pos x="38" y="63"/>
                </a:cxn>
                <a:cxn ang="0">
                  <a:pos x="20" y="90"/>
                </a:cxn>
                <a:cxn ang="0">
                  <a:pos x="7" y="122"/>
                </a:cxn>
                <a:cxn ang="0">
                  <a:pos x="1" y="154"/>
                </a:cxn>
                <a:cxn ang="0">
                  <a:pos x="1" y="190"/>
                </a:cxn>
                <a:cxn ang="0">
                  <a:pos x="7" y="222"/>
                </a:cxn>
                <a:cxn ang="0">
                  <a:pos x="20" y="253"/>
                </a:cxn>
                <a:cxn ang="0">
                  <a:pos x="38" y="280"/>
                </a:cxn>
                <a:cxn ang="0">
                  <a:pos x="62" y="304"/>
                </a:cxn>
                <a:cxn ang="0">
                  <a:pos x="89" y="322"/>
                </a:cxn>
                <a:cxn ang="0">
                  <a:pos x="120" y="335"/>
                </a:cxn>
                <a:cxn ang="0">
                  <a:pos x="153" y="343"/>
                </a:cxn>
              </a:cxnLst>
              <a:rect l="0" t="0" r="r" b="b"/>
              <a:pathLst>
                <a:path w="341" h="344">
                  <a:moveTo>
                    <a:pt x="170" y="344"/>
                  </a:moveTo>
                  <a:lnTo>
                    <a:pt x="188" y="343"/>
                  </a:lnTo>
                  <a:lnTo>
                    <a:pt x="205" y="340"/>
                  </a:lnTo>
                  <a:lnTo>
                    <a:pt x="221" y="335"/>
                  </a:lnTo>
                  <a:lnTo>
                    <a:pt x="237" y="329"/>
                  </a:lnTo>
                  <a:lnTo>
                    <a:pt x="252" y="322"/>
                  </a:lnTo>
                  <a:lnTo>
                    <a:pt x="266" y="314"/>
                  </a:lnTo>
                  <a:lnTo>
                    <a:pt x="279" y="304"/>
                  </a:lnTo>
                  <a:lnTo>
                    <a:pt x="291" y="293"/>
                  </a:lnTo>
                  <a:lnTo>
                    <a:pt x="303" y="280"/>
                  </a:lnTo>
                  <a:lnTo>
                    <a:pt x="312" y="267"/>
                  </a:lnTo>
                  <a:lnTo>
                    <a:pt x="321" y="253"/>
                  </a:lnTo>
                  <a:lnTo>
                    <a:pt x="328" y="239"/>
                  </a:lnTo>
                  <a:lnTo>
                    <a:pt x="334" y="222"/>
                  </a:lnTo>
                  <a:lnTo>
                    <a:pt x="338" y="206"/>
                  </a:lnTo>
                  <a:lnTo>
                    <a:pt x="340" y="190"/>
                  </a:lnTo>
                  <a:lnTo>
                    <a:pt x="341" y="171"/>
                  </a:lnTo>
                  <a:lnTo>
                    <a:pt x="340" y="154"/>
                  </a:lnTo>
                  <a:lnTo>
                    <a:pt x="338" y="138"/>
                  </a:lnTo>
                  <a:lnTo>
                    <a:pt x="334" y="122"/>
                  </a:lnTo>
                  <a:lnTo>
                    <a:pt x="328" y="105"/>
                  </a:lnTo>
                  <a:lnTo>
                    <a:pt x="321" y="90"/>
                  </a:lnTo>
                  <a:lnTo>
                    <a:pt x="312" y="76"/>
                  </a:lnTo>
                  <a:lnTo>
                    <a:pt x="303" y="63"/>
                  </a:lnTo>
                  <a:lnTo>
                    <a:pt x="291" y="51"/>
                  </a:lnTo>
                  <a:lnTo>
                    <a:pt x="279" y="40"/>
                  </a:lnTo>
                  <a:lnTo>
                    <a:pt x="266" y="30"/>
                  </a:lnTo>
                  <a:lnTo>
                    <a:pt x="252" y="22"/>
                  </a:lnTo>
                  <a:lnTo>
                    <a:pt x="237" y="13"/>
                  </a:lnTo>
                  <a:lnTo>
                    <a:pt x="221" y="8"/>
                  </a:lnTo>
                  <a:lnTo>
                    <a:pt x="205" y="4"/>
                  </a:lnTo>
                  <a:lnTo>
                    <a:pt x="188" y="1"/>
                  </a:lnTo>
                  <a:lnTo>
                    <a:pt x="170" y="0"/>
                  </a:lnTo>
                  <a:lnTo>
                    <a:pt x="153" y="1"/>
                  </a:lnTo>
                  <a:lnTo>
                    <a:pt x="136" y="4"/>
                  </a:lnTo>
                  <a:lnTo>
                    <a:pt x="120" y="8"/>
                  </a:lnTo>
                  <a:lnTo>
                    <a:pt x="104" y="13"/>
                  </a:lnTo>
                  <a:lnTo>
                    <a:pt x="89" y="22"/>
                  </a:lnTo>
                  <a:lnTo>
                    <a:pt x="75" y="30"/>
                  </a:lnTo>
                  <a:lnTo>
                    <a:pt x="62" y="40"/>
                  </a:lnTo>
                  <a:lnTo>
                    <a:pt x="49" y="51"/>
                  </a:lnTo>
                  <a:lnTo>
                    <a:pt x="38" y="63"/>
                  </a:lnTo>
                  <a:lnTo>
                    <a:pt x="29" y="76"/>
                  </a:lnTo>
                  <a:lnTo>
                    <a:pt x="20" y="90"/>
                  </a:lnTo>
                  <a:lnTo>
                    <a:pt x="13" y="105"/>
                  </a:lnTo>
                  <a:lnTo>
                    <a:pt x="7" y="122"/>
                  </a:lnTo>
                  <a:lnTo>
                    <a:pt x="3" y="138"/>
                  </a:lnTo>
                  <a:lnTo>
                    <a:pt x="1" y="154"/>
                  </a:lnTo>
                  <a:lnTo>
                    <a:pt x="0" y="171"/>
                  </a:lnTo>
                  <a:lnTo>
                    <a:pt x="1" y="190"/>
                  </a:lnTo>
                  <a:lnTo>
                    <a:pt x="3" y="206"/>
                  </a:lnTo>
                  <a:lnTo>
                    <a:pt x="7" y="222"/>
                  </a:lnTo>
                  <a:lnTo>
                    <a:pt x="13" y="239"/>
                  </a:lnTo>
                  <a:lnTo>
                    <a:pt x="20" y="253"/>
                  </a:lnTo>
                  <a:lnTo>
                    <a:pt x="29" y="267"/>
                  </a:lnTo>
                  <a:lnTo>
                    <a:pt x="38" y="280"/>
                  </a:lnTo>
                  <a:lnTo>
                    <a:pt x="49" y="293"/>
                  </a:lnTo>
                  <a:lnTo>
                    <a:pt x="62" y="304"/>
                  </a:lnTo>
                  <a:lnTo>
                    <a:pt x="75" y="314"/>
                  </a:lnTo>
                  <a:lnTo>
                    <a:pt x="89" y="322"/>
                  </a:lnTo>
                  <a:lnTo>
                    <a:pt x="104" y="329"/>
                  </a:lnTo>
                  <a:lnTo>
                    <a:pt x="120" y="335"/>
                  </a:lnTo>
                  <a:lnTo>
                    <a:pt x="136" y="340"/>
                  </a:lnTo>
                  <a:lnTo>
                    <a:pt x="153" y="343"/>
                  </a:lnTo>
                  <a:lnTo>
                    <a:pt x="170"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27" name="Freeform 13">
              <a:extLst>
                <a:ext uri="{FF2B5EF4-FFF2-40B4-BE49-F238E27FC236}">
                  <a16:creationId xmlns:a16="http://schemas.microsoft.com/office/drawing/2014/main" xmlns="" id="{F7325663-E764-4DCD-9647-EC19AD83CE84}"/>
                </a:ext>
              </a:extLst>
            </p:cNvPr>
            <p:cNvSpPr>
              <a:spLocks/>
            </p:cNvSpPr>
            <p:nvPr/>
          </p:nvSpPr>
          <p:spPr bwMode="ltGray">
            <a:xfrm>
              <a:off x="10867504" y="1445314"/>
              <a:ext cx="36513" cy="36513"/>
            </a:xfrm>
            <a:custGeom>
              <a:avLst/>
              <a:gdLst/>
              <a:ahLst/>
              <a:cxnLst>
                <a:cxn ang="0">
                  <a:pos x="189" y="343"/>
                </a:cxn>
                <a:cxn ang="0">
                  <a:pos x="222" y="335"/>
                </a:cxn>
                <a:cxn ang="0">
                  <a:pos x="253" y="322"/>
                </a:cxn>
                <a:cxn ang="0">
                  <a:pos x="280" y="304"/>
                </a:cxn>
                <a:cxn ang="0">
                  <a:pos x="303" y="280"/>
                </a:cxn>
                <a:cxn ang="0">
                  <a:pos x="322" y="253"/>
                </a:cxn>
                <a:cxn ang="0">
                  <a:pos x="335" y="222"/>
                </a:cxn>
                <a:cxn ang="0">
                  <a:pos x="342" y="190"/>
                </a:cxn>
                <a:cxn ang="0">
                  <a:pos x="342" y="154"/>
                </a:cxn>
                <a:cxn ang="0">
                  <a:pos x="335" y="122"/>
                </a:cxn>
                <a:cxn ang="0">
                  <a:pos x="322"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6" y="340"/>
                  </a:lnTo>
                  <a:lnTo>
                    <a:pt x="222" y="335"/>
                  </a:lnTo>
                  <a:lnTo>
                    <a:pt x="238" y="329"/>
                  </a:lnTo>
                  <a:lnTo>
                    <a:pt x="253" y="322"/>
                  </a:lnTo>
                  <a:lnTo>
                    <a:pt x="267" y="314"/>
                  </a:lnTo>
                  <a:lnTo>
                    <a:pt x="280" y="304"/>
                  </a:lnTo>
                  <a:lnTo>
                    <a:pt x="292" y="293"/>
                  </a:lnTo>
                  <a:lnTo>
                    <a:pt x="303" y="280"/>
                  </a:lnTo>
                  <a:lnTo>
                    <a:pt x="313" y="267"/>
                  </a:lnTo>
                  <a:lnTo>
                    <a:pt x="322" y="253"/>
                  </a:lnTo>
                  <a:lnTo>
                    <a:pt x="329" y="239"/>
                  </a:lnTo>
                  <a:lnTo>
                    <a:pt x="335" y="222"/>
                  </a:lnTo>
                  <a:lnTo>
                    <a:pt x="339" y="206"/>
                  </a:lnTo>
                  <a:lnTo>
                    <a:pt x="342" y="190"/>
                  </a:lnTo>
                  <a:lnTo>
                    <a:pt x="343" y="171"/>
                  </a:lnTo>
                  <a:lnTo>
                    <a:pt x="342" y="154"/>
                  </a:lnTo>
                  <a:lnTo>
                    <a:pt x="339" y="138"/>
                  </a:lnTo>
                  <a:lnTo>
                    <a:pt x="335" y="122"/>
                  </a:lnTo>
                  <a:lnTo>
                    <a:pt x="329" y="105"/>
                  </a:lnTo>
                  <a:lnTo>
                    <a:pt x="322" y="90"/>
                  </a:lnTo>
                  <a:lnTo>
                    <a:pt x="313" y="76"/>
                  </a:lnTo>
                  <a:lnTo>
                    <a:pt x="303" y="63"/>
                  </a:lnTo>
                  <a:lnTo>
                    <a:pt x="292" y="51"/>
                  </a:lnTo>
                  <a:lnTo>
                    <a:pt x="280" y="40"/>
                  </a:lnTo>
                  <a:lnTo>
                    <a:pt x="267" y="30"/>
                  </a:lnTo>
                  <a:lnTo>
                    <a:pt x="253" y="22"/>
                  </a:lnTo>
                  <a:lnTo>
                    <a:pt x="238" y="13"/>
                  </a:lnTo>
                  <a:lnTo>
                    <a:pt x="222" y="8"/>
                  </a:lnTo>
                  <a:lnTo>
                    <a:pt x="206"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grpSp>
      <p:sp>
        <p:nvSpPr>
          <p:cNvPr id="23" name="Freeform 15">
            <a:extLst>
              <a:ext uri="{FF2B5EF4-FFF2-40B4-BE49-F238E27FC236}">
                <a16:creationId xmlns:a16="http://schemas.microsoft.com/office/drawing/2014/main" xmlns="" id="{77B3D510-3793-4F69-A95E-C80FCDB51974}"/>
              </a:ext>
            </a:extLst>
          </p:cNvPr>
          <p:cNvSpPr>
            <a:spLocks noEditPoints="1"/>
          </p:cNvSpPr>
          <p:nvPr/>
        </p:nvSpPr>
        <p:spPr bwMode="ltGray">
          <a:xfrm>
            <a:off x="6368691" y="5990082"/>
            <a:ext cx="467629" cy="65698"/>
          </a:xfrm>
          <a:custGeom>
            <a:avLst/>
            <a:gdLst/>
            <a:ahLst/>
            <a:cxnLst>
              <a:cxn ang="0">
                <a:pos x="15920" y="2437"/>
              </a:cxn>
              <a:cxn ang="0">
                <a:pos x="16066" y="2370"/>
              </a:cxn>
              <a:cxn ang="0">
                <a:pos x="16180" y="2261"/>
              </a:cxn>
              <a:cxn ang="0">
                <a:pos x="16254" y="2119"/>
              </a:cxn>
              <a:cxn ang="0">
                <a:pos x="16275" y="473"/>
              </a:cxn>
              <a:cxn ang="0">
                <a:pos x="16247" y="311"/>
              </a:cxn>
              <a:cxn ang="0">
                <a:pos x="16166" y="173"/>
              </a:cxn>
              <a:cxn ang="0">
                <a:pos x="16047" y="69"/>
              </a:cxn>
              <a:cxn ang="0">
                <a:pos x="15897" y="10"/>
              </a:cxn>
              <a:cxn ang="0">
                <a:pos x="425" y="2"/>
              </a:cxn>
              <a:cxn ang="0">
                <a:pos x="269" y="46"/>
              </a:cxn>
              <a:cxn ang="0">
                <a:pos x="139" y="139"/>
              </a:cxn>
              <a:cxn ang="0">
                <a:pos x="47" y="268"/>
              </a:cxn>
              <a:cxn ang="0">
                <a:pos x="2" y="425"/>
              </a:cxn>
              <a:cxn ang="0">
                <a:pos x="9" y="2073"/>
              </a:cxn>
              <a:cxn ang="0">
                <a:pos x="68" y="2224"/>
              </a:cxn>
              <a:cxn ang="0">
                <a:pos x="173" y="2344"/>
              </a:cxn>
              <a:cxn ang="0">
                <a:pos x="310" y="2423"/>
              </a:cxn>
              <a:cxn ang="0">
                <a:pos x="473" y="2452"/>
              </a:cxn>
              <a:cxn ang="0">
                <a:pos x="14525" y="1969"/>
              </a:cxn>
              <a:cxn ang="0">
                <a:pos x="14616" y="1928"/>
              </a:cxn>
              <a:cxn ang="0">
                <a:pos x="14686" y="1860"/>
              </a:cxn>
              <a:cxn ang="0">
                <a:pos x="14732" y="1772"/>
              </a:cxn>
              <a:cxn ang="0">
                <a:pos x="14745" y="753"/>
              </a:cxn>
              <a:cxn ang="0">
                <a:pos x="14727" y="654"/>
              </a:cxn>
              <a:cxn ang="0">
                <a:pos x="14678" y="568"/>
              </a:cxn>
              <a:cxn ang="0">
                <a:pos x="14604" y="503"/>
              </a:cxn>
              <a:cxn ang="0">
                <a:pos x="14511" y="466"/>
              </a:cxn>
              <a:cxn ang="0">
                <a:pos x="7552" y="462"/>
              </a:cxn>
              <a:cxn ang="0">
                <a:pos x="7455" y="490"/>
              </a:cxn>
              <a:cxn ang="0">
                <a:pos x="7375" y="547"/>
              </a:cxn>
              <a:cxn ang="0">
                <a:pos x="7318" y="627"/>
              </a:cxn>
              <a:cxn ang="0">
                <a:pos x="7290" y="724"/>
              </a:cxn>
              <a:cxn ang="0">
                <a:pos x="7295" y="1744"/>
              </a:cxn>
              <a:cxn ang="0">
                <a:pos x="7332" y="1837"/>
              </a:cxn>
              <a:cxn ang="0">
                <a:pos x="7396" y="1911"/>
              </a:cxn>
              <a:cxn ang="0">
                <a:pos x="7481" y="1961"/>
              </a:cxn>
              <a:cxn ang="0">
                <a:pos x="7582" y="1978"/>
              </a:cxn>
              <a:cxn ang="0">
                <a:pos x="3118" y="1766"/>
              </a:cxn>
              <a:cxn ang="0">
                <a:pos x="3301" y="1672"/>
              </a:cxn>
              <a:cxn ang="0">
                <a:pos x="3442" y="1524"/>
              </a:cxn>
              <a:cxn ang="0">
                <a:pos x="3528" y="1334"/>
              </a:cxn>
              <a:cxn ang="0">
                <a:pos x="3544" y="1119"/>
              </a:cxn>
              <a:cxn ang="0">
                <a:pos x="3487" y="917"/>
              </a:cxn>
              <a:cxn ang="0">
                <a:pos x="3368" y="749"/>
              </a:cxn>
              <a:cxn ang="0">
                <a:pos x="3200" y="630"/>
              </a:cxn>
              <a:cxn ang="0">
                <a:pos x="2999" y="573"/>
              </a:cxn>
              <a:cxn ang="0">
                <a:pos x="2784" y="589"/>
              </a:cxn>
              <a:cxn ang="0">
                <a:pos x="2595" y="675"/>
              </a:cxn>
              <a:cxn ang="0">
                <a:pos x="2446" y="816"/>
              </a:cxn>
              <a:cxn ang="0">
                <a:pos x="2353" y="1000"/>
              </a:cxn>
              <a:cxn ang="0">
                <a:pos x="2326" y="1213"/>
              </a:cxn>
              <a:cxn ang="0">
                <a:pos x="2373" y="1420"/>
              </a:cxn>
              <a:cxn ang="0">
                <a:pos x="2484" y="1593"/>
              </a:cxn>
              <a:cxn ang="0">
                <a:pos x="2646" y="1719"/>
              </a:cxn>
              <a:cxn ang="0">
                <a:pos x="2843" y="1787"/>
              </a:cxn>
            </a:cxnLst>
            <a:rect l="0" t="0" r="r" b="b"/>
            <a:pathLst>
              <a:path w="16275" h="2452">
                <a:moveTo>
                  <a:pt x="473" y="2452"/>
                </a:moveTo>
                <a:lnTo>
                  <a:pt x="15802" y="2452"/>
                </a:lnTo>
                <a:lnTo>
                  <a:pt x="15826" y="2451"/>
                </a:lnTo>
                <a:lnTo>
                  <a:pt x="15850" y="2450"/>
                </a:lnTo>
                <a:lnTo>
                  <a:pt x="15874" y="2447"/>
                </a:lnTo>
                <a:lnTo>
                  <a:pt x="15897" y="2443"/>
                </a:lnTo>
                <a:lnTo>
                  <a:pt x="15920" y="2437"/>
                </a:lnTo>
                <a:lnTo>
                  <a:pt x="15942" y="2431"/>
                </a:lnTo>
                <a:lnTo>
                  <a:pt x="15964" y="2423"/>
                </a:lnTo>
                <a:lnTo>
                  <a:pt x="15986" y="2414"/>
                </a:lnTo>
                <a:lnTo>
                  <a:pt x="16006" y="2405"/>
                </a:lnTo>
                <a:lnTo>
                  <a:pt x="16027" y="2395"/>
                </a:lnTo>
                <a:lnTo>
                  <a:pt x="16047" y="2384"/>
                </a:lnTo>
                <a:lnTo>
                  <a:pt x="16066" y="2370"/>
                </a:lnTo>
                <a:lnTo>
                  <a:pt x="16085" y="2357"/>
                </a:lnTo>
                <a:lnTo>
                  <a:pt x="16102" y="2344"/>
                </a:lnTo>
                <a:lnTo>
                  <a:pt x="16119" y="2329"/>
                </a:lnTo>
                <a:lnTo>
                  <a:pt x="16136" y="2312"/>
                </a:lnTo>
                <a:lnTo>
                  <a:pt x="16152" y="2296"/>
                </a:lnTo>
                <a:lnTo>
                  <a:pt x="16166" y="2279"/>
                </a:lnTo>
                <a:lnTo>
                  <a:pt x="16180" y="2261"/>
                </a:lnTo>
                <a:lnTo>
                  <a:pt x="16194" y="2243"/>
                </a:lnTo>
                <a:lnTo>
                  <a:pt x="16206" y="2224"/>
                </a:lnTo>
                <a:lnTo>
                  <a:pt x="16218" y="2203"/>
                </a:lnTo>
                <a:lnTo>
                  <a:pt x="16228" y="2183"/>
                </a:lnTo>
                <a:lnTo>
                  <a:pt x="16237" y="2163"/>
                </a:lnTo>
                <a:lnTo>
                  <a:pt x="16247" y="2141"/>
                </a:lnTo>
                <a:lnTo>
                  <a:pt x="16254" y="2119"/>
                </a:lnTo>
                <a:lnTo>
                  <a:pt x="16260" y="2096"/>
                </a:lnTo>
                <a:lnTo>
                  <a:pt x="16265" y="2073"/>
                </a:lnTo>
                <a:lnTo>
                  <a:pt x="16270" y="2051"/>
                </a:lnTo>
                <a:lnTo>
                  <a:pt x="16273" y="2026"/>
                </a:lnTo>
                <a:lnTo>
                  <a:pt x="16274" y="2003"/>
                </a:lnTo>
                <a:lnTo>
                  <a:pt x="16275" y="1978"/>
                </a:lnTo>
                <a:lnTo>
                  <a:pt x="16275" y="473"/>
                </a:lnTo>
                <a:lnTo>
                  <a:pt x="16274" y="449"/>
                </a:lnTo>
                <a:lnTo>
                  <a:pt x="16273" y="425"/>
                </a:lnTo>
                <a:lnTo>
                  <a:pt x="16270" y="401"/>
                </a:lnTo>
                <a:lnTo>
                  <a:pt x="16265" y="379"/>
                </a:lnTo>
                <a:lnTo>
                  <a:pt x="16260" y="355"/>
                </a:lnTo>
                <a:lnTo>
                  <a:pt x="16254" y="333"/>
                </a:lnTo>
                <a:lnTo>
                  <a:pt x="16247" y="311"/>
                </a:lnTo>
                <a:lnTo>
                  <a:pt x="16237" y="289"/>
                </a:lnTo>
                <a:lnTo>
                  <a:pt x="16228" y="268"/>
                </a:lnTo>
                <a:lnTo>
                  <a:pt x="16218" y="248"/>
                </a:lnTo>
                <a:lnTo>
                  <a:pt x="16206" y="228"/>
                </a:lnTo>
                <a:lnTo>
                  <a:pt x="16194" y="209"/>
                </a:lnTo>
                <a:lnTo>
                  <a:pt x="16180" y="190"/>
                </a:lnTo>
                <a:lnTo>
                  <a:pt x="16166" y="173"/>
                </a:lnTo>
                <a:lnTo>
                  <a:pt x="16152" y="155"/>
                </a:lnTo>
                <a:lnTo>
                  <a:pt x="16136" y="139"/>
                </a:lnTo>
                <a:lnTo>
                  <a:pt x="16119" y="123"/>
                </a:lnTo>
                <a:lnTo>
                  <a:pt x="16102" y="109"/>
                </a:lnTo>
                <a:lnTo>
                  <a:pt x="16085" y="94"/>
                </a:lnTo>
                <a:lnTo>
                  <a:pt x="16066" y="81"/>
                </a:lnTo>
                <a:lnTo>
                  <a:pt x="16047" y="69"/>
                </a:lnTo>
                <a:lnTo>
                  <a:pt x="16027" y="57"/>
                </a:lnTo>
                <a:lnTo>
                  <a:pt x="16006" y="46"/>
                </a:lnTo>
                <a:lnTo>
                  <a:pt x="15986" y="37"/>
                </a:lnTo>
                <a:lnTo>
                  <a:pt x="15964" y="28"/>
                </a:lnTo>
                <a:lnTo>
                  <a:pt x="15942" y="21"/>
                </a:lnTo>
                <a:lnTo>
                  <a:pt x="15920" y="15"/>
                </a:lnTo>
                <a:lnTo>
                  <a:pt x="15897" y="10"/>
                </a:lnTo>
                <a:lnTo>
                  <a:pt x="15874" y="5"/>
                </a:lnTo>
                <a:lnTo>
                  <a:pt x="15850" y="2"/>
                </a:lnTo>
                <a:lnTo>
                  <a:pt x="15826" y="1"/>
                </a:lnTo>
                <a:lnTo>
                  <a:pt x="15802" y="0"/>
                </a:lnTo>
                <a:lnTo>
                  <a:pt x="473" y="0"/>
                </a:lnTo>
                <a:lnTo>
                  <a:pt x="449" y="1"/>
                </a:lnTo>
                <a:lnTo>
                  <a:pt x="425" y="2"/>
                </a:lnTo>
                <a:lnTo>
                  <a:pt x="401" y="5"/>
                </a:lnTo>
                <a:lnTo>
                  <a:pt x="378" y="10"/>
                </a:lnTo>
                <a:lnTo>
                  <a:pt x="355" y="15"/>
                </a:lnTo>
                <a:lnTo>
                  <a:pt x="333" y="21"/>
                </a:lnTo>
                <a:lnTo>
                  <a:pt x="310" y="28"/>
                </a:lnTo>
                <a:lnTo>
                  <a:pt x="289" y="37"/>
                </a:lnTo>
                <a:lnTo>
                  <a:pt x="269" y="46"/>
                </a:lnTo>
                <a:lnTo>
                  <a:pt x="248" y="57"/>
                </a:lnTo>
                <a:lnTo>
                  <a:pt x="228" y="69"/>
                </a:lnTo>
                <a:lnTo>
                  <a:pt x="209" y="81"/>
                </a:lnTo>
                <a:lnTo>
                  <a:pt x="190" y="94"/>
                </a:lnTo>
                <a:lnTo>
                  <a:pt x="173" y="109"/>
                </a:lnTo>
                <a:lnTo>
                  <a:pt x="156" y="123"/>
                </a:lnTo>
                <a:lnTo>
                  <a:pt x="139" y="139"/>
                </a:lnTo>
                <a:lnTo>
                  <a:pt x="123" y="155"/>
                </a:lnTo>
                <a:lnTo>
                  <a:pt x="108" y="173"/>
                </a:lnTo>
                <a:lnTo>
                  <a:pt x="95" y="190"/>
                </a:lnTo>
                <a:lnTo>
                  <a:pt x="81" y="209"/>
                </a:lnTo>
                <a:lnTo>
                  <a:pt x="68" y="228"/>
                </a:lnTo>
                <a:lnTo>
                  <a:pt x="57" y="248"/>
                </a:lnTo>
                <a:lnTo>
                  <a:pt x="47" y="268"/>
                </a:lnTo>
                <a:lnTo>
                  <a:pt x="38" y="289"/>
                </a:lnTo>
                <a:lnTo>
                  <a:pt x="28" y="311"/>
                </a:lnTo>
                <a:lnTo>
                  <a:pt x="21" y="333"/>
                </a:lnTo>
                <a:lnTo>
                  <a:pt x="15" y="355"/>
                </a:lnTo>
                <a:lnTo>
                  <a:pt x="9" y="379"/>
                </a:lnTo>
                <a:lnTo>
                  <a:pt x="5" y="401"/>
                </a:lnTo>
                <a:lnTo>
                  <a:pt x="2" y="425"/>
                </a:lnTo>
                <a:lnTo>
                  <a:pt x="1" y="449"/>
                </a:lnTo>
                <a:lnTo>
                  <a:pt x="0" y="473"/>
                </a:lnTo>
                <a:lnTo>
                  <a:pt x="0" y="1978"/>
                </a:lnTo>
                <a:lnTo>
                  <a:pt x="1" y="2003"/>
                </a:lnTo>
                <a:lnTo>
                  <a:pt x="2" y="2026"/>
                </a:lnTo>
                <a:lnTo>
                  <a:pt x="5" y="2051"/>
                </a:lnTo>
                <a:lnTo>
                  <a:pt x="9" y="2073"/>
                </a:lnTo>
                <a:lnTo>
                  <a:pt x="15" y="2096"/>
                </a:lnTo>
                <a:lnTo>
                  <a:pt x="21" y="2119"/>
                </a:lnTo>
                <a:lnTo>
                  <a:pt x="28" y="2141"/>
                </a:lnTo>
                <a:lnTo>
                  <a:pt x="38" y="2163"/>
                </a:lnTo>
                <a:lnTo>
                  <a:pt x="47" y="2183"/>
                </a:lnTo>
                <a:lnTo>
                  <a:pt x="57" y="2203"/>
                </a:lnTo>
                <a:lnTo>
                  <a:pt x="68" y="2224"/>
                </a:lnTo>
                <a:lnTo>
                  <a:pt x="81" y="2243"/>
                </a:lnTo>
                <a:lnTo>
                  <a:pt x="95" y="2261"/>
                </a:lnTo>
                <a:lnTo>
                  <a:pt x="108" y="2279"/>
                </a:lnTo>
                <a:lnTo>
                  <a:pt x="123" y="2296"/>
                </a:lnTo>
                <a:lnTo>
                  <a:pt x="139" y="2312"/>
                </a:lnTo>
                <a:lnTo>
                  <a:pt x="156" y="2329"/>
                </a:lnTo>
                <a:lnTo>
                  <a:pt x="173" y="2344"/>
                </a:lnTo>
                <a:lnTo>
                  <a:pt x="190" y="2357"/>
                </a:lnTo>
                <a:lnTo>
                  <a:pt x="209" y="2370"/>
                </a:lnTo>
                <a:lnTo>
                  <a:pt x="228" y="2384"/>
                </a:lnTo>
                <a:lnTo>
                  <a:pt x="248" y="2395"/>
                </a:lnTo>
                <a:lnTo>
                  <a:pt x="269" y="2405"/>
                </a:lnTo>
                <a:lnTo>
                  <a:pt x="289" y="2414"/>
                </a:lnTo>
                <a:lnTo>
                  <a:pt x="310" y="2423"/>
                </a:lnTo>
                <a:lnTo>
                  <a:pt x="333" y="2431"/>
                </a:lnTo>
                <a:lnTo>
                  <a:pt x="355" y="2437"/>
                </a:lnTo>
                <a:lnTo>
                  <a:pt x="378" y="2443"/>
                </a:lnTo>
                <a:lnTo>
                  <a:pt x="401" y="2447"/>
                </a:lnTo>
                <a:lnTo>
                  <a:pt x="425" y="2450"/>
                </a:lnTo>
                <a:lnTo>
                  <a:pt x="449" y="2451"/>
                </a:lnTo>
                <a:lnTo>
                  <a:pt x="473" y="2452"/>
                </a:lnTo>
                <a:close/>
                <a:moveTo>
                  <a:pt x="7582" y="1978"/>
                </a:moveTo>
                <a:lnTo>
                  <a:pt x="14452" y="1978"/>
                </a:lnTo>
                <a:lnTo>
                  <a:pt x="14467" y="1978"/>
                </a:lnTo>
                <a:lnTo>
                  <a:pt x="14482" y="1977"/>
                </a:lnTo>
                <a:lnTo>
                  <a:pt x="14497" y="1975"/>
                </a:lnTo>
                <a:lnTo>
                  <a:pt x="14511" y="1972"/>
                </a:lnTo>
                <a:lnTo>
                  <a:pt x="14525" y="1969"/>
                </a:lnTo>
                <a:lnTo>
                  <a:pt x="14539" y="1965"/>
                </a:lnTo>
                <a:lnTo>
                  <a:pt x="14553" y="1961"/>
                </a:lnTo>
                <a:lnTo>
                  <a:pt x="14566" y="1955"/>
                </a:lnTo>
                <a:lnTo>
                  <a:pt x="14578" y="1950"/>
                </a:lnTo>
                <a:lnTo>
                  <a:pt x="14592" y="1943"/>
                </a:lnTo>
                <a:lnTo>
                  <a:pt x="14604" y="1935"/>
                </a:lnTo>
                <a:lnTo>
                  <a:pt x="14616" y="1928"/>
                </a:lnTo>
                <a:lnTo>
                  <a:pt x="14627" y="1920"/>
                </a:lnTo>
                <a:lnTo>
                  <a:pt x="14638" y="1911"/>
                </a:lnTo>
                <a:lnTo>
                  <a:pt x="14649" y="1902"/>
                </a:lnTo>
                <a:lnTo>
                  <a:pt x="14659" y="1893"/>
                </a:lnTo>
                <a:lnTo>
                  <a:pt x="14669" y="1882"/>
                </a:lnTo>
                <a:lnTo>
                  <a:pt x="14678" y="1871"/>
                </a:lnTo>
                <a:lnTo>
                  <a:pt x="14686" y="1860"/>
                </a:lnTo>
                <a:lnTo>
                  <a:pt x="14694" y="1849"/>
                </a:lnTo>
                <a:lnTo>
                  <a:pt x="14702" y="1837"/>
                </a:lnTo>
                <a:lnTo>
                  <a:pt x="14710" y="1824"/>
                </a:lnTo>
                <a:lnTo>
                  <a:pt x="14716" y="1812"/>
                </a:lnTo>
                <a:lnTo>
                  <a:pt x="14722" y="1799"/>
                </a:lnTo>
                <a:lnTo>
                  <a:pt x="14727" y="1786"/>
                </a:lnTo>
                <a:lnTo>
                  <a:pt x="14732" y="1772"/>
                </a:lnTo>
                <a:lnTo>
                  <a:pt x="14736" y="1758"/>
                </a:lnTo>
                <a:lnTo>
                  <a:pt x="14739" y="1744"/>
                </a:lnTo>
                <a:lnTo>
                  <a:pt x="14741" y="1730"/>
                </a:lnTo>
                <a:lnTo>
                  <a:pt x="14743" y="1715"/>
                </a:lnTo>
                <a:lnTo>
                  <a:pt x="14744" y="1700"/>
                </a:lnTo>
                <a:lnTo>
                  <a:pt x="14745" y="1685"/>
                </a:lnTo>
                <a:lnTo>
                  <a:pt x="14745" y="753"/>
                </a:lnTo>
                <a:lnTo>
                  <a:pt x="14744" y="739"/>
                </a:lnTo>
                <a:lnTo>
                  <a:pt x="14743" y="724"/>
                </a:lnTo>
                <a:lnTo>
                  <a:pt x="14741" y="710"/>
                </a:lnTo>
                <a:lnTo>
                  <a:pt x="14739" y="695"/>
                </a:lnTo>
                <a:lnTo>
                  <a:pt x="14736" y="681"/>
                </a:lnTo>
                <a:lnTo>
                  <a:pt x="14732" y="667"/>
                </a:lnTo>
                <a:lnTo>
                  <a:pt x="14727" y="654"/>
                </a:lnTo>
                <a:lnTo>
                  <a:pt x="14722" y="640"/>
                </a:lnTo>
                <a:lnTo>
                  <a:pt x="14716" y="627"/>
                </a:lnTo>
                <a:lnTo>
                  <a:pt x="14710" y="614"/>
                </a:lnTo>
                <a:lnTo>
                  <a:pt x="14702" y="602"/>
                </a:lnTo>
                <a:lnTo>
                  <a:pt x="14694" y="590"/>
                </a:lnTo>
                <a:lnTo>
                  <a:pt x="14686" y="579"/>
                </a:lnTo>
                <a:lnTo>
                  <a:pt x="14678" y="568"/>
                </a:lnTo>
                <a:lnTo>
                  <a:pt x="14669" y="557"/>
                </a:lnTo>
                <a:lnTo>
                  <a:pt x="14659" y="547"/>
                </a:lnTo>
                <a:lnTo>
                  <a:pt x="14649" y="537"/>
                </a:lnTo>
                <a:lnTo>
                  <a:pt x="14638" y="528"/>
                </a:lnTo>
                <a:lnTo>
                  <a:pt x="14627" y="519"/>
                </a:lnTo>
                <a:lnTo>
                  <a:pt x="14616" y="511"/>
                </a:lnTo>
                <a:lnTo>
                  <a:pt x="14604" y="503"/>
                </a:lnTo>
                <a:lnTo>
                  <a:pt x="14592" y="496"/>
                </a:lnTo>
                <a:lnTo>
                  <a:pt x="14578" y="490"/>
                </a:lnTo>
                <a:lnTo>
                  <a:pt x="14566" y="483"/>
                </a:lnTo>
                <a:lnTo>
                  <a:pt x="14553" y="478"/>
                </a:lnTo>
                <a:lnTo>
                  <a:pt x="14539" y="474"/>
                </a:lnTo>
                <a:lnTo>
                  <a:pt x="14525" y="470"/>
                </a:lnTo>
                <a:lnTo>
                  <a:pt x="14511" y="466"/>
                </a:lnTo>
                <a:lnTo>
                  <a:pt x="14497" y="464"/>
                </a:lnTo>
                <a:lnTo>
                  <a:pt x="14482" y="462"/>
                </a:lnTo>
                <a:lnTo>
                  <a:pt x="14467" y="461"/>
                </a:lnTo>
                <a:lnTo>
                  <a:pt x="14452" y="461"/>
                </a:lnTo>
                <a:lnTo>
                  <a:pt x="7582" y="461"/>
                </a:lnTo>
                <a:lnTo>
                  <a:pt x="7567" y="461"/>
                </a:lnTo>
                <a:lnTo>
                  <a:pt x="7552" y="462"/>
                </a:lnTo>
                <a:lnTo>
                  <a:pt x="7537" y="464"/>
                </a:lnTo>
                <a:lnTo>
                  <a:pt x="7523" y="466"/>
                </a:lnTo>
                <a:lnTo>
                  <a:pt x="7509" y="470"/>
                </a:lnTo>
                <a:lnTo>
                  <a:pt x="7495" y="474"/>
                </a:lnTo>
                <a:lnTo>
                  <a:pt x="7481" y="478"/>
                </a:lnTo>
                <a:lnTo>
                  <a:pt x="7468" y="483"/>
                </a:lnTo>
                <a:lnTo>
                  <a:pt x="7455" y="490"/>
                </a:lnTo>
                <a:lnTo>
                  <a:pt x="7443" y="496"/>
                </a:lnTo>
                <a:lnTo>
                  <a:pt x="7431" y="503"/>
                </a:lnTo>
                <a:lnTo>
                  <a:pt x="7418" y="511"/>
                </a:lnTo>
                <a:lnTo>
                  <a:pt x="7407" y="519"/>
                </a:lnTo>
                <a:lnTo>
                  <a:pt x="7396" y="527"/>
                </a:lnTo>
                <a:lnTo>
                  <a:pt x="7385" y="537"/>
                </a:lnTo>
                <a:lnTo>
                  <a:pt x="7375" y="547"/>
                </a:lnTo>
                <a:lnTo>
                  <a:pt x="7365" y="557"/>
                </a:lnTo>
                <a:lnTo>
                  <a:pt x="7356" y="568"/>
                </a:lnTo>
                <a:lnTo>
                  <a:pt x="7347" y="579"/>
                </a:lnTo>
                <a:lnTo>
                  <a:pt x="7339" y="590"/>
                </a:lnTo>
                <a:lnTo>
                  <a:pt x="7332" y="602"/>
                </a:lnTo>
                <a:lnTo>
                  <a:pt x="7325" y="614"/>
                </a:lnTo>
                <a:lnTo>
                  <a:pt x="7318" y="627"/>
                </a:lnTo>
                <a:lnTo>
                  <a:pt x="7312" y="640"/>
                </a:lnTo>
                <a:lnTo>
                  <a:pt x="7306" y="654"/>
                </a:lnTo>
                <a:lnTo>
                  <a:pt x="7302" y="667"/>
                </a:lnTo>
                <a:lnTo>
                  <a:pt x="7298" y="681"/>
                </a:lnTo>
                <a:lnTo>
                  <a:pt x="7295" y="695"/>
                </a:lnTo>
                <a:lnTo>
                  <a:pt x="7292" y="710"/>
                </a:lnTo>
                <a:lnTo>
                  <a:pt x="7290" y="724"/>
                </a:lnTo>
                <a:lnTo>
                  <a:pt x="7289" y="739"/>
                </a:lnTo>
                <a:lnTo>
                  <a:pt x="7289" y="753"/>
                </a:lnTo>
                <a:lnTo>
                  <a:pt x="7289" y="1685"/>
                </a:lnTo>
                <a:lnTo>
                  <a:pt x="7289" y="1700"/>
                </a:lnTo>
                <a:lnTo>
                  <a:pt x="7290" y="1715"/>
                </a:lnTo>
                <a:lnTo>
                  <a:pt x="7292" y="1730"/>
                </a:lnTo>
                <a:lnTo>
                  <a:pt x="7295" y="1744"/>
                </a:lnTo>
                <a:lnTo>
                  <a:pt x="7298" y="1758"/>
                </a:lnTo>
                <a:lnTo>
                  <a:pt x="7302" y="1772"/>
                </a:lnTo>
                <a:lnTo>
                  <a:pt x="7306" y="1786"/>
                </a:lnTo>
                <a:lnTo>
                  <a:pt x="7312" y="1799"/>
                </a:lnTo>
                <a:lnTo>
                  <a:pt x="7318" y="1812"/>
                </a:lnTo>
                <a:lnTo>
                  <a:pt x="7325" y="1824"/>
                </a:lnTo>
                <a:lnTo>
                  <a:pt x="7332" y="1837"/>
                </a:lnTo>
                <a:lnTo>
                  <a:pt x="7339" y="1849"/>
                </a:lnTo>
                <a:lnTo>
                  <a:pt x="7347" y="1860"/>
                </a:lnTo>
                <a:lnTo>
                  <a:pt x="7356" y="1871"/>
                </a:lnTo>
                <a:lnTo>
                  <a:pt x="7365" y="1882"/>
                </a:lnTo>
                <a:lnTo>
                  <a:pt x="7375" y="1893"/>
                </a:lnTo>
                <a:lnTo>
                  <a:pt x="7385" y="1902"/>
                </a:lnTo>
                <a:lnTo>
                  <a:pt x="7396" y="1911"/>
                </a:lnTo>
                <a:lnTo>
                  <a:pt x="7407" y="1920"/>
                </a:lnTo>
                <a:lnTo>
                  <a:pt x="7418" y="1928"/>
                </a:lnTo>
                <a:lnTo>
                  <a:pt x="7431" y="1935"/>
                </a:lnTo>
                <a:lnTo>
                  <a:pt x="7443" y="1943"/>
                </a:lnTo>
                <a:lnTo>
                  <a:pt x="7455" y="1950"/>
                </a:lnTo>
                <a:lnTo>
                  <a:pt x="7468" y="1955"/>
                </a:lnTo>
                <a:lnTo>
                  <a:pt x="7481" y="1961"/>
                </a:lnTo>
                <a:lnTo>
                  <a:pt x="7495" y="1965"/>
                </a:lnTo>
                <a:lnTo>
                  <a:pt x="7509" y="1969"/>
                </a:lnTo>
                <a:lnTo>
                  <a:pt x="7523" y="1972"/>
                </a:lnTo>
                <a:lnTo>
                  <a:pt x="7537" y="1975"/>
                </a:lnTo>
                <a:lnTo>
                  <a:pt x="7552" y="1977"/>
                </a:lnTo>
                <a:lnTo>
                  <a:pt x="7567" y="1978"/>
                </a:lnTo>
                <a:lnTo>
                  <a:pt x="7582" y="1978"/>
                </a:lnTo>
                <a:close/>
                <a:moveTo>
                  <a:pt x="2937" y="1794"/>
                </a:moveTo>
                <a:lnTo>
                  <a:pt x="2967" y="1793"/>
                </a:lnTo>
                <a:lnTo>
                  <a:pt x="2999" y="1791"/>
                </a:lnTo>
                <a:lnTo>
                  <a:pt x="3029" y="1787"/>
                </a:lnTo>
                <a:lnTo>
                  <a:pt x="3059" y="1782"/>
                </a:lnTo>
                <a:lnTo>
                  <a:pt x="3088" y="1774"/>
                </a:lnTo>
                <a:lnTo>
                  <a:pt x="3118" y="1766"/>
                </a:lnTo>
                <a:lnTo>
                  <a:pt x="3146" y="1756"/>
                </a:lnTo>
                <a:lnTo>
                  <a:pt x="3174" y="1746"/>
                </a:lnTo>
                <a:lnTo>
                  <a:pt x="3200" y="1734"/>
                </a:lnTo>
                <a:lnTo>
                  <a:pt x="3227" y="1719"/>
                </a:lnTo>
                <a:lnTo>
                  <a:pt x="3252" y="1705"/>
                </a:lnTo>
                <a:lnTo>
                  <a:pt x="3277" y="1689"/>
                </a:lnTo>
                <a:lnTo>
                  <a:pt x="3301" y="1672"/>
                </a:lnTo>
                <a:lnTo>
                  <a:pt x="3324" y="1654"/>
                </a:lnTo>
                <a:lnTo>
                  <a:pt x="3347" y="1635"/>
                </a:lnTo>
                <a:lnTo>
                  <a:pt x="3368" y="1614"/>
                </a:lnTo>
                <a:lnTo>
                  <a:pt x="3388" y="1593"/>
                </a:lnTo>
                <a:lnTo>
                  <a:pt x="3408" y="1571"/>
                </a:lnTo>
                <a:lnTo>
                  <a:pt x="3425" y="1547"/>
                </a:lnTo>
                <a:lnTo>
                  <a:pt x="3442" y="1524"/>
                </a:lnTo>
                <a:lnTo>
                  <a:pt x="3458" y="1498"/>
                </a:lnTo>
                <a:lnTo>
                  <a:pt x="3473" y="1473"/>
                </a:lnTo>
                <a:lnTo>
                  <a:pt x="3487" y="1446"/>
                </a:lnTo>
                <a:lnTo>
                  <a:pt x="3499" y="1420"/>
                </a:lnTo>
                <a:lnTo>
                  <a:pt x="3509" y="1392"/>
                </a:lnTo>
                <a:lnTo>
                  <a:pt x="3519" y="1364"/>
                </a:lnTo>
                <a:lnTo>
                  <a:pt x="3528" y="1334"/>
                </a:lnTo>
                <a:lnTo>
                  <a:pt x="3535" y="1305"/>
                </a:lnTo>
                <a:lnTo>
                  <a:pt x="3540" y="1275"/>
                </a:lnTo>
                <a:lnTo>
                  <a:pt x="3544" y="1245"/>
                </a:lnTo>
                <a:lnTo>
                  <a:pt x="3546" y="1213"/>
                </a:lnTo>
                <a:lnTo>
                  <a:pt x="3547" y="1181"/>
                </a:lnTo>
                <a:lnTo>
                  <a:pt x="3546" y="1150"/>
                </a:lnTo>
                <a:lnTo>
                  <a:pt x="3544" y="1119"/>
                </a:lnTo>
                <a:lnTo>
                  <a:pt x="3540" y="1089"/>
                </a:lnTo>
                <a:lnTo>
                  <a:pt x="3535" y="1059"/>
                </a:lnTo>
                <a:lnTo>
                  <a:pt x="3528" y="1030"/>
                </a:lnTo>
                <a:lnTo>
                  <a:pt x="3519" y="1000"/>
                </a:lnTo>
                <a:lnTo>
                  <a:pt x="3509" y="972"/>
                </a:lnTo>
                <a:lnTo>
                  <a:pt x="3499" y="944"/>
                </a:lnTo>
                <a:lnTo>
                  <a:pt x="3487" y="917"/>
                </a:lnTo>
                <a:lnTo>
                  <a:pt x="3473" y="890"/>
                </a:lnTo>
                <a:lnTo>
                  <a:pt x="3458" y="865"/>
                </a:lnTo>
                <a:lnTo>
                  <a:pt x="3442" y="840"/>
                </a:lnTo>
                <a:lnTo>
                  <a:pt x="3425" y="816"/>
                </a:lnTo>
                <a:lnTo>
                  <a:pt x="3408" y="793"/>
                </a:lnTo>
                <a:lnTo>
                  <a:pt x="3388" y="771"/>
                </a:lnTo>
                <a:lnTo>
                  <a:pt x="3368" y="749"/>
                </a:lnTo>
                <a:lnTo>
                  <a:pt x="3347" y="729"/>
                </a:lnTo>
                <a:lnTo>
                  <a:pt x="3324" y="710"/>
                </a:lnTo>
                <a:lnTo>
                  <a:pt x="3301" y="691"/>
                </a:lnTo>
                <a:lnTo>
                  <a:pt x="3277" y="675"/>
                </a:lnTo>
                <a:lnTo>
                  <a:pt x="3252" y="659"/>
                </a:lnTo>
                <a:lnTo>
                  <a:pt x="3227" y="643"/>
                </a:lnTo>
                <a:lnTo>
                  <a:pt x="3200" y="630"/>
                </a:lnTo>
                <a:lnTo>
                  <a:pt x="3174" y="618"/>
                </a:lnTo>
                <a:lnTo>
                  <a:pt x="3146" y="607"/>
                </a:lnTo>
                <a:lnTo>
                  <a:pt x="3118" y="598"/>
                </a:lnTo>
                <a:lnTo>
                  <a:pt x="3088" y="589"/>
                </a:lnTo>
                <a:lnTo>
                  <a:pt x="3059" y="582"/>
                </a:lnTo>
                <a:lnTo>
                  <a:pt x="3029" y="577"/>
                </a:lnTo>
                <a:lnTo>
                  <a:pt x="2999" y="573"/>
                </a:lnTo>
                <a:lnTo>
                  <a:pt x="2967" y="570"/>
                </a:lnTo>
                <a:lnTo>
                  <a:pt x="2937" y="570"/>
                </a:lnTo>
                <a:lnTo>
                  <a:pt x="2905" y="570"/>
                </a:lnTo>
                <a:lnTo>
                  <a:pt x="2874" y="573"/>
                </a:lnTo>
                <a:lnTo>
                  <a:pt x="2843" y="577"/>
                </a:lnTo>
                <a:lnTo>
                  <a:pt x="2814" y="582"/>
                </a:lnTo>
                <a:lnTo>
                  <a:pt x="2784" y="589"/>
                </a:lnTo>
                <a:lnTo>
                  <a:pt x="2755" y="598"/>
                </a:lnTo>
                <a:lnTo>
                  <a:pt x="2726" y="607"/>
                </a:lnTo>
                <a:lnTo>
                  <a:pt x="2699" y="618"/>
                </a:lnTo>
                <a:lnTo>
                  <a:pt x="2671" y="630"/>
                </a:lnTo>
                <a:lnTo>
                  <a:pt x="2646" y="643"/>
                </a:lnTo>
                <a:lnTo>
                  <a:pt x="2619" y="659"/>
                </a:lnTo>
                <a:lnTo>
                  <a:pt x="2595" y="675"/>
                </a:lnTo>
                <a:lnTo>
                  <a:pt x="2570" y="691"/>
                </a:lnTo>
                <a:lnTo>
                  <a:pt x="2548" y="710"/>
                </a:lnTo>
                <a:lnTo>
                  <a:pt x="2526" y="729"/>
                </a:lnTo>
                <a:lnTo>
                  <a:pt x="2504" y="749"/>
                </a:lnTo>
                <a:lnTo>
                  <a:pt x="2484" y="771"/>
                </a:lnTo>
                <a:lnTo>
                  <a:pt x="2465" y="793"/>
                </a:lnTo>
                <a:lnTo>
                  <a:pt x="2446" y="816"/>
                </a:lnTo>
                <a:lnTo>
                  <a:pt x="2430" y="840"/>
                </a:lnTo>
                <a:lnTo>
                  <a:pt x="2414" y="865"/>
                </a:lnTo>
                <a:lnTo>
                  <a:pt x="2399" y="890"/>
                </a:lnTo>
                <a:lnTo>
                  <a:pt x="2385" y="917"/>
                </a:lnTo>
                <a:lnTo>
                  <a:pt x="2373" y="944"/>
                </a:lnTo>
                <a:lnTo>
                  <a:pt x="2362" y="972"/>
                </a:lnTo>
                <a:lnTo>
                  <a:pt x="2353" y="1000"/>
                </a:lnTo>
                <a:lnTo>
                  <a:pt x="2345" y="1030"/>
                </a:lnTo>
                <a:lnTo>
                  <a:pt x="2337" y="1059"/>
                </a:lnTo>
                <a:lnTo>
                  <a:pt x="2332" y="1089"/>
                </a:lnTo>
                <a:lnTo>
                  <a:pt x="2328" y="1119"/>
                </a:lnTo>
                <a:lnTo>
                  <a:pt x="2326" y="1150"/>
                </a:lnTo>
                <a:lnTo>
                  <a:pt x="2325" y="1181"/>
                </a:lnTo>
                <a:lnTo>
                  <a:pt x="2326" y="1213"/>
                </a:lnTo>
                <a:lnTo>
                  <a:pt x="2328" y="1245"/>
                </a:lnTo>
                <a:lnTo>
                  <a:pt x="2332" y="1275"/>
                </a:lnTo>
                <a:lnTo>
                  <a:pt x="2337" y="1305"/>
                </a:lnTo>
                <a:lnTo>
                  <a:pt x="2345" y="1334"/>
                </a:lnTo>
                <a:lnTo>
                  <a:pt x="2353" y="1364"/>
                </a:lnTo>
                <a:lnTo>
                  <a:pt x="2362" y="1392"/>
                </a:lnTo>
                <a:lnTo>
                  <a:pt x="2373" y="1420"/>
                </a:lnTo>
                <a:lnTo>
                  <a:pt x="2385" y="1446"/>
                </a:lnTo>
                <a:lnTo>
                  <a:pt x="2399" y="1473"/>
                </a:lnTo>
                <a:lnTo>
                  <a:pt x="2414" y="1498"/>
                </a:lnTo>
                <a:lnTo>
                  <a:pt x="2430" y="1524"/>
                </a:lnTo>
                <a:lnTo>
                  <a:pt x="2446" y="1547"/>
                </a:lnTo>
                <a:lnTo>
                  <a:pt x="2465" y="1571"/>
                </a:lnTo>
                <a:lnTo>
                  <a:pt x="2484" y="1593"/>
                </a:lnTo>
                <a:lnTo>
                  <a:pt x="2504" y="1614"/>
                </a:lnTo>
                <a:lnTo>
                  <a:pt x="2526" y="1635"/>
                </a:lnTo>
                <a:lnTo>
                  <a:pt x="2548" y="1654"/>
                </a:lnTo>
                <a:lnTo>
                  <a:pt x="2570" y="1672"/>
                </a:lnTo>
                <a:lnTo>
                  <a:pt x="2595" y="1689"/>
                </a:lnTo>
                <a:lnTo>
                  <a:pt x="2619" y="1705"/>
                </a:lnTo>
                <a:lnTo>
                  <a:pt x="2646" y="1719"/>
                </a:lnTo>
                <a:lnTo>
                  <a:pt x="2671" y="1734"/>
                </a:lnTo>
                <a:lnTo>
                  <a:pt x="2699" y="1746"/>
                </a:lnTo>
                <a:lnTo>
                  <a:pt x="2726" y="1756"/>
                </a:lnTo>
                <a:lnTo>
                  <a:pt x="2755" y="1766"/>
                </a:lnTo>
                <a:lnTo>
                  <a:pt x="2784" y="1774"/>
                </a:lnTo>
                <a:lnTo>
                  <a:pt x="2814" y="1782"/>
                </a:lnTo>
                <a:lnTo>
                  <a:pt x="2843" y="1787"/>
                </a:lnTo>
                <a:lnTo>
                  <a:pt x="2874" y="1791"/>
                </a:lnTo>
                <a:lnTo>
                  <a:pt x="2905" y="1793"/>
                </a:lnTo>
                <a:lnTo>
                  <a:pt x="2937" y="1794"/>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40" name="矩形 39">
            <a:extLst>
              <a:ext uri="{FF2B5EF4-FFF2-40B4-BE49-F238E27FC236}">
                <a16:creationId xmlns:a16="http://schemas.microsoft.com/office/drawing/2014/main" xmlns="" id="{99472E11-5C59-4589-BCBF-A08A634F9AA0}"/>
              </a:ext>
            </a:extLst>
          </p:cNvPr>
          <p:cNvSpPr/>
          <p:nvPr/>
        </p:nvSpPr>
        <p:spPr bwMode="ltGray">
          <a:xfrm>
            <a:off x="6883480" y="5987484"/>
            <a:ext cx="798180" cy="307777"/>
          </a:xfrm>
          <a:prstGeom prst="rect">
            <a:avLst/>
          </a:prstGeom>
        </p:spPr>
        <p:txBody>
          <a:bodyPr wrap="square">
            <a:spAutoFit/>
          </a:bodyPr>
          <a:lstStyle/>
          <a:p>
            <a:pPr lvl="0" algn="ctr" defTabSz="457200" fontAlgn="base">
              <a:spcBef>
                <a:spcPct val="0"/>
              </a:spcBef>
              <a:spcAft>
                <a:spcPct val="0"/>
              </a:spcAft>
              <a:defRPr/>
            </a:pPr>
            <a:r>
              <a:rPr lang="en-US" altLang="zh-CN" sz="1400" kern="0" dirty="0">
                <a:solidFill>
                  <a:srgbClr val="FFFFFF"/>
                </a:solidFill>
                <a:ea typeface="微软雅黑" panose="020B0503020204020204" pitchFamily="34" charset="-122"/>
              </a:rPr>
              <a:t>Router</a:t>
            </a:r>
          </a:p>
        </p:txBody>
      </p:sp>
      <p:sp>
        <p:nvSpPr>
          <p:cNvPr id="42" name="Freeform 46">
            <a:extLst>
              <a:ext uri="{FF2B5EF4-FFF2-40B4-BE49-F238E27FC236}">
                <a16:creationId xmlns:a16="http://schemas.microsoft.com/office/drawing/2014/main" xmlns="" id="{79270BC6-5F4D-4FD0-BF32-EBA0D8B38B1B}"/>
              </a:ext>
            </a:extLst>
          </p:cNvPr>
          <p:cNvSpPr>
            <a:spLocks noEditPoints="1"/>
          </p:cNvSpPr>
          <p:nvPr/>
        </p:nvSpPr>
        <p:spPr bwMode="ltGray">
          <a:xfrm>
            <a:off x="8113976" y="6132525"/>
            <a:ext cx="162108" cy="66464"/>
          </a:xfrm>
          <a:custGeom>
            <a:avLst/>
            <a:gdLst/>
            <a:ahLst/>
            <a:cxnLst>
              <a:cxn ang="0">
                <a:pos x="192" y="60"/>
              </a:cxn>
              <a:cxn ang="0">
                <a:pos x="192" y="0"/>
              </a:cxn>
              <a:cxn ang="0">
                <a:pos x="38" y="0"/>
              </a:cxn>
              <a:cxn ang="0">
                <a:pos x="38" y="0"/>
              </a:cxn>
              <a:cxn ang="0">
                <a:pos x="30" y="0"/>
              </a:cxn>
              <a:cxn ang="0">
                <a:pos x="24" y="2"/>
              </a:cxn>
              <a:cxn ang="0">
                <a:pos x="16" y="6"/>
              </a:cxn>
              <a:cxn ang="0">
                <a:pos x="10" y="10"/>
              </a:cxn>
              <a:cxn ang="0">
                <a:pos x="6" y="14"/>
              </a:cxn>
              <a:cxn ang="0">
                <a:pos x="2" y="20"/>
              </a:cxn>
              <a:cxn ang="0">
                <a:pos x="0" y="28"/>
              </a:cxn>
              <a:cxn ang="0">
                <a:pos x="0" y="34"/>
              </a:cxn>
              <a:cxn ang="0">
                <a:pos x="0" y="48"/>
              </a:cxn>
              <a:cxn ang="0">
                <a:pos x="0" y="48"/>
              </a:cxn>
              <a:cxn ang="0">
                <a:pos x="0" y="54"/>
              </a:cxn>
              <a:cxn ang="0">
                <a:pos x="2" y="62"/>
              </a:cxn>
              <a:cxn ang="0">
                <a:pos x="6" y="68"/>
              </a:cxn>
              <a:cxn ang="0">
                <a:pos x="10" y="72"/>
              </a:cxn>
              <a:cxn ang="0">
                <a:pos x="16" y="76"/>
              </a:cxn>
              <a:cxn ang="0">
                <a:pos x="24" y="80"/>
              </a:cxn>
              <a:cxn ang="0">
                <a:pos x="30" y="82"/>
              </a:cxn>
              <a:cxn ang="0">
                <a:pos x="38" y="82"/>
              </a:cxn>
              <a:cxn ang="0">
                <a:pos x="200" y="82"/>
              </a:cxn>
              <a:cxn ang="0">
                <a:pos x="200" y="82"/>
              </a:cxn>
              <a:cxn ang="0">
                <a:pos x="194" y="72"/>
              </a:cxn>
              <a:cxn ang="0">
                <a:pos x="192" y="60"/>
              </a:cxn>
              <a:cxn ang="0">
                <a:pos x="192" y="60"/>
              </a:cxn>
              <a:cxn ang="0">
                <a:pos x="48" y="54"/>
              </a:cxn>
              <a:cxn ang="0">
                <a:pos x="48" y="54"/>
              </a:cxn>
              <a:cxn ang="0">
                <a:pos x="44" y="54"/>
              </a:cxn>
              <a:cxn ang="0">
                <a:pos x="38" y="50"/>
              </a:cxn>
              <a:cxn ang="0">
                <a:pos x="36" y="46"/>
              </a:cxn>
              <a:cxn ang="0">
                <a:pos x="34" y="40"/>
              </a:cxn>
              <a:cxn ang="0">
                <a:pos x="34" y="40"/>
              </a:cxn>
              <a:cxn ang="0">
                <a:pos x="36" y="36"/>
              </a:cxn>
              <a:cxn ang="0">
                <a:pos x="38" y="32"/>
              </a:cxn>
              <a:cxn ang="0">
                <a:pos x="44" y="28"/>
              </a:cxn>
              <a:cxn ang="0">
                <a:pos x="48" y="28"/>
              </a:cxn>
              <a:cxn ang="0">
                <a:pos x="48" y="28"/>
              </a:cxn>
              <a:cxn ang="0">
                <a:pos x="54" y="28"/>
              </a:cxn>
              <a:cxn ang="0">
                <a:pos x="58" y="32"/>
              </a:cxn>
              <a:cxn ang="0">
                <a:pos x="60" y="36"/>
              </a:cxn>
              <a:cxn ang="0">
                <a:pos x="62" y="40"/>
              </a:cxn>
              <a:cxn ang="0">
                <a:pos x="62" y="40"/>
              </a:cxn>
              <a:cxn ang="0">
                <a:pos x="60" y="46"/>
              </a:cxn>
              <a:cxn ang="0">
                <a:pos x="58" y="50"/>
              </a:cxn>
              <a:cxn ang="0">
                <a:pos x="54" y="54"/>
              </a:cxn>
              <a:cxn ang="0">
                <a:pos x="48" y="54"/>
              </a:cxn>
              <a:cxn ang="0">
                <a:pos x="48" y="54"/>
              </a:cxn>
            </a:cxnLst>
            <a:rect l="0" t="0" r="r" b="b"/>
            <a:pathLst>
              <a:path w="200" h="82">
                <a:moveTo>
                  <a:pt x="192" y="60"/>
                </a:moveTo>
                <a:lnTo>
                  <a:pt x="192" y="0"/>
                </a:lnTo>
                <a:lnTo>
                  <a:pt x="38" y="0"/>
                </a:lnTo>
                <a:lnTo>
                  <a:pt x="38" y="0"/>
                </a:lnTo>
                <a:lnTo>
                  <a:pt x="30" y="0"/>
                </a:lnTo>
                <a:lnTo>
                  <a:pt x="24" y="2"/>
                </a:lnTo>
                <a:lnTo>
                  <a:pt x="16" y="6"/>
                </a:lnTo>
                <a:lnTo>
                  <a:pt x="10" y="10"/>
                </a:lnTo>
                <a:lnTo>
                  <a:pt x="6" y="14"/>
                </a:lnTo>
                <a:lnTo>
                  <a:pt x="2" y="20"/>
                </a:lnTo>
                <a:lnTo>
                  <a:pt x="0" y="28"/>
                </a:lnTo>
                <a:lnTo>
                  <a:pt x="0" y="34"/>
                </a:lnTo>
                <a:lnTo>
                  <a:pt x="0" y="48"/>
                </a:lnTo>
                <a:lnTo>
                  <a:pt x="0" y="48"/>
                </a:lnTo>
                <a:lnTo>
                  <a:pt x="0" y="54"/>
                </a:lnTo>
                <a:lnTo>
                  <a:pt x="2" y="62"/>
                </a:lnTo>
                <a:lnTo>
                  <a:pt x="6" y="68"/>
                </a:lnTo>
                <a:lnTo>
                  <a:pt x="10" y="72"/>
                </a:lnTo>
                <a:lnTo>
                  <a:pt x="16" y="76"/>
                </a:lnTo>
                <a:lnTo>
                  <a:pt x="24" y="80"/>
                </a:lnTo>
                <a:lnTo>
                  <a:pt x="30" y="82"/>
                </a:lnTo>
                <a:lnTo>
                  <a:pt x="38" y="82"/>
                </a:lnTo>
                <a:lnTo>
                  <a:pt x="200" y="82"/>
                </a:lnTo>
                <a:lnTo>
                  <a:pt x="200" y="82"/>
                </a:lnTo>
                <a:lnTo>
                  <a:pt x="194" y="72"/>
                </a:lnTo>
                <a:lnTo>
                  <a:pt x="192" y="60"/>
                </a:lnTo>
                <a:lnTo>
                  <a:pt x="192" y="60"/>
                </a:lnTo>
                <a:close/>
                <a:moveTo>
                  <a:pt x="48" y="54"/>
                </a:moveTo>
                <a:lnTo>
                  <a:pt x="48" y="54"/>
                </a:lnTo>
                <a:lnTo>
                  <a:pt x="44" y="54"/>
                </a:lnTo>
                <a:lnTo>
                  <a:pt x="38" y="50"/>
                </a:lnTo>
                <a:lnTo>
                  <a:pt x="36" y="46"/>
                </a:lnTo>
                <a:lnTo>
                  <a:pt x="34" y="40"/>
                </a:lnTo>
                <a:lnTo>
                  <a:pt x="34" y="40"/>
                </a:lnTo>
                <a:lnTo>
                  <a:pt x="36" y="36"/>
                </a:lnTo>
                <a:lnTo>
                  <a:pt x="38" y="32"/>
                </a:lnTo>
                <a:lnTo>
                  <a:pt x="44" y="28"/>
                </a:lnTo>
                <a:lnTo>
                  <a:pt x="48" y="28"/>
                </a:lnTo>
                <a:lnTo>
                  <a:pt x="48" y="28"/>
                </a:lnTo>
                <a:lnTo>
                  <a:pt x="54" y="28"/>
                </a:lnTo>
                <a:lnTo>
                  <a:pt x="58" y="32"/>
                </a:lnTo>
                <a:lnTo>
                  <a:pt x="60" y="36"/>
                </a:lnTo>
                <a:lnTo>
                  <a:pt x="62" y="40"/>
                </a:lnTo>
                <a:lnTo>
                  <a:pt x="62" y="40"/>
                </a:lnTo>
                <a:lnTo>
                  <a:pt x="60" y="46"/>
                </a:lnTo>
                <a:lnTo>
                  <a:pt x="58" y="50"/>
                </a:lnTo>
                <a:lnTo>
                  <a:pt x="54" y="54"/>
                </a:lnTo>
                <a:lnTo>
                  <a:pt x="48" y="54"/>
                </a:lnTo>
                <a:lnTo>
                  <a:pt x="48" y="54"/>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43" name="Freeform 47">
            <a:extLst>
              <a:ext uri="{FF2B5EF4-FFF2-40B4-BE49-F238E27FC236}">
                <a16:creationId xmlns:a16="http://schemas.microsoft.com/office/drawing/2014/main" xmlns="" id="{4DE9F71B-301C-4720-A38F-ACE64B7D379D}"/>
              </a:ext>
            </a:extLst>
          </p:cNvPr>
          <p:cNvSpPr>
            <a:spLocks noEditPoints="1"/>
          </p:cNvSpPr>
          <p:nvPr/>
        </p:nvSpPr>
        <p:spPr bwMode="ltGray">
          <a:xfrm>
            <a:off x="8113976" y="6051470"/>
            <a:ext cx="244783" cy="68086"/>
          </a:xfrm>
          <a:custGeom>
            <a:avLst/>
            <a:gdLst/>
            <a:ahLst/>
            <a:cxnLst>
              <a:cxn ang="0">
                <a:pos x="286" y="16"/>
              </a:cxn>
              <a:cxn ang="0">
                <a:pos x="272" y="20"/>
              </a:cxn>
              <a:cxn ang="0">
                <a:pos x="268" y="32"/>
              </a:cxn>
              <a:cxn ang="0">
                <a:pos x="302" y="52"/>
              </a:cxn>
              <a:cxn ang="0">
                <a:pos x="302" y="32"/>
              </a:cxn>
              <a:cxn ang="0">
                <a:pos x="298" y="20"/>
              </a:cxn>
              <a:cxn ang="0">
                <a:pos x="286" y="16"/>
              </a:cxn>
              <a:cxn ang="0">
                <a:pos x="0" y="36"/>
              </a:cxn>
              <a:cxn ang="0">
                <a:pos x="0" y="48"/>
              </a:cxn>
              <a:cxn ang="0">
                <a:pos x="2" y="62"/>
              </a:cxn>
              <a:cxn ang="0">
                <a:pos x="10" y="74"/>
              </a:cxn>
              <a:cxn ang="0">
                <a:pos x="24" y="80"/>
              </a:cxn>
              <a:cxn ang="0">
                <a:pos x="38" y="84"/>
              </a:cxn>
              <a:cxn ang="0">
                <a:pos x="192" y="84"/>
              </a:cxn>
              <a:cxn ang="0">
                <a:pos x="200" y="66"/>
              </a:cxn>
              <a:cxn ang="0">
                <a:pos x="214" y="56"/>
              </a:cxn>
              <a:cxn ang="0">
                <a:pos x="214" y="32"/>
              </a:cxn>
              <a:cxn ang="0">
                <a:pos x="222" y="0"/>
              </a:cxn>
              <a:cxn ang="0">
                <a:pos x="38" y="0"/>
              </a:cxn>
              <a:cxn ang="0">
                <a:pos x="24" y="2"/>
              </a:cxn>
              <a:cxn ang="0">
                <a:pos x="10" y="10"/>
              </a:cxn>
              <a:cxn ang="0">
                <a:pos x="2" y="22"/>
              </a:cxn>
              <a:cxn ang="0">
                <a:pos x="0" y="36"/>
              </a:cxn>
              <a:cxn ang="0">
                <a:pos x="48" y="28"/>
              </a:cxn>
              <a:cxn ang="0">
                <a:pos x="54" y="30"/>
              </a:cxn>
              <a:cxn ang="0">
                <a:pos x="60" y="36"/>
              </a:cxn>
              <a:cxn ang="0">
                <a:pos x="62" y="42"/>
              </a:cxn>
              <a:cxn ang="0">
                <a:pos x="58" y="52"/>
              </a:cxn>
              <a:cxn ang="0">
                <a:pos x="48" y="56"/>
              </a:cxn>
              <a:cxn ang="0">
                <a:pos x="44" y="54"/>
              </a:cxn>
              <a:cxn ang="0">
                <a:pos x="36" y="48"/>
              </a:cxn>
              <a:cxn ang="0">
                <a:pos x="34" y="42"/>
              </a:cxn>
              <a:cxn ang="0">
                <a:pos x="38" y="32"/>
              </a:cxn>
              <a:cxn ang="0">
                <a:pos x="48" y="28"/>
              </a:cxn>
            </a:cxnLst>
            <a:rect l="0" t="0" r="r" b="b"/>
            <a:pathLst>
              <a:path w="302" h="84">
                <a:moveTo>
                  <a:pt x="286" y="16"/>
                </a:moveTo>
                <a:lnTo>
                  <a:pt x="286" y="16"/>
                </a:lnTo>
                <a:lnTo>
                  <a:pt x="278" y="16"/>
                </a:lnTo>
                <a:lnTo>
                  <a:pt x="272" y="20"/>
                </a:lnTo>
                <a:lnTo>
                  <a:pt x="270" y="26"/>
                </a:lnTo>
                <a:lnTo>
                  <a:pt x="268" y="32"/>
                </a:lnTo>
                <a:lnTo>
                  <a:pt x="268" y="52"/>
                </a:lnTo>
                <a:lnTo>
                  <a:pt x="302" y="52"/>
                </a:lnTo>
                <a:lnTo>
                  <a:pt x="302" y="32"/>
                </a:lnTo>
                <a:lnTo>
                  <a:pt x="302" y="32"/>
                </a:lnTo>
                <a:lnTo>
                  <a:pt x="302" y="26"/>
                </a:lnTo>
                <a:lnTo>
                  <a:pt x="298" y="20"/>
                </a:lnTo>
                <a:lnTo>
                  <a:pt x="292" y="16"/>
                </a:lnTo>
                <a:lnTo>
                  <a:pt x="286" y="16"/>
                </a:lnTo>
                <a:lnTo>
                  <a:pt x="286" y="16"/>
                </a:lnTo>
                <a:close/>
                <a:moveTo>
                  <a:pt x="0" y="36"/>
                </a:moveTo>
                <a:lnTo>
                  <a:pt x="0" y="48"/>
                </a:lnTo>
                <a:lnTo>
                  <a:pt x="0" y="48"/>
                </a:lnTo>
                <a:lnTo>
                  <a:pt x="0" y="56"/>
                </a:lnTo>
                <a:lnTo>
                  <a:pt x="2" y="62"/>
                </a:lnTo>
                <a:lnTo>
                  <a:pt x="6" y="68"/>
                </a:lnTo>
                <a:lnTo>
                  <a:pt x="10" y="74"/>
                </a:lnTo>
                <a:lnTo>
                  <a:pt x="16" y="78"/>
                </a:lnTo>
                <a:lnTo>
                  <a:pt x="24" y="80"/>
                </a:lnTo>
                <a:lnTo>
                  <a:pt x="30" y="82"/>
                </a:lnTo>
                <a:lnTo>
                  <a:pt x="38" y="84"/>
                </a:lnTo>
                <a:lnTo>
                  <a:pt x="192" y="84"/>
                </a:lnTo>
                <a:lnTo>
                  <a:pt x="192" y="84"/>
                </a:lnTo>
                <a:lnTo>
                  <a:pt x="194" y="74"/>
                </a:lnTo>
                <a:lnTo>
                  <a:pt x="200" y="66"/>
                </a:lnTo>
                <a:lnTo>
                  <a:pt x="206" y="60"/>
                </a:lnTo>
                <a:lnTo>
                  <a:pt x="214" y="56"/>
                </a:lnTo>
                <a:lnTo>
                  <a:pt x="214" y="32"/>
                </a:lnTo>
                <a:lnTo>
                  <a:pt x="214" y="32"/>
                </a:lnTo>
                <a:lnTo>
                  <a:pt x="216" y="16"/>
                </a:lnTo>
                <a:lnTo>
                  <a:pt x="222" y="0"/>
                </a:lnTo>
                <a:lnTo>
                  <a:pt x="38" y="0"/>
                </a:lnTo>
                <a:lnTo>
                  <a:pt x="38" y="0"/>
                </a:lnTo>
                <a:lnTo>
                  <a:pt x="30" y="0"/>
                </a:lnTo>
                <a:lnTo>
                  <a:pt x="24" y="2"/>
                </a:lnTo>
                <a:lnTo>
                  <a:pt x="16" y="6"/>
                </a:lnTo>
                <a:lnTo>
                  <a:pt x="10" y="10"/>
                </a:lnTo>
                <a:lnTo>
                  <a:pt x="6" y="16"/>
                </a:lnTo>
                <a:lnTo>
                  <a:pt x="2" y="22"/>
                </a:lnTo>
                <a:lnTo>
                  <a:pt x="0" y="28"/>
                </a:lnTo>
                <a:lnTo>
                  <a:pt x="0" y="36"/>
                </a:lnTo>
                <a:lnTo>
                  <a:pt x="0" y="36"/>
                </a:lnTo>
                <a:close/>
                <a:moveTo>
                  <a:pt x="48" y="28"/>
                </a:moveTo>
                <a:lnTo>
                  <a:pt x="48" y="28"/>
                </a:lnTo>
                <a:lnTo>
                  <a:pt x="54" y="30"/>
                </a:lnTo>
                <a:lnTo>
                  <a:pt x="58" y="32"/>
                </a:lnTo>
                <a:lnTo>
                  <a:pt x="60" y="36"/>
                </a:lnTo>
                <a:lnTo>
                  <a:pt x="62" y="42"/>
                </a:lnTo>
                <a:lnTo>
                  <a:pt x="62" y="42"/>
                </a:lnTo>
                <a:lnTo>
                  <a:pt x="60" y="48"/>
                </a:lnTo>
                <a:lnTo>
                  <a:pt x="58" y="52"/>
                </a:lnTo>
                <a:lnTo>
                  <a:pt x="54" y="54"/>
                </a:lnTo>
                <a:lnTo>
                  <a:pt x="48" y="56"/>
                </a:lnTo>
                <a:lnTo>
                  <a:pt x="48" y="56"/>
                </a:lnTo>
                <a:lnTo>
                  <a:pt x="44" y="54"/>
                </a:lnTo>
                <a:lnTo>
                  <a:pt x="38" y="52"/>
                </a:lnTo>
                <a:lnTo>
                  <a:pt x="36" y="48"/>
                </a:lnTo>
                <a:lnTo>
                  <a:pt x="34" y="42"/>
                </a:lnTo>
                <a:lnTo>
                  <a:pt x="34" y="42"/>
                </a:lnTo>
                <a:lnTo>
                  <a:pt x="36" y="36"/>
                </a:lnTo>
                <a:lnTo>
                  <a:pt x="38" y="32"/>
                </a:lnTo>
                <a:lnTo>
                  <a:pt x="44" y="30"/>
                </a:lnTo>
                <a:lnTo>
                  <a:pt x="48" y="28"/>
                </a:lnTo>
                <a:lnTo>
                  <a:pt x="48" y="28"/>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44" name="Freeform 48">
            <a:extLst>
              <a:ext uri="{FF2B5EF4-FFF2-40B4-BE49-F238E27FC236}">
                <a16:creationId xmlns:a16="http://schemas.microsoft.com/office/drawing/2014/main" xmlns="" id="{15D3FCCD-BCE6-400F-AD68-E9DAC6C90AAA}"/>
              </a:ext>
            </a:extLst>
          </p:cNvPr>
          <p:cNvSpPr>
            <a:spLocks noEditPoints="1"/>
          </p:cNvSpPr>
          <p:nvPr/>
        </p:nvSpPr>
        <p:spPr bwMode="ltGray">
          <a:xfrm>
            <a:off x="8113976" y="5967174"/>
            <a:ext cx="259373" cy="68086"/>
          </a:xfrm>
          <a:custGeom>
            <a:avLst/>
            <a:gdLst/>
            <a:ahLst/>
            <a:cxnLst>
              <a:cxn ang="0">
                <a:pos x="286" y="62"/>
              </a:cxn>
              <a:cxn ang="0">
                <a:pos x="314" y="68"/>
              </a:cxn>
              <a:cxn ang="0">
                <a:pos x="318" y="60"/>
              </a:cxn>
              <a:cxn ang="0">
                <a:pos x="320" y="36"/>
              </a:cxn>
              <a:cxn ang="0">
                <a:pos x="320" y="28"/>
              </a:cxn>
              <a:cxn ang="0">
                <a:pos x="314" y="16"/>
              </a:cxn>
              <a:cxn ang="0">
                <a:pos x="304" y="6"/>
              </a:cxn>
              <a:cxn ang="0">
                <a:pos x="290" y="2"/>
              </a:cxn>
              <a:cxn ang="0">
                <a:pos x="38" y="0"/>
              </a:cxn>
              <a:cxn ang="0">
                <a:pos x="30" y="2"/>
              </a:cxn>
              <a:cxn ang="0">
                <a:pos x="16" y="6"/>
              </a:cxn>
              <a:cxn ang="0">
                <a:pos x="6" y="16"/>
              </a:cxn>
              <a:cxn ang="0">
                <a:pos x="0" y="28"/>
              </a:cxn>
              <a:cxn ang="0">
                <a:pos x="0" y="48"/>
              </a:cxn>
              <a:cxn ang="0">
                <a:pos x="0" y="56"/>
              </a:cxn>
              <a:cxn ang="0">
                <a:pos x="6" y="68"/>
              </a:cxn>
              <a:cxn ang="0">
                <a:pos x="16" y="78"/>
              </a:cxn>
              <a:cxn ang="0">
                <a:pos x="30" y="84"/>
              </a:cxn>
              <a:cxn ang="0">
                <a:pos x="234" y="84"/>
              </a:cxn>
              <a:cxn ang="0">
                <a:pos x="244" y="74"/>
              </a:cxn>
              <a:cxn ang="0">
                <a:pos x="270" y="64"/>
              </a:cxn>
              <a:cxn ang="0">
                <a:pos x="286" y="62"/>
              </a:cxn>
              <a:cxn ang="0">
                <a:pos x="48" y="56"/>
              </a:cxn>
              <a:cxn ang="0">
                <a:pos x="38" y="52"/>
              </a:cxn>
              <a:cxn ang="0">
                <a:pos x="34" y="42"/>
              </a:cxn>
              <a:cxn ang="0">
                <a:pos x="36" y="36"/>
              </a:cxn>
              <a:cxn ang="0">
                <a:pos x="44" y="30"/>
              </a:cxn>
              <a:cxn ang="0">
                <a:pos x="48" y="28"/>
              </a:cxn>
              <a:cxn ang="0">
                <a:pos x="58" y="32"/>
              </a:cxn>
              <a:cxn ang="0">
                <a:pos x="62" y="42"/>
              </a:cxn>
              <a:cxn ang="0">
                <a:pos x="60" y="48"/>
              </a:cxn>
              <a:cxn ang="0">
                <a:pos x="54" y="54"/>
              </a:cxn>
              <a:cxn ang="0">
                <a:pos x="48" y="56"/>
              </a:cxn>
            </a:cxnLst>
            <a:rect l="0" t="0" r="r" b="b"/>
            <a:pathLst>
              <a:path w="320" h="84">
                <a:moveTo>
                  <a:pt x="286" y="62"/>
                </a:moveTo>
                <a:lnTo>
                  <a:pt x="286" y="62"/>
                </a:lnTo>
                <a:lnTo>
                  <a:pt x="300" y="64"/>
                </a:lnTo>
                <a:lnTo>
                  <a:pt x="314" y="68"/>
                </a:lnTo>
                <a:lnTo>
                  <a:pt x="314" y="68"/>
                </a:lnTo>
                <a:lnTo>
                  <a:pt x="318" y="60"/>
                </a:lnTo>
                <a:lnTo>
                  <a:pt x="320" y="48"/>
                </a:lnTo>
                <a:lnTo>
                  <a:pt x="320" y="36"/>
                </a:lnTo>
                <a:lnTo>
                  <a:pt x="320" y="36"/>
                </a:lnTo>
                <a:lnTo>
                  <a:pt x="320" y="28"/>
                </a:lnTo>
                <a:lnTo>
                  <a:pt x="318" y="22"/>
                </a:lnTo>
                <a:lnTo>
                  <a:pt x="314" y="16"/>
                </a:lnTo>
                <a:lnTo>
                  <a:pt x="308" y="10"/>
                </a:lnTo>
                <a:lnTo>
                  <a:pt x="304" y="6"/>
                </a:lnTo>
                <a:lnTo>
                  <a:pt x="296" y="4"/>
                </a:lnTo>
                <a:lnTo>
                  <a:pt x="290" y="2"/>
                </a:lnTo>
                <a:lnTo>
                  <a:pt x="282" y="0"/>
                </a:lnTo>
                <a:lnTo>
                  <a:pt x="38" y="0"/>
                </a:lnTo>
                <a:lnTo>
                  <a:pt x="38" y="0"/>
                </a:lnTo>
                <a:lnTo>
                  <a:pt x="30" y="2"/>
                </a:lnTo>
                <a:lnTo>
                  <a:pt x="24" y="4"/>
                </a:lnTo>
                <a:lnTo>
                  <a:pt x="16" y="6"/>
                </a:lnTo>
                <a:lnTo>
                  <a:pt x="10" y="10"/>
                </a:lnTo>
                <a:lnTo>
                  <a:pt x="6" y="16"/>
                </a:lnTo>
                <a:lnTo>
                  <a:pt x="2" y="22"/>
                </a:lnTo>
                <a:lnTo>
                  <a:pt x="0" y="28"/>
                </a:lnTo>
                <a:lnTo>
                  <a:pt x="0" y="36"/>
                </a:lnTo>
                <a:lnTo>
                  <a:pt x="0" y="48"/>
                </a:lnTo>
                <a:lnTo>
                  <a:pt x="0" y="48"/>
                </a:lnTo>
                <a:lnTo>
                  <a:pt x="0" y="56"/>
                </a:lnTo>
                <a:lnTo>
                  <a:pt x="2" y="62"/>
                </a:lnTo>
                <a:lnTo>
                  <a:pt x="6" y="68"/>
                </a:lnTo>
                <a:lnTo>
                  <a:pt x="10" y="74"/>
                </a:lnTo>
                <a:lnTo>
                  <a:pt x="16" y="78"/>
                </a:lnTo>
                <a:lnTo>
                  <a:pt x="24" y="82"/>
                </a:lnTo>
                <a:lnTo>
                  <a:pt x="30" y="84"/>
                </a:lnTo>
                <a:lnTo>
                  <a:pt x="38" y="84"/>
                </a:lnTo>
                <a:lnTo>
                  <a:pt x="234" y="84"/>
                </a:lnTo>
                <a:lnTo>
                  <a:pt x="234" y="84"/>
                </a:lnTo>
                <a:lnTo>
                  <a:pt x="244" y="74"/>
                </a:lnTo>
                <a:lnTo>
                  <a:pt x="256" y="68"/>
                </a:lnTo>
                <a:lnTo>
                  <a:pt x="270" y="64"/>
                </a:lnTo>
                <a:lnTo>
                  <a:pt x="286" y="62"/>
                </a:lnTo>
                <a:lnTo>
                  <a:pt x="286" y="62"/>
                </a:lnTo>
                <a:close/>
                <a:moveTo>
                  <a:pt x="48" y="56"/>
                </a:moveTo>
                <a:lnTo>
                  <a:pt x="48" y="56"/>
                </a:lnTo>
                <a:lnTo>
                  <a:pt x="44" y="54"/>
                </a:lnTo>
                <a:lnTo>
                  <a:pt x="38" y="52"/>
                </a:lnTo>
                <a:lnTo>
                  <a:pt x="36" y="48"/>
                </a:lnTo>
                <a:lnTo>
                  <a:pt x="34" y="42"/>
                </a:lnTo>
                <a:lnTo>
                  <a:pt x="34" y="42"/>
                </a:lnTo>
                <a:lnTo>
                  <a:pt x="36" y="36"/>
                </a:lnTo>
                <a:lnTo>
                  <a:pt x="38" y="32"/>
                </a:lnTo>
                <a:lnTo>
                  <a:pt x="44" y="30"/>
                </a:lnTo>
                <a:lnTo>
                  <a:pt x="48" y="28"/>
                </a:lnTo>
                <a:lnTo>
                  <a:pt x="48" y="28"/>
                </a:lnTo>
                <a:lnTo>
                  <a:pt x="54" y="30"/>
                </a:lnTo>
                <a:lnTo>
                  <a:pt x="58" y="32"/>
                </a:lnTo>
                <a:lnTo>
                  <a:pt x="60" y="36"/>
                </a:lnTo>
                <a:lnTo>
                  <a:pt x="62" y="42"/>
                </a:lnTo>
                <a:lnTo>
                  <a:pt x="62" y="42"/>
                </a:lnTo>
                <a:lnTo>
                  <a:pt x="60" y="48"/>
                </a:lnTo>
                <a:lnTo>
                  <a:pt x="58" y="52"/>
                </a:lnTo>
                <a:lnTo>
                  <a:pt x="54" y="54"/>
                </a:lnTo>
                <a:lnTo>
                  <a:pt x="48" y="56"/>
                </a:lnTo>
                <a:lnTo>
                  <a:pt x="48" y="56"/>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45" name="Freeform 49">
            <a:extLst>
              <a:ext uri="{FF2B5EF4-FFF2-40B4-BE49-F238E27FC236}">
                <a16:creationId xmlns:a16="http://schemas.microsoft.com/office/drawing/2014/main" xmlns="" id="{D16C9589-75B6-4CBA-B24E-763A3B6C88CF}"/>
              </a:ext>
            </a:extLst>
          </p:cNvPr>
          <p:cNvSpPr>
            <a:spLocks noEditPoints="1"/>
          </p:cNvSpPr>
          <p:nvPr/>
        </p:nvSpPr>
        <p:spPr bwMode="ltGray">
          <a:xfrm>
            <a:off x="8280947" y="6104966"/>
            <a:ext cx="129687" cy="94023"/>
          </a:xfrm>
          <a:custGeom>
            <a:avLst/>
            <a:gdLst/>
            <a:ahLst/>
            <a:cxnLst>
              <a:cxn ang="0">
                <a:pos x="22" y="0"/>
              </a:cxn>
              <a:cxn ang="0">
                <a:pos x="14" y="2"/>
              </a:cxn>
              <a:cxn ang="0">
                <a:pos x="2" y="14"/>
              </a:cxn>
              <a:cxn ang="0">
                <a:pos x="0" y="94"/>
              </a:cxn>
              <a:cxn ang="0">
                <a:pos x="2" y="102"/>
              </a:cxn>
              <a:cxn ang="0">
                <a:pos x="14" y="114"/>
              </a:cxn>
              <a:cxn ang="0">
                <a:pos x="136" y="116"/>
              </a:cxn>
              <a:cxn ang="0">
                <a:pos x="146" y="114"/>
              </a:cxn>
              <a:cxn ang="0">
                <a:pos x="158" y="102"/>
              </a:cxn>
              <a:cxn ang="0">
                <a:pos x="160" y="22"/>
              </a:cxn>
              <a:cxn ang="0">
                <a:pos x="158" y="14"/>
              </a:cxn>
              <a:cxn ang="0">
                <a:pos x="146" y="2"/>
              </a:cxn>
              <a:cxn ang="0">
                <a:pos x="136" y="0"/>
              </a:cxn>
              <a:cxn ang="0">
                <a:pos x="28" y="26"/>
              </a:cxn>
              <a:cxn ang="0">
                <a:pos x="26" y="92"/>
              </a:cxn>
              <a:cxn ang="0">
                <a:pos x="24" y="96"/>
              </a:cxn>
              <a:cxn ang="0">
                <a:pos x="20" y="96"/>
              </a:cxn>
              <a:cxn ang="0">
                <a:pos x="14" y="92"/>
              </a:cxn>
              <a:cxn ang="0">
                <a:pos x="14" y="28"/>
              </a:cxn>
              <a:cxn ang="0">
                <a:pos x="18" y="18"/>
              </a:cxn>
              <a:cxn ang="0">
                <a:pos x="28" y="16"/>
              </a:cxn>
              <a:cxn ang="0">
                <a:pos x="30" y="16"/>
              </a:cxn>
              <a:cxn ang="0">
                <a:pos x="32" y="20"/>
              </a:cxn>
              <a:cxn ang="0">
                <a:pos x="28" y="26"/>
              </a:cxn>
              <a:cxn ang="0">
                <a:pos x="88" y="58"/>
              </a:cxn>
              <a:cxn ang="0">
                <a:pos x="88" y="78"/>
              </a:cxn>
              <a:cxn ang="0">
                <a:pos x="86" y="84"/>
              </a:cxn>
              <a:cxn ang="0">
                <a:pos x="80" y="88"/>
              </a:cxn>
              <a:cxn ang="0">
                <a:pos x="76" y="86"/>
              </a:cxn>
              <a:cxn ang="0">
                <a:pos x="70" y="82"/>
              </a:cxn>
              <a:cxn ang="0">
                <a:pos x="70" y="58"/>
              </a:cxn>
              <a:cxn ang="0">
                <a:pos x="66" y="54"/>
              </a:cxn>
              <a:cxn ang="0">
                <a:pos x="64" y="46"/>
              </a:cxn>
              <a:cxn ang="0">
                <a:pos x="68" y="34"/>
              </a:cxn>
              <a:cxn ang="0">
                <a:pos x="80" y="30"/>
              </a:cxn>
              <a:cxn ang="0">
                <a:pos x="86" y="32"/>
              </a:cxn>
              <a:cxn ang="0">
                <a:pos x="94" y="40"/>
              </a:cxn>
              <a:cxn ang="0">
                <a:pos x="96" y="46"/>
              </a:cxn>
              <a:cxn ang="0">
                <a:pos x="88" y="58"/>
              </a:cxn>
            </a:cxnLst>
            <a:rect l="0" t="0" r="r" b="b"/>
            <a:pathLst>
              <a:path w="160" h="116">
                <a:moveTo>
                  <a:pt x="136" y="0"/>
                </a:moveTo>
                <a:lnTo>
                  <a:pt x="22" y="0"/>
                </a:lnTo>
                <a:lnTo>
                  <a:pt x="22" y="0"/>
                </a:lnTo>
                <a:lnTo>
                  <a:pt x="14" y="2"/>
                </a:lnTo>
                <a:lnTo>
                  <a:pt x="6" y="8"/>
                </a:lnTo>
                <a:lnTo>
                  <a:pt x="2" y="14"/>
                </a:lnTo>
                <a:lnTo>
                  <a:pt x="0" y="22"/>
                </a:lnTo>
                <a:lnTo>
                  <a:pt x="0" y="94"/>
                </a:lnTo>
                <a:lnTo>
                  <a:pt x="0" y="94"/>
                </a:lnTo>
                <a:lnTo>
                  <a:pt x="2" y="102"/>
                </a:lnTo>
                <a:lnTo>
                  <a:pt x="6" y="110"/>
                </a:lnTo>
                <a:lnTo>
                  <a:pt x="14" y="114"/>
                </a:lnTo>
                <a:lnTo>
                  <a:pt x="22" y="116"/>
                </a:lnTo>
                <a:lnTo>
                  <a:pt x="136" y="116"/>
                </a:lnTo>
                <a:lnTo>
                  <a:pt x="136" y="116"/>
                </a:lnTo>
                <a:lnTo>
                  <a:pt x="146" y="114"/>
                </a:lnTo>
                <a:lnTo>
                  <a:pt x="152" y="110"/>
                </a:lnTo>
                <a:lnTo>
                  <a:pt x="158" y="102"/>
                </a:lnTo>
                <a:lnTo>
                  <a:pt x="160" y="94"/>
                </a:lnTo>
                <a:lnTo>
                  <a:pt x="160" y="22"/>
                </a:lnTo>
                <a:lnTo>
                  <a:pt x="160" y="22"/>
                </a:lnTo>
                <a:lnTo>
                  <a:pt x="158" y="14"/>
                </a:lnTo>
                <a:lnTo>
                  <a:pt x="152" y="8"/>
                </a:lnTo>
                <a:lnTo>
                  <a:pt x="146" y="2"/>
                </a:lnTo>
                <a:lnTo>
                  <a:pt x="136" y="0"/>
                </a:lnTo>
                <a:lnTo>
                  <a:pt x="136" y="0"/>
                </a:lnTo>
                <a:close/>
                <a:moveTo>
                  <a:pt x="28" y="26"/>
                </a:moveTo>
                <a:lnTo>
                  <a:pt x="28" y="26"/>
                </a:lnTo>
                <a:lnTo>
                  <a:pt x="26" y="28"/>
                </a:lnTo>
                <a:lnTo>
                  <a:pt x="26" y="92"/>
                </a:lnTo>
                <a:lnTo>
                  <a:pt x="26" y="92"/>
                </a:lnTo>
                <a:lnTo>
                  <a:pt x="24" y="96"/>
                </a:lnTo>
                <a:lnTo>
                  <a:pt x="20" y="96"/>
                </a:lnTo>
                <a:lnTo>
                  <a:pt x="20" y="96"/>
                </a:lnTo>
                <a:lnTo>
                  <a:pt x="16" y="96"/>
                </a:lnTo>
                <a:lnTo>
                  <a:pt x="14" y="92"/>
                </a:lnTo>
                <a:lnTo>
                  <a:pt x="14" y="28"/>
                </a:lnTo>
                <a:lnTo>
                  <a:pt x="14" y="28"/>
                </a:lnTo>
                <a:lnTo>
                  <a:pt x="16" y="22"/>
                </a:lnTo>
                <a:lnTo>
                  <a:pt x="18" y="18"/>
                </a:lnTo>
                <a:lnTo>
                  <a:pt x="22" y="16"/>
                </a:lnTo>
                <a:lnTo>
                  <a:pt x="28" y="16"/>
                </a:lnTo>
                <a:lnTo>
                  <a:pt x="28" y="16"/>
                </a:lnTo>
                <a:lnTo>
                  <a:pt x="30" y="16"/>
                </a:lnTo>
                <a:lnTo>
                  <a:pt x="32" y="20"/>
                </a:lnTo>
                <a:lnTo>
                  <a:pt x="32" y="20"/>
                </a:lnTo>
                <a:lnTo>
                  <a:pt x="30" y="24"/>
                </a:lnTo>
                <a:lnTo>
                  <a:pt x="28" y="26"/>
                </a:lnTo>
                <a:lnTo>
                  <a:pt x="28" y="26"/>
                </a:lnTo>
                <a:close/>
                <a:moveTo>
                  <a:pt x="88" y="58"/>
                </a:moveTo>
                <a:lnTo>
                  <a:pt x="88" y="78"/>
                </a:lnTo>
                <a:lnTo>
                  <a:pt x="88" y="78"/>
                </a:lnTo>
                <a:lnTo>
                  <a:pt x="88" y="82"/>
                </a:lnTo>
                <a:lnTo>
                  <a:pt x="86" y="84"/>
                </a:lnTo>
                <a:lnTo>
                  <a:pt x="84" y="86"/>
                </a:lnTo>
                <a:lnTo>
                  <a:pt x="80" y="88"/>
                </a:lnTo>
                <a:lnTo>
                  <a:pt x="80" y="88"/>
                </a:lnTo>
                <a:lnTo>
                  <a:pt x="76" y="86"/>
                </a:lnTo>
                <a:lnTo>
                  <a:pt x="72" y="84"/>
                </a:lnTo>
                <a:lnTo>
                  <a:pt x="70" y="82"/>
                </a:lnTo>
                <a:lnTo>
                  <a:pt x="70" y="78"/>
                </a:lnTo>
                <a:lnTo>
                  <a:pt x="70" y="58"/>
                </a:lnTo>
                <a:lnTo>
                  <a:pt x="70" y="58"/>
                </a:lnTo>
                <a:lnTo>
                  <a:pt x="66" y="54"/>
                </a:lnTo>
                <a:lnTo>
                  <a:pt x="64" y="46"/>
                </a:lnTo>
                <a:lnTo>
                  <a:pt x="64" y="46"/>
                </a:lnTo>
                <a:lnTo>
                  <a:pt x="64" y="40"/>
                </a:lnTo>
                <a:lnTo>
                  <a:pt x="68" y="34"/>
                </a:lnTo>
                <a:lnTo>
                  <a:pt x="74" y="32"/>
                </a:lnTo>
                <a:lnTo>
                  <a:pt x="80" y="30"/>
                </a:lnTo>
                <a:lnTo>
                  <a:pt x="80" y="30"/>
                </a:lnTo>
                <a:lnTo>
                  <a:pt x="86" y="32"/>
                </a:lnTo>
                <a:lnTo>
                  <a:pt x="90" y="34"/>
                </a:lnTo>
                <a:lnTo>
                  <a:pt x="94" y="40"/>
                </a:lnTo>
                <a:lnTo>
                  <a:pt x="96" y="46"/>
                </a:lnTo>
                <a:lnTo>
                  <a:pt x="96" y="46"/>
                </a:lnTo>
                <a:lnTo>
                  <a:pt x="94" y="54"/>
                </a:lnTo>
                <a:lnTo>
                  <a:pt x="88" y="58"/>
                </a:lnTo>
                <a:lnTo>
                  <a:pt x="88" y="58"/>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46" name="Freeform 50">
            <a:extLst>
              <a:ext uri="{FF2B5EF4-FFF2-40B4-BE49-F238E27FC236}">
                <a16:creationId xmlns:a16="http://schemas.microsoft.com/office/drawing/2014/main" xmlns="" id="{CAD71B52-DF50-48C7-97BC-3F5E54F4C827}"/>
              </a:ext>
            </a:extLst>
          </p:cNvPr>
          <p:cNvSpPr>
            <a:spLocks/>
          </p:cNvSpPr>
          <p:nvPr/>
        </p:nvSpPr>
        <p:spPr bwMode="ltGray">
          <a:xfrm>
            <a:off x="8298779" y="6032017"/>
            <a:ext cx="92402" cy="66464"/>
          </a:xfrm>
          <a:custGeom>
            <a:avLst/>
            <a:gdLst/>
            <a:ahLst/>
            <a:cxnLst>
              <a:cxn ang="0">
                <a:pos x="26" y="56"/>
              </a:cxn>
              <a:cxn ang="0">
                <a:pos x="26" y="56"/>
              </a:cxn>
              <a:cxn ang="0">
                <a:pos x="26" y="50"/>
              </a:cxn>
              <a:cxn ang="0">
                <a:pos x="28" y="44"/>
              </a:cxn>
              <a:cxn ang="0">
                <a:pos x="36" y="34"/>
              </a:cxn>
              <a:cxn ang="0">
                <a:pos x="46" y="28"/>
              </a:cxn>
              <a:cxn ang="0">
                <a:pos x="52" y="26"/>
              </a:cxn>
              <a:cxn ang="0">
                <a:pos x="58" y="26"/>
              </a:cxn>
              <a:cxn ang="0">
                <a:pos x="58" y="26"/>
              </a:cxn>
              <a:cxn ang="0">
                <a:pos x="64" y="26"/>
              </a:cxn>
              <a:cxn ang="0">
                <a:pos x="70" y="28"/>
              </a:cxn>
              <a:cxn ang="0">
                <a:pos x="80" y="34"/>
              </a:cxn>
              <a:cxn ang="0">
                <a:pos x="86" y="44"/>
              </a:cxn>
              <a:cxn ang="0">
                <a:pos x="88" y="50"/>
              </a:cxn>
              <a:cxn ang="0">
                <a:pos x="88" y="56"/>
              </a:cxn>
              <a:cxn ang="0">
                <a:pos x="88" y="82"/>
              </a:cxn>
              <a:cxn ang="0">
                <a:pos x="114" y="82"/>
              </a:cxn>
              <a:cxn ang="0">
                <a:pos x="114" y="56"/>
              </a:cxn>
              <a:cxn ang="0">
                <a:pos x="114" y="56"/>
              </a:cxn>
              <a:cxn ang="0">
                <a:pos x="112" y="46"/>
              </a:cxn>
              <a:cxn ang="0">
                <a:pos x="110" y="34"/>
              </a:cxn>
              <a:cxn ang="0">
                <a:pos x="104" y="26"/>
              </a:cxn>
              <a:cxn ang="0">
                <a:pos x="98" y="16"/>
              </a:cxn>
              <a:cxn ang="0">
                <a:pos x="90" y="10"/>
              </a:cxn>
              <a:cxn ang="0">
                <a:pos x="80" y="4"/>
              </a:cxn>
              <a:cxn ang="0">
                <a:pos x="68" y="2"/>
              </a:cxn>
              <a:cxn ang="0">
                <a:pos x="58" y="0"/>
              </a:cxn>
              <a:cxn ang="0">
                <a:pos x="58" y="0"/>
              </a:cxn>
              <a:cxn ang="0">
                <a:pos x="46" y="2"/>
              </a:cxn>
              <a:cxn ang="0">
                <a:pos x="36" y="4"/>
              </a:cxn>
              <a:cxn ang="0">
                <a:pos x="26" y="10"/>
              </a:cxn>
              <a:cxn ang="0">
                <a:pos x="18" y="16"/>
              </a:cxn>
              <a:cxn ang="0">
                <a:pos x="10" y="26"/>
              </a:cxn>
              <a:cxn ang="0">
                <a:pos x="6" y="34"/>
              </a:cxn>
              <a:cxn ang="0">
                <a:pos x="2" y="46"/>
              </a:cxn>
              <a:cxn ang="0">
                <a:pos x="0" y="56"/>
              </a:cxn>
              <a:cxn ang="0">
                <a:pos x="0" y="82"/>
              </a:cxn>
              <a:cxn ang="0">
                <a:pos x="26" y="82"/>
              </a:cxn>
              <a:cxn ang="0">
                <a:pos x="26" y="56"/>
              </a:cxn>
            </a:cxnLst>
            <a:rect l="0" t="0" r="r" b="b"/>
            <a:pathLst>
              <a:path w="114" h="82">
                <a:moveTo>
                  <a:pt x="26" y="56"/>
                </a:moveTo>
                <a:lnTo>
                  <a:pt x="26" y="56"/>
                </a:lnTo>
                <a:lnTo>
                  <a:pt x="26" y="50"/>
                </a:lnTo>
                <a:lnTo>
                  <a:pt x="28" y="44"/>
                </a:lnTo>
                <a:lnTo>
                  <a:pt x="36" y="34"/>
                </a:lnTo>
                <a:lnTo>
                  <a:pt x="46" y="28"/>
                </a:lnTo>
                <a:lnTo>
                  <a:pt x="52" y="26"/>
                </a:lnTo>
                <a:lnTo>
                  <a:pt x="58" y="26"/>
                </a:lnTo>
                <a:lnTo>
                  <a:pt x="58" y="26"/>
                </a:lnTo>
                <a:lnTo>
                  <a:pt x="64" y="26"/>
                </a:lnTo>
                <a:lnTo>
                  <a:pt x="70" y="28"/>
                </a:lnTo>
                <a:lnTo>
                  <a:pt x="80" y="34"/>
                </a:lnTo>
                <a:lnTo>
                  <a:pt x="86" y="44"/>
                </a:lnTo>
                <a:lnTo>
                  <a:pt x="88" y="50"/>
                </a:lnTo>
                <a:lnTo>
                  <a:pt x="88" y="56"/>
                </a:lnTo>
                <a:lnTo>
                  <a:pt x="88" y="82"/>
                </a:lnTo>
                <a:lnTo>
                  <a:pt x="114" y="82"/>
                </a:lnTo>
                <a:lnTo>
                  <a:pt x="114" y="56"/>
                </a:lnTo>
                <a:lnTo>
                  <a:pt x="114" y="56"/>
                </a:lnTo>
                <a:lnTo>
                  <a:pt x="112" y="46"/>
                </a:lnTo>
                <a:lnTo>
                  <a:pt x="110" y="34"/>
                </a:lnTo>
                <a:lnTo>
                  <a:pt x="104" y="26"/>
                </a:lnTo>
                <a:lnTo>
                  <a:pt x="98" y="16"/>
                </a:lnTo>
                <a:lnTo>
                  <a:pt x="90" y="10"/>
                </a:lnTo>
                <a:lnTo>
                  <a:pt x="80" y="4"/>
                </a:lnTo>
                <a:lnTo>
                  <a:pt x="68" y="2"/>
                </a:lnTo>
                <a:lnTo>
                  <a:pt x="58" y="0"/>
                </a:lnTo>
                <a:lnTo>
                  <a:pt x="58" y="0"/>
                </a:lnTo>
                <a:lnTo>
                  <a:pt x="46" y="2"/>
                </a:lnTo>
                <a:lnTo>
                  <a:pt x="36" y="4"/>
                </a:lnTo>
                <a:lnTo>
                  <a:pt x="26" y="10"/>
                </a:lnTo>
                <a:lnTo>
                  <a:pt x="18" y="16"/>
                </a:lnTo>
                <a:lnTo>
                  <a:pt x="10" y="26"/>
                </a:lnTo>
                <a:lnTo>
                  <a:pt x="6" y="34"/>
                </a:lnTo>
                <a:lnTo>
                  <a:pt x="2" y="46"/>
                </a:lnTo>
                <a:lnTo>
                  <a:pt x="0" y="56"/>
                </a:lnTo>
                <a:lnTo>
                  <a:pt x="0" y="82"/>
                </a:lnTo>
                <a:lnTo>
                  <a:pt x="26" y="82"/>
                </a:lnTo>
                <a:lnTo>
                  <a:pt x="26" y="56"/>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400"/>
          </a:p>
        </p:txBody>
      </p:sp>
      <p:sp>
        <p:nvSpPr>
          <p:cNvPr id="47" name="矩形 46">
            <a:extLst>
              <a:ext uri="{FF2B5EF4-FFF2-40B4-BE49-F238E27FC236}">
                <a16:creationId xmlns:a16="http://schemas.microsoft.com/office/drawing/2014/main" xmlns="" id="{01A626E7-39D9-4573-AFC6-2D15F8182846}"/>
              </a:ext>
            </a:extLst>
          </p:cNvPr>
          <p:cNvSpPr/>
          <p:nvPr/>
        </p:nvSpPr>
        <p:spPr bwMode="ltGray">
          <a:xfrm>
            <a:off x="8370404" y="5854208"/>
            <a:ext cx="1034248" cy="523220"/>
          </a:xfrm>
          <a:prstGeom prst="rect">
            <a:avLst/>
          </a:prstGeom>
        </p:spPr>
        <p:txBody>
          <a:bodyPr wrap="square">
            <a:spAutoFit/>
          </a:bodyPr>
          <a:lstStyle/>
          <a:p>
            <a:pPr lvl="0" algn="ctr" defTabSz="457200" fontAlgn="base">
              <a:spcBef>
                <a:spcPct val="0"/>
              </a:spcBef>
              <a:spcAft>
                <a:spcPct val="0"/>
              </a:spcAft>
              <a:defRPr/>
            </a:pPr>
            <a:r>
              <a:rPr lang="en-US" altLang="zh-CN" sz="1400" kern="0" dirty="0">
                <a:solidFill>
                  <a:srgbClr val="FFFFFF"/>
                </a:solidFill>
                <a:ea typeface="微软雅黑" panose="020B0503020204020204" pitchFamily="34" charset="-122"/>
              </a:rPr>
              <a:t>Security Gateway</a:t>
            </a:r>
          </a:p>
        </p:txBody>
      </p:sp>
      <p:sp>
        <p:nvSpPr>
          <p:cNvPr id="49" name="立方体 48">
            <a:extLst>
              <a:ext uri="{FF2B5EF4-FFF2-40B4-BE49-F238E27FC236}">
                <a16:creationId xmlns:a16="http://schemas.microsoft.com/office/drawing/2014/main" xmlns="" id="{0C6A125E-AC16-497B-A462-B52F13923A4F}"/>
              </a:ext>
            </a:extLst>
          </p:cNvPr>
          <p:cNvSpPr/>
          <p:nvPr/>
        </p:nvSpPr>
        <p:spPr bwMode="ltGray">
          <a:xfrm>
            <a:off x="10004811" y="6040881"/>
            <a:ext cx="435080" cy="188370"/>
          </a:xfrm>
          <a:prstGeom prst="cube">
            <a:avLst>
              <a:gd name="adj" fmla="val 49850"/>
            </a:avLst>
          </a:prstGeom>
          <a:solidFill>
            <a:schemeClr val="bg1">
              <a:alpha val="46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50" name="立方体 49">
            <a:extLst>
              <a:ext uri="{FF2B5EF4-FFF2-40B4-BE49-F238E27FC236}">
                <a16:creationId xmlns:a16="http://schemas.microsoft.com/office/drawing/2014/main" xmlns="" id="{8ED09BF5-7C5C-47E0-802F-8F9C16E2660C}"/>
              </a:ext>
            </a:extLst>
          </p:cNvPr>
          <p:cNvSpPr/>
          <p:nvPr/>
        </p:nvSpPr>
        <p:spPr bwMode="ltGray">
          <a:xfrm>
            <a:off x="10004811" y="5946696"/>
            <a:ext cx="435080" cy="188370"/>
          </a:xfrm>
          <a:prstGeom prst="cube">
            <a:avLst>
              <a:gd name="adj" fmla="val 49850"/>
            </a:avLst>
          </a:prstGeom>
          <a:solidFill>
            <a:schemeClr val="bg1">
              <a:alpha val="46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51" name="矩形 50">
            <a:extLst>
              <a:ext uri="{FF2B5EF4-FFF2-40B4-BE49-F238E27FC236}">
                <a16:creationId xmlns:a16="http://schemas.microsoft.com/office/drawing/2014/main" xmlns="" id="{67C32A8E-4282-4B8B-8764-F80CBB4E9967}"/>
              </a:ext>
            </a:extLst>
          </p:cNvPr>
          <p:cNvSpPr/>
          <p:nvPr/>
        </p:nvSpPr>
        <p:spPr bwMode="ltGray">
          <a:xfrm>
            <a:off x="10453563" y="5979940"/>
            <a:ext cx="615688" cy="307777"/>
          </a:xfrm>
          <a:prstGeom prst="rect">
            <a:avLst/>
          </a:prstGeom>
        </p:spPr>
        <p:txBody>
          <a:bodyPr wrap="square">
            <a:spAutoFit/>
          </a:bodyPr>
          <a:lstStyle/>
          <a:p>
            <a:pPr lvl="0" algn="ctr" defTabSz="457200" fontAlgn="base">
              <a:spcBef>
                <a:spcPct val="0"/>
              </a:spcBef>
              <a:spcAft>
                <a:spcPct val="0"/>
              </a:spcAft>
              <a:defRPr/>
            </a:pPr>
            <a:r>
              <a:rPr lang="en-US" altLang="zh-CN" sz="1400" kern="0" dirty="0">
                <a:solidFill>
                  <a:srgbClr val="FFFFFF"/>
                </a:solidFill>
                <a:ea typeface="微软雅黑" panose="020B0503020204020204" pitchFamily="34" charset="-122"/>
              </a:rPr>
              <a:t>VNF</a:t>
            </a:r>
          </a:p>
        </p:txBody>
      </p:sp>
      <p:sp>
        <p:nvSpPr>
          <p:cNvPr id="83" name="Rectangle 9">
            <a:extLst>
              <a:ext uri="{FF2B5EF4-FFF2-40B4-BE49-F238E27FC236}">
                <a16:creationId xmlns:a16="http://schemas.microsoft.com/office/drawing/2014/main" xmlns="" id="{71F203B1-A255-44C8-862B-284CEC726DEF}"/>
              </a:ext>
            </a:extLst>
          </p:cNvPr>
          <p:cNvSpPr/>
          <p:nvPr/>
        </p:nvSpPr>
        <p:spPr>
          <a:xfrm>
            <a:off x="816337" y="2847300"/>
            <a:ext cx="10503666" cy="463683"/>
          </a:xfrm>
          <a:prstGeom prst="rect">
            <a:avLst/>
          </a:prstGeom>
          <a:solidFill>
            <a:srgbClr val="F3FBFE"/>
          </a:solidFill>
          <a:ln w="12700" cap="flat" cmpd="sng" algn="ctr">
            <a:solidFill>
              <a:srgbClr val="99DFF9"/>
            </a:solidFill>
            <a:prstDash val="solid"/>
          </a:ln>
          <a:effectLst/>
        </p:spPr>
        <p:txBody>
          <a:bodyPr rtlCol="0" anchor="ctr"/>
          <a:lstStyle/>
          <a:p>
            <a:pPr lvl="0" algn="ctr" defTabSz="457200" fontAlgn="base">
              <a:spcBef>
                <a:spcPct val="0"/>
              </a:spcBef>
              <a:spcAft>
                <a:spcPct val="0"/>
              </a:spcAft>
              <a:defRPr/>
            </a:pPr>
            <a:endParaRPr kumimoji="0" lang="en-US" sz="1200" b="0" i="0" u="none" strike="noStrike" kern="0" cap="none" spc="0" normalizeH="0" baseline="0" noProof="0" dirty="0">
              <a:ln>
                <a:noFill/>
              </a:ln>
              <a:solidFill>
                <a:srgbClr val="FFFFFF"/>
              </a:solidFill>
              <a:effectLst/>
              <a:uLnTx/>
              <a:uFillTx/>
              <a:ea typeface="微软雅黑" panose="020B0503020204020204" pitchFamily="34" charset="-122"/>
            </a:endParaRPr>
          </a:p>
        </p:txBody>
      </p:sp>
      <p:sp>
        <p:nvSpPr>
          <p:cNvPr id="84" name="矩形 83">
            <a:extLst>
              <a:ext uri="{FF2B5EF4-FFF2-40B4-BE49-F238E27FC236}">
                <a16:creationId xmlns:a16="http://schemas.microsoft.com/office/drawing/2014/main" xmlns="" id="{EB1887F9-4F52-4077-B71F-D7A31841B0EC}"/>
              </a:ext>
            </a:extLst>
          </p:cNvPr>
          <p:cNvSpPr/>
          <p:nvPr/>
        </p:nvSpPr>
        <p:spPr>
          <a:xfrm>
            <a:off x="1445538" y="2914335"/>
            <a:ext cx="1103187" cy="338554"/>
          </a:xfrm>
          <a:prstGeom prst="rect">
            <a:avLst/>
          </a:prstGeom>
        </p:spPr>
        <p:txBody>
          <a:bodyPr wrap="none">
            <a:spAutoFit/>
          </a:bodyPr>
          <a:lstStyle/>
          <a:p>
            <a:pPr>
              <a:buClrTx/>
              <a:buFontTx/>
              <a:buNone/>
            </a:pPr>
            <a:r>
              <a:rPr lang="en-US" altLang="zh-CN" sz="1600" kern="0" dirty="0"/>
              <a:t>NBI Plane</a:t>
            </a:r>
            <a:endParaRPr lang="zh-CN" altLang="en-US" sz="1600" kern="0" dirty="0"/>
          </a:p>
        </p:txBody>
      </p:sp>
      <p:sp>
        <p:nvSpPr>
          <p:cNvPr id="85" name="TextBox 205">
            <a:extLst>
              <a:ext uri="{FF2B5EF4-FFF2-40B4-BE49-F238E27FC236}">
                <a16:creationId xmlns:a16="http://schemas.microsoft.com/office/drawing/2014/main" xmlns="" id="{3E2669C8-B707-4A15-BFDE-0193EBA10C38}"/>
              </a:ext>
            </a:extLst>
          </p:cNvPr>
          <p:cNvSpPr txBox="1"/>
          <p:nvPr/>
        </p:nvSpPr>
        <p:spPr>
          <a:xfrm>
            <a:off x="3090884" y="2910463"/>
            <a:ext cx="1437574"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500" b="1" kern="0">
                <a:solidFill>
                  <a:schemeClr val="bg1"/>
                </a:solidFill>
                <a:ea typeface="微软雅黑" panose="020B0503020204020204" pitchFamily="34" charset="-122"/>
              </a:defRPr>
            </a:lvl1pPr>
          </a:lstStyle>
          <a:p>
            <a:r>
              <a:rPr lang="en-US" altLang="zh-CN" sz="1400" dirty="0"/>
              <a:t>RESTful</a:t>
            </a:r>
            <a:endParaRPr lang="zh-CN" altLang="en-US" sz="1400" dirty="0"/>
          </a:p>
        </p:txBody>
      </p:sp>
      <p:sp>
        <p:nvSpPr>
          <p:cNvPr id="86" name="TextBox 207">
            <a:extLst>
              <a:ext uri="{FF2B5EF4-FFF2-40B4-BE49-F238E27FC236}">
                <a16:creationId xmlns:a16="http://schemas.microsoft.com/office/drawing/2014/main" xmlns="" id="{42E4B99C-EE80-4DA2-8A42-436258109AE5}"/>
              </a:ext>
            </a:extLst>
          </p:cNvPr>
          <p:cNvSpPr txBox="1"/>
          <p:nvPr/>
        </p:nvSpPr>
        <p:spPr>
          <a:xfrm>
            <a:off x="6180228" y="2910463"/>
            <a:ext cx="1745342"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400" b="0" kern="0">
                <a:ea typeface="微软雅黑" panose="020B0503020204020204" pitchFamily="34" charset="-122"/>
              </a:defRPr>
            </a:lvl1pPr>
          </a:lstStyle>
          <a:p>
            <a:r>
              <a:rPr lang="en-US" altLang="zh-CN" b="1">
                <a:solidFill>
                  <a:schemeClr val="bg1"/>
                </a:solidFill>
              </a:rPr>
              <a:t> MTOSI/CORBA</a:t>
            </a:r>
          </a:p>
        </p:txBody>
      </p:sp>
      <p:sp>
        <p:nvSpPr>
          <p:cNvPr id="87" name="TextBox 209">
            <a:extLst>
              <a:ext uri="{FF2B5EF4-FFF2-40B4-BE49-F238E27FC236}">
                <a16:creationId xmlns:a16="http://schemas.microsoft.com/office/drawing/2014/main" xmlns="" id="{7B21FDF7-5450-41CF-9BAD-C26067EDC8EE}"/>
              </a:ext>
            </a:extLst>
          </p:cNvPr>
          <p:cNvSpPr txBox="1"/>
          <p:nvPr/>
        </p:nvSpPr>
        <p:spPr>
          <a:xfrm>
            <a:off x="7979865" y="2910463"/>
            <a:ext cx="1498968"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400" b="0" kern="0">
                <a:ea typeface="微软雅黑" panose="020B0503020204020204" pitchFamily="34" charset="-122"/>
              </a:defRPr>
            </a:lvl1pPr>
          </a:lstStyle>
          <a:p>
            <a:r>
              <a:rPr lang="en-US" altLang="zh-CN" b="1" dirty="0">
                <a:solidFill>
                  <a:schemeClr val="bg1"/>
                </a:solidFill>
              </a:rPr>
              <a:t>Kafka/SFTP</a:t>
            </a:r>
            <a:endParaRPr lang="zh-CN" altLang="en-US" b="1" dirty="0">
              <a:solidFill>
                <a:schemeClr val="bg1"/>
              </a:solidFill>
            </a:endParaRPr>
          </a:p>
        </p:txBody>
      </p:sp>
      <p:sp>
        <p:nvSpPr>
          <p:cNvPr id="88" name="Rectangle 7">
            <a:extLst>
              <a:ext uri="{FF2B5EF4-FFF2-40B4-BE49-F238E27FC236}">
                <a16:creationId xmlns:a16="http://schemas.microsoft.com/office/drawing/2014/main" xmlns="" id="{81662334-3FA3-48F6-BFC2-B567AB4617E3}"/>
              </a:ext>
            </a:extLst>
          </p:cNvPr>
          <p:cNvSpPr/>
          <p:nvPr/>
        </p:nvSpPr>
        <p:spPr>
          <a:xfrm>
            <a:off x="2164243" y="2129722"/>
            <a:ext cx="9155704" cy="640080"/>
          </a:xfrm>
          <a:prstGeom prst="rect">
            <a:avLst/>
          </a:prstGeom>
          <a:solidFill>
            <a:srgbClr val="F3FBFE"/>
          </a:solidFill>
          <a:ln w="12700" cap="flat" cmpd="sng" algn="ctr">
            <a:solidFill>
              <a:srgbClr val="99DFF9"/>
            </a:solidFill>
            <a:prstDash val="solid"/>
          </a:ln>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en-US" sz="1400" b="0" i="0" u="none" strike="noStrike" kern="0" cap="none" spc="0" normalizeH="0" baseline="0" noProof="0" dirty="0">
              <a:ln>
                <a:noFill/>
              </a:ln>
              <a:effectLst/>
              <a:uLnTx/>
              <a:uFillTx/>
            </a:endParaRPr>
          </a:p>
        </p:txBody>
      </p:sp>
      <p:sp>
        <p:nvSpPr>
          <p:cNvPr id="89" name="Freeform 45">
            <a:extLst>
              <a:ext uri="{FF2B5EF4-FFF2-40B4-BE49-F238E27FC236}">
                <a16:creationId xmlns:a16="http://schemas.microsoft.com/office/drawing/2014/main" xmlns="" id="{969BE53D-22EC-42AF-82AC-8C99982370DF}"/>
              </a:ext>
            </a:extLst>
          </p:cNvPr>
          <p:cNvSpPr>
            <a:spLocks noEditPoints="1"/>
          </p:cNvSpPr>
          <p:nvPr/>
        </p:nvSpPr>
        <p:spPr bwMode="auto">
          <a:xfrm>
            <a:off x="2997324" y="2308306"/>
            <a:ext cx="446746" cy="307402"/>
          </a:xfrm>
          <a:custGeom>
            <a:avLst/>
            <a:gdLst>
              <a:gd name="T0" fmla="*/ 3277 w 3277"/>
              <a:gd name="T1" fmla="*/ 1741 h 2253"/>
              <a:gd name="T2" fmla="*/ 2765 w 3277"/>
              <a:gd name="T3" fmla="*/ 2253 h 2253"/>
              <a:gd name="T4" fmla="*/ 1024 w 3277"/>
              <a:gd name="T5" fmla="*/ 2253 h 2253"/>
              <a:gd name="T6" fmla="*/ 1024 w 3277"/>
              <a:gd name="T7" fmla="*/ 2250 h 2253"/>
              <a:gd name="T8" fmla="*/ 614 w 3277"/>
              <a:gd name="T9" fmla="*/ 1840 h 2253"/>
              <a:gd name="T10" fmla="*/ 1024 w 3277"/>
              <a:gd name="T11" fmla="*/ 1430 h 2253"/>
              <a:gd name="T12" fmla="*/ 1024 w 3277"/>
              <a:gd name="T13" fmla="*/ 1427 h 2253"/>
              <a:gd name="T14" fmla="*/ 1025 w 3277"/>
              <a:gd name="T15" fmla="*/ 1427 h 2253"/>
              <a:gd name="T16" fmla="*/ 1536 w 3277"/>
              <a:gd name="T17" fmla="*/ 922 h 2253"/>
              <a:gd name="T18" fmla="*/ 1707 w 3277"/>
              <a:gd name="T19" fmla="*/ 953 h 2253"/>
              <a:gd name="T20" fmla="*/ 2253 w 3277"/>
              <a:gd name="T21" fmla="*/ 614 h 2253"/>
              <a:gd name="T22" fmla="*/ 2867 w 3277"/>
              <a:gd name="T23" fmla="*/ 1229 h 2253"/>
              <a:gd name="T24" fmla="*/ 2866 w 3277"/>
              <a:gd name="T25" fmla="*/ 1239 h 2253"/>
              <a:gd name="T26" fmla="*/ 3277 w 3277"/>
              <a:gd name="T27" fmla="*/ 1741 h 2253"/>
              <a:gd name="T28" fmla="*/ 845 w 3277"/>
              <a:gd name="T29" fmla="*/ 1251 h 2253"/>
              <a:gd name="T30" fmla="*/ 851 w 3277"/>
              <a:gd name="T31" fmla="*/ 1225 h 2253"/>
              <a:gd name="T32" fmla="*/ 1612 w 3277"/>
              <a:gd name="T33" fmla="*/ 721 h 2253"/>
              <a:gd name="T34" fmla="*/ 2216 w 3277"/>
              <a:gd name="T35" fmla="*/ 414 h 2253"/>
              <a:gd name="T36" fmla="*/ 1638 w 3277"/>
              <a:gd name="T37" fmla="*/ 0 h 2253"/>
              <a:gd name="T38" fmla="*/ 1092 w 3277"/>
              <a:gd name="T39" fmla="*/ 338 h 2253"/>
              <a:gd name="T40" fmla="*/ 922 w 3277"/>
              <a:gd name="T41" fmla="*/ 307 h 2253"/>
              <a:gd name="T42" fmla="*/ 410 w 3277"/>
              <a:gd name="T43" fmla="*/ 813 h 2253"/>
              <a:gd name="T44" fmla="*/ 410 w 3277"/>
              <a:gd name="T45" fmla="*/ 813 h 2253"/>
              <a:gd name="T46" fmla="*/ 410 w 3277"/>
              <a:gd name="T47" fmla="*/ 816 h 2253"/>
              <a:gd name="T48" fmla="*/ 0 w 3277"/>
              <a:gd name="T49" fmla="*/ 1226 h 2253"/>
              <a:gd name="T50" fmla="*/ 410 w 3277"/>
              <a:gd name="T51" fmla="*/ 1635 h 2253"/>
              <a:gd name="T52" fmla="*/ 410 w 3277"/>
              <a:gd name="T53" fmla="*/ 1638 h 2253"/>
              <a:gd name="T54" fmla="*/ 444 w 3277"/>
              <a:gd name="T55" fmla="*/ 1638 h 2253"/>
              <a:gd name="T56" fmla="*/ 819 w 3277"/>
              <a:gd name="T57" fmla="*/ 1261 h 2253"/>
              <a:gd name="T58" fmla="*/ 845 w 3277"/>
              <a:gd name="T59" fmla="*/ 1251 h 22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3277" h="2253">
                <a:moveTo>
                  <a:pt x="3277" y="1741"/>
                </a:moveTo>
                <a:cubicBezTo>
                  <a:pt x="3277" y="2024"/>
                  <a:pt x="3048" y="2253"/>
                  <a:pt x="2765" y="2253"/>
                </a:cubicBezTo>
                <a:cubicBezTo>
                  <a:pt x="1024" y="2253"/>
                  <a:pt x="1024" y="2253"/>
                  <a:pt x="1024" y="2253"/>
                </a:cubicBezTo>
                <a:cubicBezTo>
                  <a:pt x="1024" y="2250"/>
                  <a:pt x="1024" y="2250"/>
                  <a:pt x="1024" y="2250"/>
                </a:cubicBezTo>
                <a:cubicBezTo>
                  <a:pt x="798" y="2250"/>
                  <a:pt x="614" y="2066"/>
                  <a:pt x="614" y="1840"/>
                </a:cubicBezTo>
                <a:cubicBezTo>
                  <a:pt x="614" y="1614"/>
                  <a:pt x="798" y="1430"/>
                  <a:pt x="1024" y="1430"/>
                </a:cubicBezTo>
                <a:cubicBezTo>
                  <a:pt x="1024" y="1427"/>
                  <a:pt x="1024" y="1427"/>
                  <a:pt x="1024" y="1427"/>
                </a:cubicBezTo>
                <a:cubicBezTo>
                  <a:pt x="1025" y="1427"/>
                  <a:pt x="1025" y="1427"/>
                  <a:pt x="1025" y="1427"/>
                </a:cubicBezTo>
                <a:cubicBezTo>
                  <a:pt x="1028" y="1147"/>
                  <a:pt x="1255" y="922"/>
                  <a:pt x="1536" y="922"/>
                </a:cubicBezTo>
                <a:cubicBezTo>
                  <a:pt x="1596" y="922"/>
                  <a:pt x="1653" y="934"/>
                  <a:pt x="1707" y="953"/>
                </a:cubicBezTo>
                <a:cubicBezTo>
                  <a:pt x="1808" y="753"/>
                  <a:pt x="2013" y="614"/>
                  <a:pt x="2253" y="614"/>
                </a:cubicBezTo>
                <a:cubicBezTo>
                  <a:pt x="2592" y="614"/>
                  <a:pt x="2867" y="889"/>
                  <a:pt x="2867" y="1229"/>
                </a:cubicBezTo>
                <a:cubicBezTo>
                  <a:pt x="2867" y="1232"/>
                  <a:pt x="2866" y="1236"/>
                  <a:pt x="2866" y="1239"/>
                </a:cubicBezTo>
                <a:cubicBezTo>
                  <a:pt x="3100" y="1286"/>
                  <a:pt x="3277" y="1493"/>
                  <a:pt x="3277" y="1741"/>
                </a:cubicBezTo>
                <a:close/>
                <a:moveTo>
                  <a:pt x="845" y="1251"/>
                </a:moveTo>
                <a:cubicBezTo>
                  <a:pt x="851" y="1225"/>
                  <a:pt x="851" y="1225"/>
                  <a:pt x="851" y="1225"/>
                </a:cubicBezTo>
                <a:cubicBezTo>
                  <a:pt x="948" y="908"/>
                  <a:pt x="1266" y="683"/>
                  <a:pt x="1612" y="721"/>
                </a:cubicBezTo>
                <a:cubicBezTo>
                  <a:pt x="1758" y="536"/>
                  <a:pt x="1978" y="424"/>
                  <a:pt x="2216" y="414"/>
                </a:cubicBezTo>
                <a:cubicBezTo>
                  <a:pt x="2133" y="174"/>
                  <a:pt x="1907" y="0"/>
                  <a:pt x="1638" y="0"/>
                </a:cubicBezTo>
                <a:cubicBezTo>
                  <a:pt x="1399" y="0"/>
                  <a:pt x="1194" y="138"/>
                  <a:pt x="1092" y="338"/>
                </a:cubicBezTo>
                <a:cubicBezTo>
                  <a:pt x="1039" y="320"/>
                  <a:pt x="982" y="307"/>
                  <a:pt x="922" y="307"/>
                </a:cubicBezTo>
                <a:cubicBezTo>
                  <a:pt x="641" y="307"/>
                  <a:pt x="414" y="533"/>
                  <a:pt x="410" y="813"/>
                </a:cubicBezTo>
                <a:cubicBezTo>
                  <a:pt x="410" y="813"/>
                  <a:pt x="410" y="813"/>
                  <a:pt x="410" y="813"/>
                </a:cubicBezTo>
                <a:cubicBezTo>
                  <a:pt x="410" y="816"/>
                  <a:pt x="410" y="816"/>
                  <a:pt x="410" y="816"/>
                </a:cubicBezTo>
                <a:cubicBezTo>
                  <a:pt x="183" y="816"/>
                  <a:pt x="0" y="999"/>
                  <a:pt x="0" y="1226"/>
                </a:cubicBezTo>
                <a:cubicBezTo>
                  <a:pt x="0" y="1452"/>
                  <a:pt x="183" y="1635"/>
                  <a:pt x="410" y="1635"/>
                </a:cubicBezTo>
                <a:cubicBezTo>
                  <a:pt x="410" y="1638"/>
                  <a:pt x="410" y="1638"/>
                  <a:pt x="410" y="1638"/>
                </a:cubicBezTo>
                <a:cubicBezTo>
                  <a:pt x="444" y="1638"/>
                  <a:pt x="444" y="1638"/>
                  <a:pt x="444" y="1638"/>
                </a:cubicBezTo>
                <a:cubicBezTo>
                  <a:pt x="506" y="1463"/>
                  <a:pt x="644" y="1323"/>
                  <a:pt x="819" y="1261"/>
                </a:cubicBezTo>
                <a:cubicBezTo>
                  <a:pt x="845" y="1251"/>
                  <a:pt x="845" y="1251"/>
                  <a:pt x="845" y="1251"/>
                </a:cubicBez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endParaRPr lang="zh-CN" altLang="en-US" sz="1400"/>
          </a:p>
        </p:txBody>
      </p:sp>
      <p:sp>
        <p:nvSpPr>
          <p:cNvPr id="90" name="文本框 89">
            <a:extLst>
              <a:ext uri="{FF2B5EF4-FFF2-40B4-BE49-F238E27FC236}">
                <a16:creationId xmlns:a16="http://schemas.microsoft.com/office/drawing/2014/main" xmlns="" id="{2580B51A-E1AA-4E96-AFA2-90F368496F61}"/>
              </a:ext>
            </a:extLst>
          </p:cNvPr>
          <p:cNvSpPr txBox="1"/>
          <p:nvPr/>
        </p:nvSpPr>
        <p:spPr>
          <a:xfrm>
            <a:off x="3500878" y="2343890"/>
            <a:ext cx="866288" cy="307777"/>
          </a:xfrm>
          <a:prstGeom prst="rect">
            <a:avLst/>
          </a:prstGeom>
          <a:noFill/>
        </p:spPr>
        <p:txBody>
          <a:bodyPr wrap="square" rtlCol="0">
            <a:spAutoFit/>
          </a:bodyPr>
          <a:lstStyle/>
          <a:p>
            <a:r>
              <a:rPr lang="zh-CN" altLang="en-US" sz="1400" dirty="0"/>
              <a:t>云平台</a:t>
            </a:r>
          </a:p>
        </p:txBody>
      </p:sp>
      <p:sp>
        <p:nvSpPr>
          <p:cNvPr id="91" name="文本框 90">
            <a:extLst>
              <a:ext uri="{FF2B5EF4-FFF2-40B4-BE49-F238E27FC236}">
                <a16:creationId xmlns:a16="http://schemas.microsoft.com/office/drawing/2014/main" xmlns="" id="{30ABFA7E-0642-47A2-8E95-98BCAC39961F}"/>
              </a:ext>
            </a:extLst>
          </p:cNvPr>
          <p:cNvSpPr txBox="1"/>
          <p:nvPr/>
        </p:nvSpPr>
        <p:spPr>
          <a:xfrm>
            <a:off x="5514040" y="2361147"/>
            <a:ext cx="866288" cy="307777"/>
          </a:xfrm>
          <a:prstGeom prst="rect">
            <a:avLst/>
          </a:prstGeom>
          <a:noFill/>
        </p:spPr>
        <p:txBody>
          <a:bodyPr wrap="square" rtlCol="0">
            <a:spAutoFit/>
          </a:bodyPr>
          <a:lstStyle/>
          <a:p>
            <a:r>
              <a:rPr lang="en-US" altLang="zh-CN" sz="1400" dirty="0"/>
              <a:t>EMS</a:t>
            </a:r>
            <a:endParaRPr lang="zh-CN" altLang="en-US" sz="1400" dirty="0"/>
          </a:p>
        </p:txBody>
      </p:sp>
      <p:pic>
        <p:nvPicPr>
          <p:cNvPr id="92" name="图片 91">
            <a:extLst>
              <a:ext uri="{FF2B5EF4-FFF2-40B4-BE49-F238E27FC236}">
                <a16:creationId xmlns:a16="http://schemas.microsoft.com/office/drawing/2014/main" xmlns="" id="{34E8E205-C2D1-4268-81F2-222FCBB99EB4}"/>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057019" y="2302205"/>
            <a:ext cx="348826" cy="348826"/>
          </a:xfrm>
          <a:prstGeom prst="rect">
            <a:avLst/>
          </a:prstGeom>
          <a:solidFill>
            <a:srgbClr val="00B0F0"/>
          </a:solidFill>
        </p:spPr>
      </p:pic>
      <p:pic>
        <p:nvPicPr>
          <p:cNvPr id="93" name="图片 92">
            <a:extLst>
              <a:ext uri="{FF2B5EF4-FFF2-40B4-BE49-F238E27FC236}">
                <a16:creationId xmlns:a16="http://schemas.microsoft.com/office/drawing/2014/main" xmlns="" id="{85B3DA29-C41F-4FD8-A494-B6ED1D5A2B33}"/>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794601" y="2273863"/>
            <a:ext cx="428213" cy="428213"/>
          </a:xfrm>
          <a:prstGeom prst="rect">
            <a:avLst/>
          </a:prstGeom>
          <a:solidFill>
            <a:srgbClr val="00B0F0"/>
          </a:solidFill>
        </p:spPr>
      </p:pic>
      <p:sp>
        <p:nvSpPr>
          <p:cNvPr id="94" name="文本框 93">
            <a:extLst>
              <a:ext uri="{FF2B5EF4-FFF2-40B4-BE49-F238E27FC236}">
                <a16:creationId xmlns:a16="http://schemas.microsoft.com/office/drawing/2014/main" xmlns="" id="{11AD11D0-C2DA-42F5-B11A-683976A0CE1B}"/>
              </a:ext>
            </a:extLst>
          </p:cNvPr>
          <p:cNvSpPr txBox="1"/>
          <p:nvPr/>
        </p:nvSpPr>
        <p:spPr>
          <a:xfrm>
            <a:off x="7203213" y="2378290"/>
            <a:ext cx="1406093" cy="307777"/>
          </a:xfrm>
          <a:prstGeom prst="rect">
            <a:avLst/>
          </a:prstGeom>
          <a:noFill/>
        </p:spPr>
        <p:txBody>
          <a:bodyPr wrap="square" rtlCol="0">
            <a:spAutoFit/>
          </a:bodyPr>
          <a:lstStyle/>
          <a:p>
            <a:pPr algn="ctr" defTabSz="669981" eaLnBrk="0" fontAlgn="base" hangingPunct="0">
              <a:spcBef>
                <a:spcPct val="0"/>
              </a:spcBef>
              <a:spcAft>
                <a:spcPct val="0"/>
              </a:spcAft>
              <a:buClr>
                <a:srgbClr val="CC9900"/>
              </a:buClr>
              <a:defRPr/>
            </a:pPr>
            <a:r>
              <a:rPr lang="en-US" altLang="zh-CN" sz="1400" kern="0" dirty="0">
                <a:ea typeface="微软雅黑" panose="020B0503020204020204" pitchFamily="34" charset="-122"/>
                <a:sym typeface="Arial" panose="020B0604020202020204" pitchFamily="34" charset="0"/>
              </a:rPr>
              <a:t>Orchestration</a:t>
            </a:r>
            <a:endParaRPr lang="zh-CN" altLang="en-US" sz="1400" kern="0" dirty="0">
              <a:ea typeface="微软雅黑" panose="020B0503020204020204" pitchFamily="34" charset="-122"/>
              <a:sym typeface="Arial" panose="020B0604020202020204" pitchFamily="34" charset="0"/>
            </a:endParaRPr>
          </a:p>
        </p:txBody>
      </p:sp>
      <p:sp>
        <p:nvSpPr>
          <p:cNvPr id="95" name="文本框 94">
            <a:extLst>
              <a:ext uri="{FF2B5EF4-FFF2-40B4-BE49-F238E27FC236}">
                <a16:creationId xmlns:a16="http://schemas.microsoft.com/office/drawing/2014/main" xmlns="" id="{D522E8EA-23E7-4D8D-944E-1D7498D939C6}"/>
              </a:ext>
            </a:extLst>
          </p:cNvPr>
          <p:cNvSpPr txBox="1"/>
          <p:nvPr/>
        </p:nvSpPr>
        <p:spPr>
          <a:xfrm>
            <a:off x="9417944" y="2417282"/>
            <a:ext cx="1406093" cy="307777"/>
          </a:xfrm>
          <a:prstGeom prst="rect">
            <a:avLst/>
          </a:prstGeom>
          <a:noFill/>
        </p:spPr>
        <p:txBody>
          <a:bodyPr wrap="square" rtlCol="0">
            <a:spAutoFit/>
          </a:bodyPr>
          <a:lstStyle/>
          <a:p>
            <a:pPr algn="ctr" defTabSz="669981" eaLnBrk="0" fontAlgn="base" hangingPunct="0">
              <a:spcBef>
                <a:spcPct val="0"/>
              </a:spcBef>
              <a:spcAft>
                <a:spcPct val="0"/>
              </a:spcAft>
              <a:buClr>
                <a:srgbClr val="CC9900"/>
              </a:buClr>
              <a:defRPr/>
            </a:pPr>
            <a:r>
              <a:rPr lang="en-US" altLang="zh-CN" sz="1400" kern="0" dirty="0">
                <a:ea typeface="微软雅黑" panose="020B0503020204020204" pitchFamily="34" charset="-122"/>
                <a:sym typeface="Arial" panose="020B0604020202020204" pitchFamily="34" charset="0"/>
              </a:rPr>
              <a:t>Apps</a:t>
            </a:r>
            <a:endParaRPr lang="zh-CN" altLang="en-US" sz="1400" kern="0" dirty="0">
              <a:ea typeface="微软雅黑" panose="020B0503020204020204" pitchFamily="34" charset="-122"/>
              <a:sym typeface="Arial" panose="020B0604020202020204" pitchFamily="34" charset="0"/>
            </a:endParaRPr>
          </a:p>
        </p:txBody>
      </p:sp>
      <p:pic>
        <p:nvPicPr>
          <p:cNvPr id="96" name="图片 95">
            <a:extLst>
              <a:ext uri="{FF2B5EF4-FFF2-40B4-BE49-F238E27FC236}">
                <a16:creationId xmlns:a16="http://schemas.microsoft.com/office/drawing/2014/main" xmlns="" id="{04970566-FE99-45D0-8C4F-C1E1D1FFD902}"/>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9316843" y="2294733"/>
            <a:ext cx="392408" cy="392408"/>
          </a:xfrm>
          <a:prstGeom prst="rect">
            <a:avLst/>
          </a:prstGeom>
          <a:solidFill>
            <a:srgbClr val="00B0F0"/>
          </a:solidFill>
        </p:spPr>
      </p:pic>
      <p:sp>
        <p:nvSpPr>
          <p:cNvPr id="7" name="Rectangle 9">
            <a:extLst>
              <a:ext uri="{FF2B5EF4-FFF2-40B4-BE49-F238E27FC236}">
                <a16:creationId xmlns:a16="http://schemas.microsoft.com/office/drawing/2014/main" xmlns="" id="{D02E283A-D014-4FE3-AB4E-67B16CD6AAF3}"/>
              </a:ext>
            </a:extLst>
          </p:cNvPr>
          <p:cNvSpPr/>
          <p:nvPr/>
        </p:nvSpPr>
        <p:spPr>
          <a:xfrm>
            <a:off x="876227" y="5275448"/>
            <a:ext cx="1034993" cy="472876"/>
          </a:xfrm>
          <a:prstGeom prst="rect">
            <a:avLst/>
          </a:prstGeom>
          <a:solidFill>
            <a:srgbClr val="00B0F0"/>
          </a:solidFill>
          <a:ln w="12700" cap="flat" cmpd="sng" algn="ctr">
            <a:noFill/>
            <a:prstDash val="solid"/>
          </a:ln>
          <a:effectLst/>
        </p:spPr>
        <p:txBody>
          <a:bodyPr rtlCol="0" anchor="ctr"/>
          <a:lstStyle/>
          <a:p>
            <a:pPr algn="ctr" defTabSz="457200" fontAlgn="base">
              <a:spcBef>
                <a:spcPct val="0"/>
              </a:spcBef>
              <a:spcAft>
                <a:spcPct val="0"/>
              </a:spcAft>
            </a:pPr>
            <a:r>
              <a:rPr lang="en-US" sz="1400" b="1" kern="0" dirty="0">
                <a:solidFill>
                  <a:schemeClr val="bg1"/>
                </a:solidFill>
                <a:ea typeface="微软雅黑" panose="020B0503020204020204" pitchFamily="34" charset="-122"/>
              </a:rPr>
              <a:t>PCEP</a:t>
            </a:r>
          </a:p>
          <a:p>
            <a:pPr algn="ctr" defTabSz="457200" fontAlgn="base">
              <a:spcBef>
                <a:spcPct val="0"/>
              </a:spcBef>
              <a:spcAft>
                <a:spcPct val="0"/>
              </a:spcAft>
            </a:pPr>
            <a:r>
              <a:rPr lang="en-US" sz="1400" b="1" kern="0" dirty="0">
                <a:solidFill>
                  <a:schemeClr val="bg1"/>
                </a:solidFill>
                <a:ea typeface="微软雅黑" panose="020B0503020204020204" pitchFamily="34" charset="-122"/>
              </a:rPr>
              <a:t>Interface</a:t>
            </a:r>
          </a:p>
        </p:txBody>
      </p:sp>
      <p:sp>
        <p:nvSpPr>
          <p:cNvPr id="8" name="Rectangle 9">
            <a:extLst>
              <a:ext uri="{FF2B5EF4-FFF2-40B4-BE49-F238E27FC236}">
                <a16:creationId xmlns:a16="http://schemas.microsoft.com/office/drawing/2014/main" xmlns="" id="{3E8A77B7-E9EB-4CF2-8A06-FA95CAE7D9EE}"/>
              </a:ext>
            </a:extLst>
          </p:cNvPr>
          <p:cNvSpPr/>
          <p:nvPr/>
        </p:nvSpPr>
        <p:spPr>
          <a:xfrm>
            <a:off x="2014433" y="5275448"/>
            <a:ext cx="1189023" cy="472876"/>
          </a:xfrm>
          <a:prstGeom prst="rect">
            <a:avLst/>
          </a:prstGeom>
          <a:solidFill>
            <a:srgbClr val="00B0F0"/>
          </a:solidFill>
          <a:ln w="12700" cap="flat" cmpd="sng" algn="ctr">
            <a:noFill/>
            <a:prstDash val="solid"/>
          </a:ln>
          <a:effectLst/>
        </p:spPr>
        <p:txBody>
          <a:bodyPr rtlCol="0" anchor="ctr"/>
          <a:lstStyle/>
          <a:p>
            <a:pPr algn="ctr" defTabSz="457200" fontAlgn="base">
              <a:spcBef>
                <a:spcPct val="0"/>
              </a:spcBef>
              <a:spcAft>
                <a:spcPct val="0"/>
              </a:spcAft>
            </a:pPr>
            <a:r>
              <a:rPr lang="en-US" sz="1400" b="1" kern="0" dirty="0">
                <a:solidFill>
                  <a:schemeClr val="bg1"/>
                </a:solidFill>
                <a:ea typeface="微软雅黑" panose="020B0503020204020204" pitchFamily="34" charset="-122"/>
              </a:rPr>
              <a:t>NETCONF</a:t>
            </a:r>
          </a:p>
          <a:p>
            <a:pPr algn="ctr" defTabSz="457200" fontAlgn="base">
              <a:spcBef>
                <a:spcPct val="0"/>
              </a:spcBef>
              <a:spcAft>
                <a:spcPct val="0"/>
              </a:spcAft>
            </a:pPr>
            <a:r>
              <a:rPr lang="en-US" sz="1400" b="1" kern="0" dirty="0">
                <a:solidFill>
                  <a:schemeClr val="bg1"/>
                </a:solidFill>
                <a:ea typeface="微软雅黑" panose="020B0503020204020204" pitchFamily="34" charset="-122"/>
              </a:rPr>
              <a:t>Interface</a:t>
            </a:r>
          </a:p>
        </p:txBody>
      </p:sp>
      <p:sp>
        <p:nvSpPr>
          <p:cNvPr id="9" name="Rectangle 9">
            <a:extLst>
              <a:ext uri="{FF2B5EF4-FFF2-40B4-BE49-F238E27FC236}">
                <a16:creationId xmlns:a16="http://schemas.microsoft.com/office/drawing/2014/main" xmlns="" id="{5E17D229-241E-451A-A583-783098E29C1D}"/>
              </a:ext>
            </a:extLst>
          </p:cNvPr>
          <p:cNvSpPr/>
          <p:nvPr/>
        </p:nvSpPr>
        <p:spPr>
          <a:xfrm>
            <a:off x="3306669" y="5275448"/>
            <a:ext cx="1189023" cy="472876"/>
          </a:xfrm>
          <a:prstGeom prst="rect">
            <a:avLst/>
          </a:prstGeom>
          <a:solidFill>
            <a:srgbClr val="00B0F0"/>
          </a:solidFill>
          <a:ln w="12700" cap="flat" cmpd="sng" algn="ctr">
            <a:noFill/>
            <a:prstDash val="solid"/>
          </a:ln>
          <a:effectLst/>
        </p:spPr>
        <p:txBody>
          <a:bodyPr rtlCol="0" anchor="ctr"/>
          <a:lstStyle/>
          <a:p>
            <a:pPr algn="ctr" defTabSz="457200" fontAlgn="base">
              <a:spcBef>
                <a:spcPct val="0"/>
              </a:spcBef>
              <a:spcAft>
                <a:spcPct val="0"/>
              </a:spcAft>
            </a:pPr>
            <a:r>
              <a:rPr lang="en-US" sz="1400" b="1" kern="0">
                <a:solidFill>
                  <a:schemeClr val="bg1"/>
                </a:solidFill>
                <a:ea typeface="微软雅黑" panose="020B0503020204020204" pitchFamily="34" charset="-122"/>
              </a:rPr>
              <a:t>OpenFlow</a:t>
            </a:r>
            <a:endParaRPr lang="en-US" sz="1400" b="1" kern="0" dirty="0">
              <a:solidFill>
                <a:schemeClr val="bg1"/>
              </a:solidFill>
              <a:ea typeface="微软雅黑" panose="020B0503020204020204" pitchFamily="34" charset="-122"/>
            </a:endParaRPr>
          </a:p>
          <a:p>
            <a:pPr algn="ctr" defTabSz="457200" fontAlgn="base">
              <a:spcBef>
                <a:spcPct val="0"/>
              </a:spcBef>
              <a:spcAft>
                <a:spcPct val="0"/>
              </a:spcAft>
            </a:pPr>
            <a:r>
              <a:rPr lang="en-US" sz="1400" b="1" kern="0" dirty="0">
                <a:solidFill>
                  <a:schemeClr val="bg1"/>
                </a:solidFill>
                <a:ea typeface="微软雅黑" panose="020B0503020204020204" pitchFamily="34" charset="-122"/>
              </a:rPr>
              <a:t>Interface</a:t>
            </a:r>
          </a:p>
        </p:txBody>
      </p:sp>
      <p:sp>
        <p:nvSpPr>
          <p:cNvPr id="10" name="Rectangle 9">
            <a:extLst>
              <a:ext uri="{FF2B5EF4-FFF2-40B4-BE49-F238E27FC236}">
                <a16:creationId xmlns:a16="http://schemas.microsoft.com/office/drawing/2014/main" xmlns="" id="{56FD025F-610C-4EC2-91EB-58002B32288C}"/>
              </a:ext>
            </a:extLst>
          </p:cNvPr>
          <p:cNvSpPr/>
          <p:nvPr/>
        </p:nvSpPr>
        <p:spPr>
          <a:xfrm>
            <a:off x="4598905" y="5275448"/>
            <a:ext cx="1011256" cy="472876"/>
          </a:xfrm>
          <a:prstGeom prst="rect">
            <a:avLst/>
          </a:prstGeom>
          <a:solidFill>
            <a:srgbClr val="00B0F0"/>
          </a:solidFill>
          <a:ln w="12700" cap="flat" cmpd="sng" algn="ctr">
            <a:noFill/>
            <a:prstDash val="solid"/>
          </a:ln>
          <a:effectLst/>
        </p:spPr>
        <p:txBody>
          <a:bodyPr rtlCol="0" anchor="ctr"/>
          <a:lstStyle/>
          <a:p>
            <a:pPr algn="ctr" defTabSz="457200" fontAlgn="base">
              <a:spcBef>
                <a:spcPct val="0"/>
              </a:spcBef>
              <a:spcAft>
                <a:spcPct val="0"/>
              </a:spcAft>
            </a:pPr>
            <a:r>
              <a:rPr lang="en-US" sz="1400" b="1" kern="0" dirty="0">
                <a:solidFill>
                  <a:schemeClr val="bg1"/>
                </a:solidFill>
                <a:ea typeface="微软雅黑" panose="020B0503020204020204" pitchFamily="34" charset="-122"/>
              </a:rPr>
              <a:t>BGP-LS</a:t>
            </a:r>
          </a:p>
          <a:p>
            <a:pPr algn="ctr" defTabSz="457200" fontAlgn="base">
              <a:spcBef>
                <a:spcPct val="0"/>
              </a:spcBef>
              <a:spcAft>
                <a:spcPct val="0"/>
              </a:spcAft>
            </a:pPr>
            <a:r>
              <a:rPr lang="en-US" sz="1400" b="1" kern="0" dirty="0">
                <a:solidFill>
                  <a:schemeClr val="bg1"/>
                </a:solidFill>
                <a:ea typeface="微软雅黑" panose="020B0503020204020204" pitchFamily="34" charset="-122"/>
              </a:rPr>
              <a:t>Interface</a:t>
            </a:r>
          </a:p>
        </p:txBody>
      </p:sp>
      <p:sp>
        <p:nvSpPr>
          <p:cNvPr id="52" name="Rectangle 9">
            <a:extLst>
              <a:ext uri="{FF2B5EF4-FFF2-40B4-BE49-F238E27FC236}">
                <a16:creationId xmlns:a16="http://schemas.microsoft.com/office/drawing/2014/main" xmlns="" id="{A4CAC1F4-0458-4004-929C-0C76147F6C3F}"/>
              </a:ext>
            </a:extLst>
          </p:cNvPr>
          <p:cNvSpPr/>
          <p:nvPr/>
        </p:nvSpPr>
        <p:spPr>
          <a:xfrm>
            <a:off x="5713374" y="5275448"/>
            <a:ext cx="1011256" cy="472876"/>
          </a:xfrm>
          <a:prstGeom prst="rect">
            <a:avLst/>
          </a:prstGeom>
          <a:solidFill>
            <a:srgbClr val="00B0F0"/>
          </a:solidFill>
          <a:ln w="12700" cap="flat" cmpd="sng" algn="ctr">
            <a:noFill/>
            <a:prstDash val="solid"/>
          </a:ln>
          <a:effectLst/>
        </p:spPr>
        <p:txBody>
          <a:bodyPr rtlCol="0" anchor="ctr"/>
          <a:lstStyle/>
          <a:p>
            <a:pPr algn="ctr" defTabSz="457200" fontAlgn="base">
              <a:spcBef>
                <a:spcPct val="0"/>
              </a:spcBef>
              <a:spcAft>
                <a:spcPct val="0"/>
              </a:spcAft>
            </a:pPr>
            <a:r>
              <a:rPr lang="en-US" sz="1400" b="1" kern="0" dirty="0">
                <a:solidFill>
                  <a:schemeClr val="bg1"/>
                </a:solidFill>
                <a:ea typeface="微软雅黑" panose="020B0503020204020204" pitchFamily="34" charset="-122"/>
              </a:rPr>
              <a:t>OVSDB</a:t>
            </a:r>
          </a:p>
          <a:p>
            <a:pPr algn="ctr" defTabSz="457200" fontAlgn="base">
              <a:spcBef>
                <a:spcPct val="0"/>
              </a:spcBef>
              <a:spcAft>
                <a:spcPct val="0"/>
              </a:spcAft>
            </a:pPr>
            <a:r>
              <a:rPr lang="en-US" sz="1400" b="1" kern="0" dirty="0">
                <a:solidFill>
                  <a:schemeClr val="bg1"/>
                </a:solidFill>
                <a:ea typeface="微软雅黑" panose="020B0503020204020204" pitchFamily="34" charset="-122"/>
              </a:rPr>
              <a:t>Interface</a:t>
            </a:r>
          </a:p>
        </p:txBody>
      </p:sp>
      <p:sp>
        <p:nvSpPr>
          <p:cNvPr id="54" name="Rectangle 9">
            <a:extLst>
              <a:ext uri="{FF2B5EF4-FFF2-40B4-BE49-F238E27FC236}">
                <a16:creationId xmlns:a16="http://schemas.microsoft.com/office/drawing/2014/main" xmlns="" id="{4FC5677F-6FA8-4319-82B4-A0E88B5101F9}"/>
              </a:ext>
            </a:extLst>
          </p:cNvPr>
          <p:cNvSpPr/>
          <p:nvPr/>
        </p:nvSpPr>
        <p:spPr>
          <a:xfrm>
            <a:off x="6827843" y="5275448"/>
            <a:ext cx="1011256" cy="472876"/>
          </a:xfrm>
          <a:prstGeom prst="rect">
            <a:avLst/>
          </a:prstGeom>
          <a:solidFill>
            <a:srgbClr val="00B0F0"/>
          </a:solidFill>
          <a:ln w="12700" cap="flat" cmpd="sng" algn="ctr">
            <a:noFill/>
            <a:prstDash val="solid"/>
          </a:ln>
          <a:effectLst/>
        </p:spPr>
        <p:txBody>
          <a:bodyPr rtlCol="0" anchor="ctr"/>
          <a:lstStyle/>
          <a:p>
            <a:pPr algn="ctr" defTabSz="457200" fontAlgn="base">
              <a:spcBef>
                <a:spcPct val="0"/>
              </a:spcBef>
              <a:spcAft>
                <a:spcPct val="0"/>
              </a:spcAft>
            </a:pPr>
            <a:r>
              <a:rPr lang="en-US" altLang="zh-CN" sz="1400" b="1" kern="0">
                <a:solidFill>
                  <a:schemeClr val="bg1"/>
                </a:solidFill>
                <a:ea typeface="微软雅黑" panose="020B0503020204020204" pitchFamily="34" charset="-122"/>
              </a:rPr>
              <a:t>SNMP</a:t>
            </a:r>
            <a:endParaRPr lang="en-US" sz="1400" b="1" kern="0" dirty="0">
              <a:solidFill>
                <a:schemeClr val="bg1"/>
              </a:solidFill>
              <a:ea typeface="微软雅黑" panose="020B0503020204020204" pitchFamily="34" charset="-122"/>
            </a:endParaRPr>
          </a:p>
          <a:p>
            <a:pPr algn="ctr" defTabSz="457200" fontAlgn="base">
              <a:spcBef>
                <a:spcPct val="0"/>
              </a:spcBef>
              <a:spcAft>
                <a:spcPct val="0"/>
              </a:spcAft>
            </a:pPr>
            <a:r>
              <a:rPr lang="en-US" sz="1400" b="1" kern="0" dirty="0">
                <a:solidFill>
                  <a:schemeClr val="bg1"/>
                </a:solidFill>
                <a:ea typeface="微软雅黑" panose="020B0503020204020204" pitchFamily="34" charset="-122"/>
              </a:rPr>
              <a:t>Interface</a:t>
            </a:r>
          </a:p>
        </p:txBody>
      </p:sp>
      <p:sp>
        <p:nvSpPr>
          <p:cNvPr id="55" name="Rectangle 9">
            <a:extLst>
              <a:ext uri="{FF2B5EF4-FFF2-40B4-BE49-F238E27FC236}">
                <a16:creationId xmlns:a16="http://schemas.microsoft.com/office/drawing/2014/main" xmlns="" id="{4EA3C8DA-AFE0-449B-A0ED-C73AC3999173}"/>
              </a:ext>
            </a:extLst>
          </p:cNvPr>
          <p:cNvSpPr/>
          <p:nvPr/>
        </p:nvSpPr>
        <p:spPr>
          <a:xfrm>
            <a:off x="7942312" y="5275448"/>
            <a:ext cx="1011256" cy="472876"/>
          </a:xfrm>
          <a:prstGeom prst="rect">
            <a:avLst/>
          </a:prstGeom>
          <a:solidFill>
            <a:srgbClr val="00B0F0"/>
          </a:solidFill>
          <a:ln w="12700" cap="flat" cmpd="sng" algn="ctr">
            <a:noFill/>
            <a:prstDash val="solid"/>
          </a:ln>
          <a:effectLst/>
        </p:spPr>
        <p:txBody>
          <a:bodyPr rtlCol="0" anchor="ctr"/>
          <a:lstStyle/>
          <a:p>
            <a:pPr algn="ctr" defTabSz="457200" fontAlgn="base">
              <a:spcBef>
                <a:spcPct val="0"/>
              </a:spcBef>
              <a:spcAft>
                <a:spcPct val="0"/>
              </a:spcAft>
            </a:pPr>
            <a:r>
              <a:rPr lang="en-US" altLang="zh-CN" sz="1400" b="1" kern="0">
                <a:solidFill>
                  <a:schemeClr val="bg1"/>
                </a:solidFill>
                <a:ea typeface="微软雅黑" panose="020B0503020204020204" pitchFamily="34" charset="-122"/>
              </a:rPr>
              <a:t>BGP</a:t>
            </a:r>
            <a:endParaRPr lang="en-US" sz="1400" b="1" kern="0" dirty="0">
              <a:solidFill>
                <a:schemeClr val="bg1"/>
              </a:solidFill>
              <a:ea typeface="微软雅黑" panose="020B0503020204020204" pitchFamily="34" charset="-122"/>
            </a:endParaRPr>
          </a:p>
          <a:p>
            <a:pPr algn="ctr" defTabSz="457200" fontAlgn="base">
              <a:spcBef>
                <a:spcPct val="0"/>
              </a:spcBef>
              <a:spcAft>
                <a:spcPct val="0"/>
              </a:spcAft>
            </a:pPr>
            <a:r>
              <a:rPr lang="en-US" sz="1400" b="1" kern="0" dirty="0">
                <a:solidFill>
                  <a:schemeClr val="bg1"/>
                </a:solidFill>
                <a:ea typeface="微软雅黑" panose="020B0503020204020204" pitchFamily="34" charset="-122"/>
              </a:rPr>
              <a:t>Interface</a:t>
            </a:r>
          </a:p>
        </p:txBody>
      </p:sp>
      <p:sp>
        <p:nvSpPr>
          <p:cNvPr id="56" name="Rectangle 9">
            <a:extLst>
              <a:ext uri="{FF2B5EF4-FFF2-40B4-BE49-F238E27FC236}">
                <a16:creationId xmlns:a16="http://schemas.microsoft.com/office/drawing/2014/main" xmlns="" id="{0596F689-E936-430C-A38E-268793CAF596}"/>
              </a:ext>
            </a:extLst>
          </p:cNvPr>
          <p:cNvSpPr/>
          <p:nvPr/>
        </p:nvSpPr>
        <p:spPr>
          <a:xfrm>
            <a:off x="9056781" y="5275448"/>
            <a:ext cx="1011256" cy="472876"/>
          </a:xfrm>
          <a:prstGeom prst="rect">
            <a:avLst/>
          </a:prstGeom>
          <a:solidFill>
            <a:srgbClr val="00B0F0"/>
          </a:solidFill>
          <a:ln w="12700" cap="flat" cmpd="sng" algn="ctr">
            <a:noFill/>
            <a:prstDash val="solid"/>
          </a:ln>
          <a:effectLst/>
        </p:spPr>
        <p:txBody>
          <a:bodyPr rtlCol="0" anchor="ctr"/>
          <a:lstStyle/>
          <a:p>
            <a:pPr algn="ctr" defTabSz="457200" fontAlgn="base">
              <a:spcBef>
                <a:spcPct val="0"/>
              </a:spcBef>
              <a:spcAft>
                <a:spcPct val="0"/>
              </a:spcAft>
            </a:pPr>
            <a:r>
              <a:rPr lang="en-US" altLang="zh-CN" sz="1400" b="1" kern="0">
                <a:solidFill>
                  <a:schemeClr val="bg1"/>
                </a:solidFill>
                <a:ea typeface="微软雅黑" panose="020B0503020204020204" pitchFamily="34" charset="-122"/>
              </a:rPr>
              <a:t>JsonRPC</a:t>
            </a:r>
            <a:endParaRPr lang="en-US" sz="1400" b="1" kern="0" dirty="0">
              <a:solidFill>
                <a:schemeClr val="bg1"/>
              </a:solidFill>
              <a:ea typeface="微软雅黑" panose="020B0503020204020204" pitchFamily="34" charset="-122"/>
            </a:endParaRPr>
          </a:p>
          <a:p>
            <a:pPr algn="ctr" defTabSz="457200" fontAlgn="base">
              <a:spcBef>
                <a:spcPct val="0"/>
              </a:spcBef>
              <a:spcAft>
                <a:spcPct val="0"/>
              </a:spcAft>
            </a:pPr>
            <a:r>
              <a:rPr lang="en-US" sz="1400" b="1" kern="0" dirty="0">
                <a:solidFill>
                  <a:schemeClr val="bg1"/>
                </a:solidFill>
                <a:ea typeface="微软雅黑" panose="020B0503020204020204" pitchFamily="34" charset="-122"/>
              </a:rPr>
              <a:t>Interface</a:t>
            </a:r>
          </a:p>
        </p:txBody>
      </p:sp>
      <p:sp>
        <p:nvSpPr>
          <p:cNvPr id="97" name="Rectangle 9">
            <a:extLst>
              <a:ext uri="{FF2B5EF4-FFF2-40B4-BE49-F238E27FC236}">
                <a16:creationId xmlns:a16="http://schemas.microsoft.com/office/drawing/2014/main" xmlns="" id="{C593AF92-314E-4C2E-AFE7-D717B58E6A57}"/>
              </a:ext>
            </a:extLst>
          </p:cNvPr>
          <p:cNvSpPr/>
          <p:nvPr/>
        </p:nvSpPr>
        <p:spPr>
          <a:xfrm>
            <a:off x="10171249" y="5275448"/>
            <a:ext cx="1107221" cy="472876"/>
          </a:xfrm>
          <a:prstGeom prst="rect">
            <a:avLst/>
          </a:prstGeom>
          <a:solidFill>
            <a:srgbClr val="00B0F0"/>
          </a:solidFill>
          <a:ln w="12700" cap="flat" cmpd="sng" algn="ctr">
            <a:noFill/>
            <a:prstDash val="solid"/>
          </a:ln>
          <a:effectLst/>
        </p:spPr>
        <p:txBody>
          <a:bodyPr rtlCol="0" anchor="ctr"/>
          <a:lstStyle/>
          <a:p>
            <a:pPr algn="ctr" defTabSz="457200" fontAlgn="base">
              <a:spcBef>
                <a:spcPct val="0"/>
              </a:spcBef>
              <a:spcAft>
                <a:spcPct val="0"/>
              </a:spcAft>
            </a:pPr>
            <a:r>
              <a:rPr lang="en-US" sz="1400" b="1" kern="0">
                <a:solidFill>
                  <a:schemeClr val="bg1"/>
                </a:solidFill>
                <a:ea typeface="微软雅黑" panose="020B0503020204020204" pitchFamily="34" charset="-122"/>
              </a:rPr>
              <a:t>T</a:t>
            </a:r>
            <a:r>
              <a:rPr lang="en-US" altLang="zh-CN" sz="1400" b="1" kern="0">
                <a:solidFill>
                  <a:schemeClr val="bg1"/>
                </a:solidFill>
                <a:ea typeface="微软雅黑" panose="020B0503020204020204" pitchFamily="34" charset="-122"/>
              </a:rPr>
              <a:t>elemetry</a:t>
            </a:r>
            <a:endParaRPr lang="en-US" sz="1400" b="1" kern="0">
              <a:solidFill>
                <a:schemeClr val="bg1"/>
              </a:solidFill>
              <a:ea typeface="微软雅黑" panose="020B0503020204020204" pitchFamily="34" charset="-122"/>
            </a:endParaRPr>
          </a:p>
        </p:txBody>
      </p:sp>
      <p:grpSp>
        <p:nvGrpSpPr>
          <p:cNvPr id="109" name="组合 108">
            <a:extLst>
              <a:ext uri="{FF2B5EF4-FFF2-40B4-BE49-F238E27FC236}">
                <a16:creationId xmlns:a16="http://schemas.microsoft.com/office/drawing/2014/main" xmlns="" id="{F409B359-432F-4ABB-B7E2-A9D28CECC3CA}"/>
              </a:ext>
            </a:extLst>
          </p:cNvPr>
          <p:cNvGrpSpPr/>
          <p:nvPr/>
        </p:nvGrpSpPr>
        <p:grpSpPr>
          <a:xfrm>
            <a:off x="816336" y="4757529"/>
            <a:ext cx="10503611" cy="369332"/>
            <a:chOff x="816336" y="5362372"/>
            <a:chExt cx="10503611" cy="369332"/>
          </a:xfrm>
        </p:grpSpPr>
        <p:cxnSp>
          <p:nvCxnSpPr>
            <p:cNvPr id="98" name="Straight Connector 50">
              <a:extLst>
                <a:ext uri="{FF2B5EF4-FFF2-40B4-BE49-F238E27FC236}">
                  <a16:creationId xmlns:a16="http://schemas.microsoft.com/office/drawing/2014/main" xmlns="" id="{32146411-2BD4-47A3-A8CB-02A9DB8091E0}"/>
                </a:ext>
              </a:extLst>
            </p:cNvPr>
            <p:cNvCxnSpPr>
              <a:cxnSpLocks noChangeShapeType="1"/>
            </p:cNvCxnSpPr>
            <p:nvPr/>
          </p:nvCxnSpPr>
          <p:spPr bwMode="auto">
            <a:xfrm>
              <a:off x="816336" y="5564082"/>
              <a:ext cx="10503611" cy="0"/>
            </a:xfrm>
            <a:prstGeom prst="line">
              <a:avLst/>
            </a:prstGeom>
            <a:noFill/>
            <a:ln w="25400">
              <a:solidFill>
                <a:schemeClr val="tx1"/>
              </a:solidFill>
              <a:round/>
              <a:headEnd/>
              <a:tailEnd/>
            </a:ln>
            <a:effectLst>
              <a:outerShdw dist="20000" dir="5400000" rotWithShape="0">
                <a:srgbClr val="808080">
                  <a:alpha val="37999"/>
                </a:srgbClr>
              </a:outerShdw>
            </a:effectLst>
          </p:spPr>
        </p:cxnSp>
        <p:sp>
          <p:nvSpPr>
            <p:cNvPr id="99" name="TextBox 23">
              <a:extLst>
                <a:ext uri="{FF2B5EF4-FFF2-40B4-BE49-F238E27FC236}">
                  <a16:creationId xmlns:a16="http://schemas.microsoft.com/office/drawing/2014/main" xmlns="" id="{F59BB1A1-1E74-4C99-84BD-23C4E6D05418}"/>
                </a:ext>
              </a:extLst>
            </p:cNvPr>
            <p:cNvSpPr txBox="1">
              <a:spLocks noChangeArrowheads="1"/>
            </p:cNvSpPr>
            <p:nvPr/>
          </p:nvSpPr>
          <p:spPr bwMode="auto">
            <a:xfrm>
              <a:off x="5065411" y="5362372"/>
              <a:ext cx="1569660" cy="369332"/>
            </a:xfrm>
            <a:prstGeom prst="rect">
              <a:avLst/>
            </a:prstGeom>
            <a:solidFill>
              <a:srgbClr val="FFD17D"/>
            </a:solidFill>
            <a:ln w="9525">
              <a:solidFill>
                <a:srgbClr val="FFD17D"/>
              </a:solidFill>
              <a:miter lim="800000"/>
              <a:headEnd/>
              <a:tailEnd/>
            </a:ln>
          </p:spPr>
          <p:txBody>
            <a:bodyPr wrap="none">
              <a:spAutoFit/>
            </a:bodyPr>
            <a:lstStyle>
              <a:defPPr>
                <a:defRPr lang="en-US"/>
              </a:defPPr>
              <a:lvl1pPr>
                <a:defRPr b="0"/>
              </a:lvl1pPr>
            </a:lstStyle>
            <a:p>
              <a:r>
                <a:rPr lang="zh-CN" altLang="en-US" dirty="0"/>
                <a:t>南向</a:t>
              </a:r>
              <a:r>
                <a:rPr lang="zh-CN" altLang="en-US"/>
                <a:t>开放接口</a:t>
              </a:r>
              <a:endParaRPr lang="en-US" altLang="zh-CN" dirty="0"/>
            </a:p>
          </p:txBody>
        </p:sp>
      </p:grpSp>
      <p:grpSp>
        <p:nvGrpSpPr>
          <p:cNvPr id="108" name="组合 107">
            <a:extLst>
              <a:ext uri="{FF2B5EF4-FFF2-40B4-BE49-F238E27FC236}">
                <a16:creationId xmlns:a16="http://schemas.microsoft.com/office/drawing/2014/main" xmlns="" id="{ADA5C32F-3876-4E2B-8605-DD9BF5EDBDC5}"/>
              </a:ext>
            </a:extLst>
          </p:cNvPr>
          <p:cNvGrpSpPr/>
          <p:nvPr/>
        </p:nvGrpSpPr>
        <p:grpSpPr>
          <a:xfrm>
            <a:off x="816336" y="3350547"/>
            <a:ext cx="10503611" cy="369332"/>
            <a:chOff x="816336" y="2296029"/>
            <a:chExt cx="10503611" cy="369332"/>
          </a:xfrm>
        </p:grpSpPr>
        <p:cxnSp>
          <p:nvCxnSpPr>
            <p:cNvPr id="101" name="Straight Connector 50">
              <a:extLst>
                <a:ext uri="{FF2B5EF4-FFF2-40B4-BE49-F238E27FC236}">
                  <a16:creationId xmlns:a16="http://schemas.microsoft.com/office/drawing/2014/main" xmlns="" id="{5328DD1A-8836-4A63-882D-B8E3AC485033}"/>
                </a:ext>
              </a:extLst>
            </p:cNvPr>
            <p:cNvCxnSpPr>
              <a:cxnSpLocks noChangeShapeType="1"/>
            </p:cNvCxnSpPr>
            <p:nvPr/>
          </p:nvCxnSpPr>
          <p:spPr bwMode="auto">
            <a:xfrm>
              <a:off x="816336" y="2485864"/>
              <a:ext cx="10503611" cy="0"/>
            </a:xfrm>
            <a:prstGeom prst="line">
              <a:avLst/>
            </a:prstGeom>
            <a:noFill/>
            <a:ln w="25400">
              <a:solidFill>
                <a:schemeClr val="tx1"/>
              </a:solidFill>
              <a:round/>
              <a:headEnd/>
              <a:tailEnd/>
            </a:ln>
            <a:effectLst>
              <a:outerShdw dist="20000" dir="5400000" rotWithShape="0">
                <a:srgbClr val="808080">
                  <a:alpha val="37999"/>
                </a:srgbClr>
              </a:outerShdw>
            </a:effectLst>
          </p:spPr>
        </p:cxnSp>
        <p:sp>
          <p:nvSpPr>
            <p:cNvPr id="102" name="TextBox 23">
              <a:extLst>
                <a:ext uri="{FF2B5EF4-FFF2-40B4-BE49-F238E27FC236}">
                  <a16:creationId xmlns:a16="http://schemas.microsoft.com/office/drawing/2014/main" xmlns="" id="{B26AEF1C-5398-4448-8FF5-A546A73D1441}"/>
                </a:ext>
              </a:extLst>
            </p:cNvPr>
            <p:cNvSpPr txBox="1">
              <a:spLocks noChangeArrowheads="1"/>
            </p:cNvSpPr>
            <p:nvPr/>
          </p:nvSpPr>
          <p:spPr bwMode="auto">
            <a:xfrm>
              <a:off x="5065411" y="2296029"/>
              <a:ext cx="1569660" cy="369332"/>
            </a:xfrm>
            <a:prstGeom prst="rect">
              <a:avLst/>
            </a:prstGeom>
            <a:solidFill>
              <a:srgbClr val="FFD17D"/>
            </a:solidFill>
            <a:ln w="9525">
              <a:solidFill>
                <a:srgbClr val="FFD17D"/>
              </a:solidFill>
              <a:miter lim="800000"/>
              <a:headEnd/>
              <a:tailEnd/>
            </a:ln>
          </p:spPr>
          <p:txBody>
            <a:bodyPr wrap="none">
              <a:spAutoFit/>
            </a:bodyPr>
            <a:lstStyle>
              <a:defPPr>
                <a:defRPr lang="en-US"/>
              </a:defPPr>
              <a:lvl1pPr>
                <a:defRPr b="1">
                  <a:solidFill>
                    <a:schemeClr val="bg1"/>
                  </a:solidFill>
                </a:defRPr>
              </a:lvl1pPr>
            </a:lstStyle>
            <a:p>
              <a:r>
                <a:rPr lang="zh-CN" altLang="en-US" b="0">
                  <a:solidFill>
                    <a:schemeClr val="tx1"/>
                  </a:solidFill>
                </a:rPr>
                <a:t>北向开放接口</a:t>
              </a:r>
              <a:endParaRPr lang="en-US" altLang="zh-CN" b="0" dirty="0">
                <a:solidFill>
                  <a:schemeClr val="tx1"/>
                </a:solidFill>
              </a:endParaRPr>
            </a:p>
          </p:txBody>
        </p:sp>
      </p:grpSp>
      <p:sp>
        <p:nvSpPr>
          <p:cNvPr id="111" name="Content Placeholder 2">
            <a:extLst>
              <a:ext uri="{FF2B5EF4-FFF2-40B4-BE49-F238E27FC236}">
                <a16:creationId xmlns:a16="http://schemas.microsoft.com/office/drawing/2014/main" xmlns="" id="{A127DE47-F4EC-4517-98F8-7D2A8CE1BC4A}"/>
              </a:ext>
            </a:extLst>
          </p:cNvPr>
          <p:cNvSpPr txBox="1">
            <a:spLocks/>
          </p:cNvSpPr>
          <p:nvPr/>
        </p:nvSpPr>
        <p:spPr>
          <a:xfrm>
            <a:off x="446088" y="1233488"/>
            <a:ext cx="11299825" cy="873621"/>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sz="1800" dirty="0"/>
              <a:t>华为</a:t>
            </a:r>
            <a:r>
              <a:rPr lang="en-US" altLang="zh-CN" sz="1800" dirty="0"/>
              <a:t>SDN</a:t>
            </a:r>
            <a:r>
              <a:rPr lang="zh-CN" altLang="en-US" sz="1800" dirty="0"/>
              <a:t>网络架构支持丰富的南北向接口，包括</a:t>
            </a:r>
            <a:r>
              <a:rPr lang="en-US" altLang="zh-CN" sz="1800" dirty="0" err="1"/>
              <a:t>OpenFlow</a:t>
            </a:r>
            <a:r>
              <a:rPr lang="zh-CN" altLang="en-US" sz="1800" dirty="0"/>
              <a:t>、</a:t>
            </a:r>
            <a:r>
              <a:rPr lang="en-US" altLang="zh-CN" sz="1800" dirty="0"/>
              <a:t>OVSDB</a:t>
            </a:r>
            <a:r>
              <a:rPr lang="zh-CN" altLang="en-US" sz="1800" dirty="0"/>
              <a:t>、</a:t>
            </a:r>
            <a:r>
              <a:rPr lang="en-US" altLang="zh-CN" sz="1800" dirty="0"/>
              <a:t>NETCONF</a:t>
            </a:r>
            <a:r>
              <a:rPr lang="zh-CN" altLang="en-US" sz="1800" dirty="0"/>
              <a:t>、</a:t>
            </a:r>
            <a:r>
              <a:rPr lang="en-US" altLang="zh-CN" sz="1800" dirty="0"/>
              <a:t>PCEP</a:t>
            </a:r>
            <a:r>
              <a:rPr lang="zh-CN" altLang="en-US" sz="1800" dirty="0"/>
              <a:t>、</a:t>
            </a:r>
            <a:r>
              <a:rPr lang="en-US" altLang="zh-CN" sz="1800" dirty="0"/>
              <a:t> RESTful </a:t>
            </a:r>
            <a:r>
              <a:rPr lang="zh-CN" altLang="en-US" sz="1800" dirty="0"/>
              <a:t>、</a:t>
            </a:r>
            <a:r>
              <a:rPr lang="en-US" altLang="zh-CN" sz="1800" dirty="0"/>
              <a:t>SNMP</a:t>
            </a:r>
            <a:r>
              <a:rPr lang="zh-CN" altLang="en-US" sz="1800" dirty="0"/>
              <a:t>、</a:t>
            </a:r>
            <a:r>
              <a:rPr lang="en-US" altLang="zh-CN" sz="1800" dirty="0"/>
              <a:t>BGP</a:t>
            </a:r>
            <a:r>
              <a:rPr lang="zh-CN" altLang="en-US" sz="1800" dirty="0"/>
              <a:t>、</a:t>
            </a:r>
            <a:r>
              <a:rPr lang="en-US" altLang="zh-CN" sz="1800" dirty="0" err="1"/>
              <a:t>JsonRPC</a:t>
            </a:r>
            <a:r>
              <a:rPr lang="zh-CN" altLang="en-US" sz="1800" dirty="0"/>
              <a:t>、</a:t>
            </a:r>
            <a:r>
              <a:rPr lang="en-US" altLang="zh-CN" sz="1800" dirty="0"/>
              <a:t>RESTCONF</a:t>
            </a:r>
            <a:r>
              <a:rPr lang="zh-CN" altLang="en-US" sz="1800" dirty="0"/>
              <a:t>等。</a:t>
            </a:r>
            <a:endParaRPr lang="en-US" altLang="zh-CN" sz="1800" dirty="0"/>
          </a:p>
        </p:txBody>
      </p:sp>
      <p:sp>
        <p:nvSpPr>
          <p:cNvPr id="113" name="TextBox 207">
            <a:extLst>
              <a:ext uri="{FF2B5EF4-FFF2-40B4-BE49-F238E27FC236}">
                <a16:creationId xmlns:a16="http://schemas.microsoft.com/office/drawing/2014/main" xmlns="" id="{D45CE9C8-9208-4762-AB8C-FD9D2474A4EF}"/>
              </a:ext>
            </a:extLst>
          </p:cNvPr>
          <p:cNvSpPr txBox="1"/>
          <p:nvPr/>
        </p:nvSpPr>
        <p:spPr>
          <a:xfrm>
            <a:off x="4582754" y="2910463"/>
            <a:ext cx="1543178"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400" b="0" kern="0">
                <a:ea typeface="微软雅黑" panose="020B0503020204020204" pitchFamily="34" charset="-122"/>
              </a:defRPr>
            </a:lvl1pPr>
          </a:lstStyle>
          <a:p>
            <a:r>
              <a:rPr lang="en-US" altLang="zh-CN" b="1" dirty="0">
                <a:solidFill>
                  <a:schemeClr val="bg1"/>
                </a:solidFill>
              </a:rPr>
              <a:t>SNMP</a:t>
            </a:r>
            <a:endParaRPr lang="zh-CN" altLang="en-US" b="1" dirty="0">
              <a:solidFill>
                <a:schemeClr val="bg1"/>
              </a:solidFill>
            </a:endParaRPr>
          </a:p>
        </p:txBody>
      </p:sp>
      <p:sp>
        <p:nvSpPr>
          <p:cNvPr id="114" name="TextBox 207">
            <a:extLst>
              <a:ext uri="{FF2B5EF4-FFF2-40B4-BE49-F238E27FC236}">
                <a16:creationId xmlns:a16="http://schemas.microsoft.com/office/drawing/2014/main" xmlns="" id="{CFEB600A-E433-4F11-BAF8-2E5656232F60}"/>
              </a:ext>
            </a:extLst>
          </p:cNvPr>
          <p:cNvSpPr txBox="1"/>
          <p:nvPr/>
        </p:nvSpPr>
        <p:spPr>
          <a:xfrm>
            <a:off x="9533128" y="2910463"/>
            <a:ext cx="1745342"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400" b="0" kern="0">
                <a:ea typeface="微软雅黑" panose="020B0503020204020204" pitchFamily="34" charset="-122"/>
              </a:defRPr>
            </a:lvl1pPr>
          </a:lstStyle>
          <a:p>
            <a:r>
              <a:rPr lang="en-US" altLang="zh-CN" b="1">
                <a:solidFill>
                  <a:schemeClr val="bg1"/>
                </a:solidFill>
              </a:rPr>
              <a:t>RESTCONF</a:t>
            </a:r>
            <a:endParaRPr lang="zh-CN" altLang="en-US" b="1" dirty="0">
              <a:solidFill>
                <a:schemeClr val="bg1"/>
              </a:solidFill>
            </a:endParaRPr>
          </a:p>
        </p:txBody>
      </p:sp>
      <p:pic>
        <p:nvPicPr>
          <p:cNvPr id="82" name="图片 81">
            <a:extLst>
              <a:ext uri="{FF2B5EF4-FFF2-40B4-BE49-F238E27FC236}">
                <a16:creationId xmlns:a16="http://schemas.microsoft.com/office/drawing/2014/main" xmlns="" id="{879E8BBC-9F93-4DCD-BD8B-9D504F419BD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428006" y="3995374"/>
            <a:ext cx="2734546" cy="504323"/>
          </a:xfrm>
          <a:prstGeom prst="rect">
            <a:avLst/>
          </a:prstGeom>
        </p:spPr>
      </p:pic>
    </p:spTree>
    <p:extLst>
      <p:ext uri="{BB962C8B-B14F-4D97-AF65-F5344CB8AC3E}">
        <p14:creationId xmlns:p14="http://schemas.microsoft.com/office/powerpoint/2010/main" val="80710489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652E8BB6-9A9E-4961-A5E3-2A659AC971A0}"/>
              </a:ext>
            </a:extLst>
          </p:cNvPr>
          <p:cNvSpPr>
            <a:spLocks noGrp="1"/>
          </p:cNvSpPr>
          <p:nvPr>
            <p:ph type="title"/>
          </p:nvPr>
        </p:nvSpPr>
        <p:spPr/>
        <p:txBody>
          <a:bodyPr/>
          <a:lstStyle/>
          <a:p>
            <a:r>
              <a:rPr lang="zh-CN" altLang="en-US" dirty="0"/>
              <a:t>华为</a:t>
            </a:r>
            <a:r>
              <a:rPr lang="en-US" altLang="zh-CN" dirty="0"/>
              <a:t>SDN</a:t>
            </a:r>
            <a:r>
              <a:rPr lang="zh-CN" altLang="en-US" dirty="0"/>
              <a:t>解决方案 </a:t>
            </a:r>
            <a:r>
              <a:rPr lang="en-US" altLang="zh-CN" dirty="0"/>
              <a:t>-</a:t>
            </a:r>
            <a:r>
              <a:rPr lang="en-US" altLang="zh-CN" dirty="0" smtClean="0"/>
              <a:t> </a:t>
            </a:r>
            <a:r>
              <a:rPr lang="zh-CN" altLang="en-US" dirty="0"/>
              <a:t>管、控、析构建智简网络</a:t>
            </a:r>
          </a:p>
        </p:txBody>
      </p:sp>
      <p:cxnSp>
        <p:nvCxnSpPr>
          <p:cNvPr id="3" name="直接连接符 2">
            <a:extLst>
              <a:ext uri="{FF2B5EF4-FFF2-40B4-BE49-F238E27FC236}">
                <a16:creationId xmlns:a16="http://schemas.microsoft.com/office/drawing/2014/main" xmlns="" id="{4D8DEFD4-4C9E-4976-8288-9FF9FBE2C4E1}"/>
              </a:ext>
            </a:extLst>
          </p:cNvPr>
          <p:cNvCxnSpPr/>
          <p:nvPr/>
        </p:nvCxnSpPr>
        <p:spPr>
          <a:xfrm>
            <a:off x="8198551" y="5148887"/>
            <a:ext cx="737209" cy="22378"/>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4" name="直接连接符 3">
            <a:extLst>
              <a:ext uri="{FF2B5EF4-FFF2-40B4-BE49-F238E27FC236}">
                <a16:creationId xmlns:a16="http://schemas.microsoft.com/office/drawing/2014/main" xmlns="" id="{B3AA4DAF-F6CF-4676-A8F8-10E99328AA5F}"/>
              </a:ext>
            </a:extLst>
          </p:cNvPr>
          <p:cNvCxnSpPr/>
          <p:nvPr/>
        </p:nvCxnSpPr>
        <p:spPr>
          <a:xfrm>
            <a:off x="4114503" y="5155369"/>
            <a:ext cx="782504" cy="15896"/>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sp>
        <p:nvSpPr>
          <p:cNvPr id="5" name="圆角矩形 241">
            <a:extLst>
              <a:ext uri="{FF2B5EF4-FFF2-40B4-BE49-F238E27FC236}">
                <a16:creationId xmlns:a16="http://schemas.microsoft.com/office/drawing/2014/main" xmlns="" id="{3FD5CF84-A7F0-4A4D-95F0-8A579FA749AD}"/>
              </a:ext>
            </a:extLst>
          </p:cNvPr>
          <p:cNvSpPr/>
          <p:nvPr/>
        </p:nvSpPr>
        <p:spPr>
          <a:xfrm>
            <a:off x="1537632" y="2379593"/>
            <a:ext cx="10127117" cy="1090954"/>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base" hangingPunct="0">
              <a:spcBef>
                <a:spcPct val="0"/>
              </a:spcBef>
              <a:spcAft>
                <a:spcPct val="0"/>
              </a:spcAft>
              <a:buClr>
                <a:srgbClr val="1F497D"/>
              </a:buClr>
            </a:pPr>
            <a:endParaRPr kumimoji="1" lang="zh-CN" altLang="en-US" sz="1600" kern="0" dirty="0">
              <a:solidFill>
                <a:schemeClr val="tx1"/>
              </a:solidFill>
              <a:cs typeface="+mn-ea"/>
              <a:sym typeface="+mn-lt"/>
            </a:endParaRPr>
          </a:p>
        </p:txBody>
      </p:sp>
      <p:sp>
        <p:nvSpPr>
          <p:cNvPr id="6" name="圆角矩形 242">
            <a:extLst>
              <a:ext uri="{FF2B5EF4-FFF2-40B4-BE49-F238E27FC236}">
                <a16:creationId xmlns:a16="http://schemas.microsoft.com/office/drawing/2014/main" xmlns="" id="{33EC6F21-CCB4-4F8E-A4E5-AF7AF1378308}"/>
              </a:ext>
            </a:extLst>
          </p:cNvPr>
          <p:cNvSpPr/>
          <p:nvPr/>
        </p:nvSpPr>
        <p:spPr bwMode="auto">
          <a:xfrm>
            <a:off x="1537634" y="1339477"/>
            <a:ext cx="10127116" cy="829185"/>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base" hangingPunct="0">
              <a:spcBef>
                <a:spcPct val="0"/>
              </a:spcBef>
              <a:spcAft>
                <a:spcPct val="0"/>
              </a:spcAft>
              <a:buClr>
                <a:srgbClr val="1F497D"/>
              </a:buClr>
              <a:defRPr/>
            </a:pPr>
            <a:endParaRPr kumimoji="1" lang="en-US" altLang="zh-CN" sz="1600" kern="0" dirty="0">
              <a:solidFill>
                <a:schemeClr val="tx1"/>
              </a:solidFill>
              <a:cs typeface="+mn-ea"/>
              <a:sym typeface="+mn-lt"/>
            </a:endParaRPr>
          </a:p>
        </p:txBody>
      </p:sp>
      <p:sp>
        <p:nvSpPr>
          <p:cNvPr id="7" name="433369346">
            <a:extLst>
              <a:ext uri="{FF2B5EF4-FFF2-40B4-BE49-F238E27FC236}">
                <a16:creationId xmlns:a16="http://schemas.microsoft.com/office/drawing/2014/main" xmlns="" id="{7E8C4528-2537-4FDA-8A93-BC6604E093EE}"/>
              </a:ext>
            </a:extLst>
          </p:cNvPr>
          <p:cNvSpPr txBox="1">
            <a:spLocks noChangeArrowheads="1"/>
          </p:cNvSpPr>
          <p:nvPr/>
        </p:nvSpPr>
        <p:spPr bwMode="auto">
          <a:xfrm>
            <a:off x="5196619" y="1521483"/>
            <a:ext cx="672225" cy="584775"/>
          </a:xfrm>
          <a:prstGeom prst="rect">
            <a:avLst/>
          </a:prstGeom>
          <a:noFill/>
          <a:ln w="9525">
            <a:noFill/>
            <a:miter lim="800000"/>
            <a:headEnd/>
            <a:tailEnd/>
          </a:ln>
        </p:spPr>
        <p:txBody>
          <a:bodyPr wrap="square">
            <a:spAutoFit/>
          </a:bodyPr>
          <a:lstStyle/>
          <a:p>
            <a:pPr algn="ctr" defTabSz="1219150">
              <a:buSzPct val="100000"/>
            </a:pPr>
            <a:r>
              <a:rPr lang="zh-CN" altLang="en-US" sz="1600" dirty="0">
                <a:cs typeface="+mn-ea"/>
                <a:sym typeface="+mn-lt"/>
              </a:rPr>
              <a:t>自助</a:t>
            </a:r>
            <a:endParaRPr lang="en-US" altLang="zh-CN" sz="1600" dirty="0">
              <a:cs typeface="+mn-ea"/>
              <a:sym typeface="+mn-lt"/>
            </a:endParaRPr>
          </a:p>
          <a:p>
            <a:pPr algn="ctr" defTabSz="1219150">
              <a:buSzPct val="100000"/>
            </a:pPr>
            <a:r>
              <a:rPr lang="zh-CN" altLang="en-US" sz="1600" dirty="0">
                <a:cs typeface="+mn-ea"/>
                <a:sym typeface="+mn-lt"/>
              </a:rPr>
              <a:t>门户</a:t>
            </a:r>
            <a:endParaRPr lang="zh-CN" altLang="zh-CN" sz="1600" dirty="0">
              <a:cs typeface="+mn-ea"/>
              <a:sym typeface="+mn-lt"/>
            </a:endParaRPr>
          </a:p>
        </p:txBody>
      </p:sp>
      <p:sp>
        <p:nvSpPr>
          <p:cNvPr id="8" name="Freeform 13">
            <a:extLst>
              <a:ext uri="{FF2B5EF4-FFF2-40B4-BE49-F238E27FC236}">
                <a16:creationId xmlns:a16="http://schemas.microsoft.com/office/drawing/2014/main" xmlns="" id="{5F25E1FC-A160-4E1F-A2B0-661FBE85A3F2}"/>
              </a:ext>
            </a:extLst>
          </p:cNvPr>
          <p:cNvSpPr>
            <a:spLocks noEditPoints="1"/>
          </p:cNvSpPr>
          <p:nvPr/>
        </p:nvSpPr>
        <p:spPr bwMode="auto">
          <a:xfrm>
            <a:off x="6594684" y="1514374"/>
            <a:ext cx="130450" cy="236939"/>
          </a:xfrm>
          <a:custGeom>
            <a:avLst/>
            <a:gdLst>
              <a:gd name="T0" fmla="*/ 217 w 245"/>
              <a:gd name="T1" fmla="*/ 0 h 420"/>
              <a:gd name="T2" fmla="*/ 28 w 245"/>
              <a:gd name="T3" fmla="*/ 0 h 420"/>
              <a:gd name="T4" fmla="*/ 0 w 245"/>
              <a:gd name="T5" fmla="*/ 27 h 420"/>
              <a:gd name="T6" fmla="*/ 0 w 245"/>
              <a:gd name="T7" fmla="*/ 393 h 420"/>
              <a:gd name="T8" fmla="*/ 28 w 245"/>
              <a:gd name="T9" fmla="*/ 420 h 420"/>
              <a:gd name="T10" fmla="*/ 217 w 245"/>
              <a:gd name="T11" fmla="*/ 420 h 420"/>
              <a:gd name="T12" fmla="*/ 245 w 245"/>
              <a:gd name="T13" fmla="*/ 393 h 420"/>
              <a:gd name="T14" fmla="*/ 245 w 245"/>
              <a:gd name="T15" fmla="*/ 27 h 420"/>
              <a:gd name="T16" fmla="*/ 217 w 245"/>
              <a:gd name="T17" fmla="*/ 0 h 420"/>
              <a:gd name="T18" fmla="*/ 85 w 245"/>
              <a:gd name="T19" fmla="*/ 25 h 420"/>
              <a:gd name="T20" fmla="*/ 160 w 245"/>
              <a:gd name="T21" fmla="*/ 25 h 420"/>
              <a:gd name="T22" fmla="*/ 167 w 245"/>
              <a:gd name="T23" fmla="*/ 31 h 420"/>
              <a:gd name="T24" fmla="*/ 160 w 245"/>
              <a:gd name="T25" fmla="*/ 37 h 420"/>
              <a:gd name="T26" fmla="*/ 85 w 245"/>
              <a:gd name="T27" fmla="*/ 37 h 420"/>
              <a:gd name="T28" fmla="*/ 79 w 245"/>
              <a:gd name="T29" fmla="*/ 31 h 420"/>
              <a:gd name="T30" fmla="*/ 85 w 245"/>
              <a:gd name="T31" fmla="*/ 25 h 420"/>
              <a:gd name="T32" fmla="*/ 123 w 245"/>
              <a:gd name="T33" fmla="*/ 403 h 420"/>
              <a:gd name="T34" fmla="*/ 103 w 245"/>
              <a:gd name="T35" fmla="*/ 384 h 420"/>
              <a:gd name="T36" fmla="*/ 123 w 245"/>
              <a:gd name="T37" fmla="*/ 364 h 420"/>
              <a:gd name="T38" fmla="*/ 142 w 245"/>
              <a:gd name="T39" fmla="*/ 384 h 420"/>
              <a:gd name="T40" fmla="*/ 123 w 245"/>
              <a:gd name="T41" fmla="*/ 403 h 420"/>
              <a:gd name="T42" fmla="*/ 216 w 245"/>
              <a:gd name="T43" fmla="*/ 344 h 420"/>
              <a:gd name="T44" fmla="*/ 30 w 245"/>
              <a:gd name="T45" fmla="*/ 344 h 420"/>
              <a:gd name="T46" fmla="*/ 30 w 245"/>
              <a:gd name="T47" fmla="*/ 59 h 420"/>
              <a:gd name="T48" fmla="*/ 216 w 245"/>
              <a:gd name="T49" fmla="*/ 59 h 420"/>
              <a:gd name="T50" fmla="*/ 216 w 245"/>
              <a:gd name="T51" fmla="*/ 344 h 4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245" h="420">
                <a:moveTo>
                  <a:pt x="217" y="0"/>
                </a:moveTo>
                <a:cubicBezTo>
                  <a:pt x="28" y="0"/>
                  <a:pt x="28" y="0"/>
                  <a:pt x="28" y="0"/>
                </a:cubicBezTo>
                <a:cubicBezTo>
                  <a:pt x="13" y="0"/>
                  <a:pt x="0" y="12"/>
                  <a:pt x="0" y="27"/>
                </a:cubicBezTo>
                <a:cubicBezTo>
                  <a:pt x="0" y="393"/>
                  <a:pt x="0" y="393"/>
                  <a:pt x="0" y="393"/>
                </a:cubicBezTo>
                <a:cubicBezTo>
                  <a:pt x="0" y="408"/>
                  <a:pt x="13" y="420"/>
                  <a:pt x="28" y="420"/>
                </a:cubicBezTo>
                <a:cubicBezTo>
                  <a:pt x="217" y="420"/>
                  <a:pt x="217" y="420"/>
                  <a:pt x="217" y="420"/>
                </a:cubicBezTo>
                <a:cubicBezTo>
                  <a:pt x="233" y="420"/>
                  <a:pt x="245" y="408"/>
                  <a:pt x="245" y="393"/>
                </a:cubicBezTo>
                <a:cubicBezTo>
                  <a:pt x="245" y="27"/>
                  <a:pt x="245" y="27"/>
                  <a:pt x="245" y="27"/>
                </a:cubicBezTo>
                <a:cubicBezTo>
                  <a:pt x="245" y="12"/>
                  <a:pt x="233" y="0"/>
                  <a:pt x="217" y="0"/>
                </a:cubicBezTo>
                <a:close/>
                <a:moveTo>
                  <a:pt x="85" y="25"/>
                </a:moveTo>
                <a:cubicBezTo>
                  <a:pt x="160" y="25"/>
                  <a:pt x="160" y="25"/>
                  <a:pt x="160" y="25"/>
                </a:cubicBezTo>
                <a:cubicBezTo>
                  <a:pt x="164" y="25"/>
                  <a:pt x="167" y="27"/>
                  <a:pt x="167" y="31"/>
                </a:cubicBezTo>
                <a:cubicBezTo>
                  <a:pt x="167" y="34"/>
                  <a:pt x="164" y="37"/>
                  <a:pt x="160" y="37"/>
                </a:cubicBezTo>
                <a:cubicBezTo>
                  <a:pt x="85" y="37"/>
                  <a:pt x="85" y="37"/>
                  <a:pt x="85" y="37"/>
                </a:cubicBezTo>
                <a:cubicBezTo>
                  <a:pt x="81" y="37"/>
                  <a:pt x="79" y="34"/>
                  <a:pt x="79" y="31"/>
                </a:cubicBezTo>
                <a:cubicBezTo>
                  <a:pt x="79" y="27"/>
                  <a:pt x="81" y="25"/>
                  <a:pt x="85" y="25"/>
                </a:cubicBezTo>
                <a:close/>
                <a:moveTo>
                  <a:pt x="123" y="403"/>
                </a:moveTo>
                <a:cubicBezTo>
                  <a:pt x="112" y="403"/>
                  <a:pt x="103" y="394"/>
                  <a:pt x="103" y="384"/>
                </a:cubicBezTo>
                <a:cubicBezTo>
                  <a:pt x="103" y="373"/>
                  <a:pt x="112" y="364"/>
                  <a:pt x="123" y="364"/>
                </a:cubicBezTo>
                <a:cubicBezTo>
                  <a:pt x="133" y="364"/>
                  <a:pt x="142" y="373"/>
                  <a:pt x="142" y="384"/>
                </a:cubicBezTo>
                <a:cubicBezTo>
                  <a:pt x="142" y="394"/>
                  <a:pt x="133" y="403"/>
                  <a:pt x="123" y="403"/>
                </a:cubicBezTo>
                <a:close/>
                <a:moveTo>
                  <a:pt x="216" y="344"/>
                </a:moveTo>
                <a:cubicBezTo>
                  <a:pt x="30" y="344"/>
                  <a:pt x="30" y="344"/>
                  <a:pt x="30" y="344"/>
                </a:cubicBezTo>
                <a:cubicBezTo>
                  <a:pt x="30" y="59"/>
                  <a:pt x="30" y="59"/>
                  <a:pt x="30" y="59"/>
                </a:cubicBezTo>
                <a:cubicBezTo>
                  <a:pt x="216" y="59"/>
                  <a:pt x="216" y="59"/>
                  <a:pt x="216" y="59"/>
                </a:cubicBezTo>
                <a:lnTo>
                  <a:pt x="216" y="344"/>
                </a:lnTo>
                <a:close/>
              </a:path>
            </a:pathLst>
          </a:custGeom>
          <a:solidFill>
            <a:srgbClr val="00B0F0"/>
          </a:solidFill>
          <a:ln>
            <a:solidFill>
              <a:srgbClr val="0070C0"/>
            </a:solidFill>
          </a:ln>
        </p:spPr>
        <p:txBody>
          <a:bodyPr vert="horz" wrap="square" lIns="91458" tIns="45730" rIns="91458" bIns="45730" numCol="1" anchor="t" anchorCtr="0" compatLnSpc="1">
            <a:prstTxWarp prst="textNoShape">
              <a:avLst/>
            </a:prstTxWarp>
          </a:bodyPr>
          <a:lstStyle/>
          <a:p>
            <a:pPr algn="ctr" defTabSz="1219394">
              <a:defRPr/>
            </a:pPr>
            <a:endParaRPr lang="zh-CN" altLang="en-US" sz="1600" kern="0">
              <a:cs typeface="+mn-ea"/>
              <a:sym typeface="+mn-lt"/>
            </a:endParaRPr>
          </a:p>
        </p:txBody>
      </p:sp>
      <p:sp>
        <p:nvSpPr>
          <p:cNvPr id="9" name="409847224">
            <a:extLst>
              <a:ext uri="{FF2B5EF4-FFF2-40B4-BE49-F238E27FC236}">
                <a16:creationId xmlns:a16="http://schemas.microsoft.com/office/drawing/2014/main" xmlns="" id="{EE33759B-5358-47F3-B7F0-2ACD46580B53}"/>
              </a:ext>
            </a:extLst>
          </p:cNvPr>
          <p:cNvSpPr txBox="1">
            <a:spLocks noChangeArrowheads="1"/>
          </p:cNvSpPr>
          <p:nvPr/>
        </p:nvSpPr>
        <p:spPr bwMode="auto">
          <a:xfrm>
            <a:off x="6769357" y="1531890"/>
            <a:ext cx="705617" cy="584775"/>
          </a:xfrm>
          <a:prstGeom prst="rect">
            <a:avLst/>
          </a:prstGeom>
          <a:noFill/>
          <a:ln w="9525">
            <a:noFill/>
            <a:miter lim="800000"/>
            <a:headEnd/>
            <a:tailEnd/>
          </a:ln>
        </p:spPr>
        <p:txBody>
          <a:bodyPr wrap="square">
            <a:spAutoFit/>
          </a:bodyPr>
          <a:lstStyle/>
          <a:p>
            <a:pPr algn="ctr" defTabSz="1219150">
              <a:buSzPct val="100000"/>
            </a:pPr>
            <a:r>
              <a:rPr lang="zh-CN" altLang="en-US" sz="1600" dirty="0">
                <a:cs typeface="+mn-ea"/>
                <a:sym typeface="+mn-lt"/>
              </a:rPr>
              <a:t>移动</a:t>
            </a:r>
            <a:endParaRPr lang="en-US" altLang="zh-CN" sz="1600" dirty="0">
              <a:cs typeface="+mn-ea"/>
              <a:sym typeface="+mn-lt"/>
            </a:endParaRPr>
          </a:p>
          <a:p>
            <a:pPr algn="ctr" defTabSz="1219150">
              <a:buSzPct val="100000"/>
            </a:pPr>
            <a:r>
              <a:rPr lang="en-US" altLang="zh-CN" sz="1600" dirty="0">
                <a:cs typeface="+mn-ea"/>
                <a:sym typeface="+mn-lt"/>
              </a:rPr>
              <a:t>APP</a:t>
            </a:r>
            <a:endParaRPr lang="zh-CN" altLang="zh-CN" sz="1600" dirty="0">
              <a:cs typeface="+mn-ea"/>
              <a:sym typeface="+mn-lt"/>
            </a:endParaRPr>
          </a:p>
        </p:txBody>
      </p:sp>
      <p:sp>
        <p:nvSpPr>
          <p:cNvPr id="10" name="Freeform 14">
            <a:extLst>
              <a:ext uri="{FF2B5EF4-FFF2-40B4-BE49-F238E27FC236}">
                <a16:creationId xmlns:a16="http://schemas.microsoft.com/office/drawing/2014/main" xmlns="" id="{2895A86B-B33E-48C4-BC6A-2D4D5724F88C}"/>
              </a:ext>
            </a:extLst>
          </p:cNvPr>
          <p:cNvSpPr>
            <a:spLocks noEditPoints="1"/>
          </p:cNvSpPr>
          <p:nvPr/>
        </p:nvSpPr>
        <p:spPr bwMode="auto">
          <a:xfrm>
            <a:off x="8203687" y="1462157"/>
            <a:ext cx="329333" cy="242366"/>
          </a:xfrm>
          <a:custGeom>
            <a:avLst/>
            <a:gdLst/>
            <a:ahLst/>
            <a:cxnLst>
              <a:cxn ang="0">
                <a:pos x="398" y="176"/>
              </a:cxn>
              <a:cxn ang="0">
                <a:pos x="174" y="400"/>
              </a:cxn>
              <a:cxn ang="0">
                <a:pos x="154" y="176"/>
              </a:cxn>
              <a:cxn ang="0">
                <a:pos x="422" y="200"/>
              </a:cxn>
              <a:cxn ang="0">
                <a:pos x="442" y="424"/>
              </a:cxn>
              <a:cxn ang="0">
                <a:pos x="210" y="442"/>
              </a:cxn>
              <a:cxn ang="0">
                <a:pos x="386" y="418"/>
              </a:cxn>
              <a:cxn ang="0">
                <a:pos x="416" y="380"/>
              </a:cxn>
              <a:cxn ang="0">
                <a:pos x="352" y="18"/>
              </a:cxn>
              <a:cxn ang="0">
                <a:pos x="446" y="110"/>
              </a:cxn>
              <a:cxn ang="0">
                <a:pos x="524" y="134"/>
              </a:cxn>
              <a:cxn ang="0">
                <a:pos x="580" y="208"/>
              </a:cxn>
              <a:cxn ang="0">
                <a:pos x="572" y="310"/>
              </a:cxn>
              <a:cxn ang="0">
                <a:pos x="502" y="264"/>
              </a:cxn>
              <a:cxn ang="0">
                <a:pos x="472" y="226"/>
              </a:cxn>
              <a:cxn ang="0">
                <a:pos x="454" y="198"/>
              </a:cxn>
              <a:cxn ang="0">
                <a:pos x="416" y="176"/>
              </a:cxn>
              <a:cxn ang="0">
                <a:pos x="392" y="140"/>
              </a:cxn>
              <a:cxn ang="0">
                <a:pos x="152" y="144"/>
              </a:cxn>
              <a:cxn ang="0">
                <a:pos x="136" y="380"/>
              </a:cxn>
              <a:cxn ang="0">
                <a:pos x="50" y="370"/>
              </a:cxn>
              <a:cxn ang="0">
                <a:pos x="0" y="274"/>
              </a:cxn>
              <a:cxn ang="0">
                <a:pos x="76" y="164"/>
              </a:cxn>
              <a:cxn ang="0">
                <a:pos x="124" y="82"/>
              </a:cxn>
              <a:cxn ang="0">
                <a:pos x="210" y="12"/>
              </a:cxn>
              <a:cxn ang="0">
                <a:pos x="464" y="244"/>
              </a:cxn>
              <a:cxn ang="0">
                <a:pos x="484" y="468"/>
              </a:cxn>
              <a:cxn ang="0">
                <a:pos x="252" y="486"/>
              </a:cxn>
              <a:cxn ang="0">
                <a:pos x="428" y="462"/>
              </a:cxn>
              <a:cxn ang="0">
                <a:pos x="460" y="424"/>
              </a:cxn>
              <a:cxn ang="0">
                <a:pos x="182" y="306"/>
              </a:cxn>
              <a:cxn ang="0">
                <a:pos x="200" y="244"/>
              </a:cxn>
              <a:cxn ang="0">
                <a:pos x="250" y="256"/>
              </a:cxn>
              <a:cxn ang="0">
                <a:pos x="272" y="248"/>
              </a:cxn>
              <a:cxn ang="0">
                <a:pos x="278" y="300"/>
              </a:cxn>
              <a:cxn ang="0">
                <a:pos x="250" y="300"/>
              </a:cxn>
              <a:cxn ang="0">
                <a:pos x="250" y="284"/>
              </a:cxn>
              <a:cxn ang="0">
                <a:pos x="268" y="292"/>
              </a:cxn>
              <a:cxn ang="0">
                <a:pos x="268" y="264"/>
              </a:cxn>
              <a:cxn ang="0">
                <a:pos x="250" y="268"/>
              </a:cxn>
              <a:cxn ang="0">
                <a:pos x="304" y="252"/>
              </a:cxn>
              <a:cxn ang="0">
                <a:pos x="330" y="254"/>
              </a:cxn>
              <a:cxn ang="0">
                <a:pos x="330" y="300"/>
              </a:cxn>
              <a:cxn ang="0">
                <a:pos x="302" y="328"/>
              </a:cxn>
              <a:cxn ang="0">
                <a:pos x="306" y="290"/>
              </a:cxn>
              <a:cxn ang="0">
                <a:pos x="320" y="292"/>
              </a:cxn>
              <a:cxn ang="0">
                <a:pos x="318" y="260"/>
              </a:cxn>
              <a:cxn ang="0">
                <a:pos x="302" y="276"/>
              </a:cxn>
              <a:cxn ang="0">
                <a:pos x="358" y="296"/>
              </a:cxn>
              <a:cxn ang="0">
                <a:pos x="370" y="290"/>
              </a:cxn>
              <a:cxn ang="0">
                <a:pos x="346" y="278"/>
              </a:cxn>
              <a:cxn ang="0">
                <a:pos x="352" y="248"/>
              </a:cxn>
              <a:cxn ang="0">
                <a:pos x="382" y="262"/>
              </a:cxn>
              <a:cxn ang="0">
                <a:pos x="354" y="260"/>
              </a:cxn>
              <a:cxn ang="0">
                <a:pos x="374" y="274"/>
              </a:cxn>
              <a:cxn ang="0">
                <a:pos x="378" y="302"/>
              </a:cxn>
              <a:cxn ang="0">
                <a:pos x="346" y="304"/>
              </a:cxn>
            </a:cxnLst>
            <a:rect l="0" t="0" r="r" b="b"/>
            <a:pathLst>
              <a:path w="586" h="488">
                <a:moveTo>
                  <a:pt x="174" y="154"/>
                </a:moveTo>
                <a:lnTo>
                  <a:pt x="378" y="154"/>
                </a:lnTo>
                <a:lnTo>
                  <a:pt x="378" y="154"/>
                </a:lnTo>
                <a:lnTo>
                  <a:pt x="386" y="156"/>
                </a:lnTo>
                <a:lnTo>
                  <a:pt x="392" y="160"/>
                </a:lnTo>
                <a:lnTo>
                  <a:pt x="396" y="168"/>
                </a:lnTo>
                <a:lnTo>
                  <a:pt x="398" y="176"/>
                </a:lnTo>
                <a:lnTo>
                  <a:pt x="398" y="380"/>
                </a:lnTo>
                <a:lnTo>
                  <a:pt x="398" y="380"/>
                </a:lnTo>
                <a:lnTo>
                  <a:pt x="396" y="388"/>
                </a:lnTo>
                <a:lnTo>
                  <a:pt x="392" y="394"/>
                </a:lnTo>
                <a:lnTo>
                  <a:pt x="386" y="398"/>
                </a:lnTo>
                <a:lnTo>
                  <a:pt x="378" y="400"/>
                </a:lnTo>
                <a:lnTo>
                  <a:pt x="174" y="400"/>
                </a:lnTo>
                <a:lnTo>
                  <a:pt x="174" y="400"/>
                </a:lnTo>
                <a:lnTo>
                  <a:pt x="166" y="398"/>
                </a:lnTo>
                <a:lnTo>
                  <a:pt x="160" y="394"/>
                </a:lnTo>
                <a:lnTo>
                  <a:pt x="156" y="388"/>
                </a:lnTo>
                <a:lnTo>
                  <a:pt x="154" y="380"/>
                </a:lnTo>
                <a:lnTo>
                  <a:pt x="154" y="176"/>
                </a:lnTo>
                <a:lnTo>
                  <a:pt x="154" y="176"/>
                </a:lnTo>
                <a:lnTo>
                  <a:pt x="156" y="168"/>
                </a:lnTo>
                <a:lnTo>
                  <a:pt x="160" y="160"/>
                </a:lnTo>
                <a:lnTo>
                  <a:pt x="166" y="156"/>
                </a:lnTo>
                <a:lnTo>
                  <a:pt x="174" y="154"/>
                </a:lnTo>
                <a:lnTo>
                  <a:pt x="174" y="154"/>
                </a:lnTo>
                <a:close/>
                <a:moveTo>
                  <a:pt x="416" y="200"/>
                </a:moveTo>
                <a:lnTo>
                  <a:pt x="422" y="200"/>
                </a:lnTo>
                <a:lnTo>
                  <a:pt x="422" y="200"/>
                </a:lnTo>
                <a:lnTo>
                  <a:pt x="430" y="200"/>
                </a:lnTo>
                <a:lnTo>
                  <a:pt x="436" y="206"/>
                </a:lnTo>
                <a:lnTo>
                  <a:pt x="440" y="212"/>
                </a:lnTo>
                <a:lnTo>
                  <a:pt x="442" y="220"/>
                </a:lnTo>
                <a:lnTo>
                  <a:pt x="442" y="424"/>
                </a:lnTo>
                <a:lnTo>
                  <a:pt x="442" y="424"/>
                </a:lnTo>
                <a:lnTo>
                  <a:pt x="440" y="432"/>
                </a:lnTo>
                <a:lnTo>
                  <a:pt x="436" y="438"/>
                </a:lnTo>
                <a:lnTo>
                  <a:pt x="430" y="442"/>
                </a:lnTo>
                <a:lnTo>
                  <a:pt x="422" y="444"/>
                </a:lnTo>
                <a:lnTo>
                  <a:pt x="218" y="444"/>
                </a:lnTo>
                <a:lnTo>
                  <a:pt x="218" y="444"/>
                </a:lnTo>
                <a:lnTo>
                  <a:pt x="210" y="442"/>
                </a:lnTo>
                <a:lnTo>
                  <a:pt x="202" y="438"/>
                </a:lnTo>
                <a:lnTo>
                  <a:pt x="198" y="432"/>
                </a:lnTo>
                <a:lnTo>
                  <a:pt x="196" y="424"/>
                </a:lnTo>
                <a:lnTo>
                  <a:pt x="196" y="418"/>
                </a:lnTo>
                <a:lnTo>
                  <a:pt x="378" y="418"/>
                </a:lnTo>
                <a:lnTo>
                  <a:pt x="378" y="418"/>
                </a:lnTo>
                <a:lnTo>
                  <a:pt x="386" y="418"/>
                </a:lnTo>
                <a:lnTo>
                  <a:pt x="392" y="414"/>
                </a:lnTo>
                <a:lnTo>
                  <a:pt x="400" y="412"/>
                </a:lnTo>
                <a:lnTo>
                  <a:pt x="406" y="406"/>
                </a:lnTo>
                <a:lnTo>
                  <a:pt x="410" y="400"/>
                </a:lnTo>
                <a:lnTo>
                  <a:pt x="414" y="394"/>
                </a:lnTo>
                <a:lnTo>
                  <a:pt x="416" y="388"/>
                </a:lnTo>
                <a:lnTo>
                  <a:pt x="416" y="380"/>
                </a:lnTo>
                <a:lnTo>
                  <a:pt x="416" y="200"/>
                </a:lnTo>
                <a:lnTo>
                  <a:pt x="416" y="200"/>
                </a:lnTo>
                <a:close/>
                <a:moveTo>
                  <a:pt x="274" y="0"/>
                </a:moveTo>
                <a:lnTo>
                  <a:pt x="274" y="0"/>
                </a:lnTo>
                <a:lnTo>
                  <a:pt x="302" y="2"/>
                </a:lnTo>
                <a:lnTo>
                  <a:pt x="328" y="8"/>
                </a:lnTo>
                <a:lnTo>
                  <a:pt x="352" y="18"/>
                </a:lnTo>
                <a:lnTo>
                  <a:pt x="376" y="30"/>
                </a:lnTo>
                <a:lnTo>
                  <a:pt x="396" y="46"/>
                </a:lnTo>
                <a:lnTo>
                  <a:pt x="414" y="66"/>
                </a:lnTo>
                <a:lnTo>
                  <a:pt x="428" y="88"/>
                </a:lnTo>
                <a:lnTo>
                  <a:pt x="440" y="110"/>
                </a:lnTo>
                <a:lnTo>
                  <a:pt x="440" y="110"/>
                </a:lnTo>
                <a:lnTo>
                  <a:pt x="446" y="110"/>
                </a:lnTo>
                <a:lnTo>
                  <a:pt x="446" y="110"/>
                </a:lnTo>
                <a:lnTo>
                  <a:pt x="462" y="112"/>
                </a:lnTo>
                <a:lnTo>
                  <a:pt x="474" y="114"/>
                </a:lnTo>
                <a:lnTo>
                  <a:pt x="488" y="116"/>
                </a:lnTo>
                <a:lnTo>
                  <a:pt x="502" y="122"/>
                </a:lnTo>
                <a:lnTo>
                  <a:pt x="514" y="128"/>
                </a:lnTo>
                <a:lnTo>
                  <a:pt x="524" y="134"/>
                </a:lnTo>
                <a:lnTo>
                  <a:pt x="536" y="142"/>
                </a:lnTo>
                <a:lnTo>
                  <a:pt x="546" y="152"/>
                </a:lnTo>
                <a:lnTo>
                  <a:pt x="554" y="162"/>
                </a:lnTo>
                <a:lnTo>
                  <a:pt x="562" y="172"/>
                </a:lnTo>
                <a:lnTo>
                  <a:pt x="570" y="184"/>
                </a:lnTo>
                <a:lnTo>
                  <a:pt x="576" y="196"/>
                </a:lnTo>
                <a:lnTo>
                  <a:pt x="580" y="208"/>
                </a:lnTo>
                <a:lnTo>
                  <a:pt x="584" y="222"/>
                </a:lnTo>
                <a:lnTo>
                  <a:pt x="586" y="236"/>
                </a:lnTo>
                <a:lnTo>
                  <a:pt x="586" y="250"/>
                </a:lnTo>
                <a:lnTo>
                  <a:pt x="586" y="250"/>
                </a:lnTo>
                <a:lnTo>
                  <a:pt x="584" y="272"/>
                </a:lnTo>
                <a:lnTo>
                  <a:pt x="580" y="292"/>
                </a:lnTo>
                <a:lnTo>
                  <a:pt x="572" y="310"/>
                </a:lnTo>
                <a:lnTo>
                  <a:pt x="562" y="328"/>
                </a:lnTo>
                <a:lnTo>
                  <a:pt x="550" y="342"/>
                </a:lnTo>
                <a:lnTo>
                  <a:pt x="536" y="356"/>
                </a:lnTo>
                <a:lnTo>
                  <a:pt x="520" y="368"/>
                </a:lnTo>
                <a:lnTo>
                  <a:pt x="502" y="378"/>
                </a:lnTo>
                <a:lnTo>
                  <a:pt x="502" y="264"/>
                </a:lnTo>
                <a:lnTo>
                  <a:pt x="502" y="264"/>
                </a:lnTo>
                <a:lnTo>
                  <a:pt x="502" y="256"/>
                </a:lnTo>
                <a:lnTo>
                  <a:pt x="500" y="250"/>
                </a:lnTo>
                <a:lnTo>
                  <a:pt x="496" y="242"/>
                </a:lnTo>
                <a:lnTo>
                  <a:pt x="492" y="236"/>
                </a:lnTo>
                <a:lnTo>
                  <a:pt x="486" y="232"/>
                </a:lnTo>
                <a:lnTo>
                  <a:pt x="480" y="228"/>
                </a:lnTo>
                <a:lnTo>
                  <a:pt x="472" y="226"/>
                </a:lnTo>
                <a:lnTo>
                  <a:pt x="464" y="226"/>
                </a:lnTo>
                <a:lnTo>
                  <a:pt x="460" y="226"/>
                </a:lnTo>
                <a:lnTo>
                  <a:pt x="460" y="220"/>
                </a:lnTo>
                <a:lnTo>
                  <a:pt x="460" y="220"/>
                </a:lnTo>
                <a:lnTo>
                  <a:pt x="458" y="212"/>
                </a:lnTo>
                <a:lnTo>
                  <a:pt x="456" y="204"/>
                </a:lnTo>
                <a:lnTo>
                  <a:pt x="454" y="198"/>
                </a:lnTo>
                <a:lnTo>
                  <a:pt x="448" y="192"/>
                </a:lnTo>
                <a:lnTo>
                  <a:pt x="442" y="188"/>
                </a:lnTo>
                <a:lnTo>
                  <a:pt x="436" y="184"/>
                </a:lnTo>
                <a:lnTo>
                  <a:pt x="428" y="182"/>
                </a:lnTo>
                <a:lnTo>
                  <a:pt x="422" y="182"/>
                </a:lnTo>
                <a:lnTo>
                  <a:pt x="416" y="182"/>
                </a:lnTo>
                <a:lnTo>
                  <a:pt x="416" y="176"/>
                </a:lnTo>
                <a:lnTo>
                  <a:pt x="416" y="176"/>
                </a:lnTo>
                <a:lnTo>
                  <a:pt x="416" y="168"/>
                </a:lnTo>
                <a:lnTo>
                  <a:pt x="414" y="160"/>
                </a:lnTo>
                <a:lnTo>
                  <a:pt x="410" y="154"/>
                </a:lnTo>
                <a:lnTo>
                  <a:pt x="406" y="148"/>
                </a:lnTo>
                <a:lnTo>
                  <a:pt x="400" y="144"/>
                </a:lnTo>
                <a:lnTo>
                  <a:pt x="392" y="140"/>
                </a:lnTo>
                <a:lnTo>
                  <a:pt x="386" y="138"/>
                </a:lnTo>
                <a:lnTo>
                  <a:pt x="378" y="136"/>
                </a:lnTo>
                <a:lnTo>
                  <a:pt x="174" y="136"/>
                </a:lnTo>
                <a:lnTo>
                  <a:pt x="174" y="136"/>
                </a:lnTo>
                <a:lnTo>
                  <a:pt x="166" y="138"/>
                </a:lnTo>
                <a:lnTo>
                  <a:pt x="158" y="140"/>
                </a:lnTo>
                <a:lnTo>
                  <a:pt x="152" y="144"/>
                </a:lnTo>
                <a:lnTo>
                  <a:pt x="146" y="148"/>
                </a:lnTo>
                <a:lnTo>
                  <a:pt x="142" y="154"/>
                </a:lnTo>
                <a:lnTo>
                  <a:pt x="138" y="160"/>
                </a:lnTo>
                <a:lnTo>
                  <a:pt x="136" y="168"/>
                </a:lnTo>
                <a:lnTo>
                  <a:pt x="136" y="176"/>
                </a:lnTo>
                <a:lnTo>
                  <a:pt x="136" y="380"/>
                </a:lnTo>
                <a:lnTo>
                  <a:pt x="136" y="380"/>
                </a:lnTo>
                <a:lnTo>
                  <a:pt x="136" y="390"/>
                </a:lnTo>
                <a:lnTo>
                  <a:pt x="116" y="390"/>
                </a:lnTo>
                <a:lnTo>
                  <a:pt x="116" y="390"/>
                </a:lnTo>
                <a:lnTo>
                  <a:pt x="104" y="388"/>
                </a:lnTo>
                <a:lnTo>
                  <a:pt x="92" y="388"/>
                </a:lnTo>
                <a:lnTo>
                  <a:pt x="70" y="380"/>
                </a:lnTo>
                <a:lnTo>
                  <a:pt x="50" y="370"/>
                </a:lnTo>
                <a:lnTo>
                  <a:pt x="34" y="356"/>
                </a:lnTo>
                <a:lnTo>
                  <a:pt x="20" y="338"/>
                </a:lnTo>
                <a:lnTo>
                  <a:pt x="8" y="318"/>
                </a:lnTo>
                <a:lnTo>
                  <a:pt x="2" y="296"/>
                </a:lnTo>
                <a:lnTo>
                  <a:pt x="0" y="286"/>
                </a:lnTo>
                <a:lnTo>
                  <a:pt x="0" y="274"/>
                </a:lnTo>
                <a:lnTo>
                  <a:pt x="0" y="274"/>
                </a:lnTo>
                <a:lnTo>
                  <a:pt x="2" y="252"/>
                </a:lnTo>
                <a:lnTo>
                  <a:pt x="6" y="232"/>
                </a:lnTo>
                <a:lnTo>
                  <a:pt x="16" y="214"/>
                </a:lnTo>
                <a:lnTo>
                  <a:pt x="28" y="198"/>
                </a:lnTo>
                <a:lnTo>
                  <a:pt x="42" y="184"/>
                </a:lnTo>
                <a:lnTo>
                  <a:pt x="58" y="172"/>
                </a:lnTo>
                <a:lnTo>
                  <a:pt x="76" y="164"/>
                </a:lnTo>
                <a:lnTo>
                  <a:pt x="96" y="158"/>
                </a:lnTo>
                <a:lnTo>
                  <a:pt x="96" y="158"/>
                </a:lnTo>
                <a:lnTo>
                  <a:pt x="100" y="142"/>
                </a:lnTo>
                <a:lnTo>
                  <a:pt x="104" y="126"/>
                </a:lnTo>
                <a:lnTo>
                  <a:pt x="108" y="110"/>
                </a:lnTo>
                <a:lnTo>
                  <a:pt x="116" y="96"/>
                </a:lnTo>
                <a:lnTo>
                  <a:pt x="124" y="82"/>
                </a:lnTo>
                <a:lnTo>
                  <a:pt x="132" y="68"/>
                </a:lnTo>
                <a:lnTo>
                  <a:pt x="144" y="56"/>
                </a:lnTo>
                <a:lnTo>
                  <a:pt x="154" y="46"/>
                </a:lnTo>
                <a:lnTo>
                  <a:pt x="166" y="36"/>
                </a:lnTo>
                <a:lnTo>
                  <a:pt x="180" y="26"/>
                </a:lnTo>
                <a:lnTo>
                  <a:pt x="194" y="18"/>
                </a:lnTo>
                <a:lnTo>
                  <a:pt x="210" y="12"/>
                </a:lnTo>
                <a:lnTo>
                  <a:pt x="224" y="6"/>
                </a:lnTo>
                <a:lnTo>
                  <a:pt x="240" y="2"/>
                </a:lnTo>
                <a:lnTo>
                  <a:pt x="258" y="0"/>
                </a:lnTo>
                <a:lnTo>
                  <a:pt x="274" y="0"/>
                </a:lnTo>
                <a:lnTo>
                  <a:pt x="274" y="0"/>
                </a:lnTo>
                <a:close/>
                <a:moveTo>
                  <a:pt x="460" y="244"/>
                </a:moveTo>
                <a:lnTo>
                  <a:pt x="464" y="244"/>
                </a:lnTo>
                <a:lnTo>
                  <a:pt x="464" y="244"/>
                </a:lnTo>
                <a:lnTo>
                  <a:pt x="472" y="246"/>
                </a:lnTo>
                <a:lnTo>
                  <a:pt x="478" y="250"/>
                </a:lnTo>
                <a:lnTo>
                  <a:pt x="484" y="256"/>
                </a:lnTo>
                <a:lnTo>
                  <a:pt x="484" y="264"/>
                </a:lnTo>
                <a:lnTo>
                  <a:pt x="484" y="468"/>
                </a:lnTo>
                <a:lnTo>
                  <a:pt x="484" y="468"/>
                </a:lnTo>
                <a:lnTo>
                  <a:pt x="484" y="476"/>
                </a:lnTo>
                <a:lnTo>
                  <a:pt x="478" y="482"/>
                </a:lnTo>
                <a:lnTo>
                  <a:pt x="472" y="486"/>
                </a:lnTo>
                <a:lnTo>
                  <a:pt x="464" y="488"/>
                </a:lnTo>
                <a:lnTo>
                  <a:pt x="260" y="488"/>
                </a:lnTo>
                <a:lnTo>
                  <a:pt x="260" y="488"/>
                </a:lnTo>
                <a:lnTo>
                  <a:pt x="252" y="486"/>
                </a:lnTo>
                <a:lnTo>
                  <a:pt x="246" y="482"/>
                </a:lnTo>
                <a:lnTo>
                  <a:pt x="242" y="476"/>
                </a:lnTo>
                <a:lnTo>
                  <a:pt x="240" y="468"/>
                </a:lnTo>
                <a:lnTo>
                  <a:pt x="240" y="462"/>
                </a:lnTo>
                <a:lnTo>
                  <a:pt x="422" y="462"/>
                </a:lnTo>
                <a:lnTo>
                  <a:pt x="422" y="462"/>
                </a:lnTo>
                <a:lnTo>
                  <a:pt x="428" y="462"/>
                </a:lnTo>
                <a:lnTo>
                  <a:pt x="436" y="460"/>
                </a:lnTo>
                <a:lnTo>
                  <a:pt x="442" y="456"/>
                </a:lnTo>
                <a:lnTo>
                  <a:pt x="448" y="450"/>
                </a:lnTo>
                <a:lnTo>
                  <a:pt x="454" y="446"/>
                </a:lnTo>
                <a:lnTo>
                  <a:pt x="456" y="438"/>
                </a:lnTo>
                <a:lnTo>
                  <a:pt x="458" y="432"/>
                </a:lnTo>
                <a:lnTo>
                  <a:pt x="460" y="424"/>
                </a:lnTo>
                <a:lnTo>
                  <a:pt x="460" y="244"/>
                </a:lnTo>
                <a:lnTo>
                  <a:pt x="460" y="244"/>
                </a:lnTo>
                <a:close/>
                <a:moveTo>
                  <a:pt x="234" y="306"/>
                </a:moveTo>
                <a:lnTo>
                  <a:pt x="220" y="306"/>
                </a:lnTo>
                <a:lnTo>
                  <a:pt x="214" y="288"/>
                </a:lnTo>
                <a:lnTo>
                  <a:pt x="188" y="288"/>
                </a:lnTo>
                <a:lnTo>
                  <a:pt x="182" y="306"/>
                </a:lnTo>
                <a:lnTo>
                  <a:pt x="168" y="306"/>
                </a:lnTo>
                <a:lnTo>
                  <a:pt x="194" y="226"/>
                </a:lnTo>
                <a:lnTo>
                  <a:pt x="208" y="226"/>
                </a:lnTo>
                <a:lnTo>
                  <a:pt x="234" y="306"/>
                </a:lnTo>
                <a:lnTo>
                  <a:pt x="234" y="306"/>
                </a:lnTo>
                <a:close/>
                <a:moveTo>
                  <a:pt x="210" y="274"/>
                </a:moveTo>
                <a:lnTo>
                  <a:pt x="200" y="244"/>
                </a:lnTo>
                <a:lnTo>
                  <a:pt x="192" y="274"/>
                </a:lnTo>
                <a:lnTo>
                  <a:pt x="210" y="274"/>
                </a:lnTo>
                <a:lnTo>
                  <a:pt x="210" y="274"/>
                </a:lnTo>
                <a:close/>
                <a:moveTo>
                  <a:pt x="238" y="248"/>
                </a:moveTo>
                <a:lnTo>
                  <a:pt x="250" y="248"/>
                </a:lnTo>
                <a:lnTo>
                  <a:pt x="250" y="256"/>
                </a:lnTo>
                <a:lnTo>
                  <a:pt x="250" y="256"/>
                </a:lnTo>
                <a:lnTo>
                  <a:pt x="252" y="252"/>
                </a:lnTo>
                <a:lnTo>
                  <a:pt x="256" y="250"/>
                </a:lnTo>
                <a:lnTo>
                  <a:pt x="256" y="250"/>
                </a:lnTo>
                <a:lnTo>
                  <a:pt x="260" y="248"/>
                </a:lnTo>
                <a:lnTo>
                  <a:pt x="264" y="248"/>
                </a:lnTo>
                <a:lnTo>
                  <a:pt x="264" y="248"/>
                </a:lnTo>
                <a:lnTo>
                  <a:pt x="272" y="248"/>
                </a:lnTo>
                <a:lnTo>
                  <a:pt x="278" y="254"/>
                </a:lnTo>
                <a:lnTo>
                  <a:pt x="278" y="254"/>
                </a:lnTo>
                <a:lnTo>
                  <a:pt x="282" y="264"/>
                </a:lnTo>
                <a:lnTo>
                  <a:pt x="284" y="276"/>
                </a:lnTo>
                <a:lnTo>
                  <a:pt x="284" y="276"/>
                </a:lnTo>
                <a:lnTo>
                  <a:pt x="282" y="290"/>
                </a:lnTo>
                <a:lnTo>
                  <a:pt x="278" y="300"/>
                </a:lnTo>
                <a:lnTo>
                  <a:pt x="278" y="300"/>
                </a:lnTo>
                <a:lnTo>
                  <a:pt x="272" y="306"/>
                </a:lnTo>
                <a:lnTo>
                  <a:pt x="264" y="308"/>
                </a:lnTo>
                <a:lnTo>
                  <a:pt x="264" y="308"/>
                </a:lnTo>
                <a:lnTo>
                  <a:pt x="256" y="306"/>
                </a:lnTo>
                <a:lnTo>
                  <a:pt x="256" y="306"/>
                </a:lnTo>
                <a:lnTo>
                  <a:pt x="250" y="300"/>
                </a:lnTo>
                <a:lnTo>
                  <a:pt x="250" y="328"/>
                </a:lnTo>
                <a:lnTo>
                  <a:pt x="238" y="328"/>
                </a:lnTo>
                <a:lnTo>
                  <a:pt x="238" y="248"/>
                </a:lnTo>
                <a:lnTo>
                  <a:pt x="238" y="248"/>
                </a:lnTo>
                <a:close/>
                <a:moveTo>
                  <a:pt x="250" y="276"/>
                </a:moveTo>
                <a:lnTo>
                  <a:pt x="250" y="276"/>
                </a:lnTo>
                <a:lnTo>
                  <a:pt x="250" y="284"/>
                </a:lnTo>
                <a:lnTo>
                  <a:pt x="254" y="290"/>
                </a:lnTo>
                <a:lnTo>
                  <a:pt x="254" y="290"/>
                </a:lnTo>
                <a:lnTo>
                  <a:pt x="256" y="294"/>
                </a:lnTo>
                <a:lnTo>
                  <a:pt x="260" y="296"/>
                </a:lnTo>
                <a:lnTo>
                  <a:pt x="260" y="296"/>
                </a:lnTo>
                <a:lnTo>
                  <a:pt x="264" y="294"/>
                </a:lnTo>
                <a:lnTo>
                  <a:pt x="268" y="292"/>
                </a:lnTo>
                <a:lnTo>
                  <a:pt x="268" y="292"/>
                </a:lnTo>
                <a:lnTo>
                  <a:pt x="270" y="286"/>
                </a:lnTo>
                <a:lnTo>
                  <a:pt x="272" y="278"/>
                </a:lnTo>
                <a:lnTo>
                  <a:pt x="272" y="278"/>
                </a:lnTo>
                <a:lnTo>
                  <a:pt x="270" y="270"/>
                </a:lnTo>
                <a:lnTo>
                  <a:pt x="268" y="264"/>
                </a:lnTo>
                <a:lnTo>
                  <a:pt x="268" y="264"/>
                </a:lnTo>
                <a:lnTo>
                  <a:pt x="264" y="260"/>
                </a:lnTo>
                <a:lnTo>
                  <a:pt x="260" y="260"/>
                </a:lnTo>
                <a:lnTo>
                  <a:pt x="260" y="260"/>
                </a:lnTo>
                <a:lnTo>
                  <a:pt x="256" y="260"/>
                </a:lnTo>
                <a:lnTo>
                  <a:pt x="254" y="264"/>
                </a:lnTo>
                <a:lnTo>
                  <a:pt x="254" y="264"/>
                </a:lnTo>
                <a:lnTo>
                  <a:pt x="250" y="268"/>
                </a:lnTo>
                <a:lnTo>
                  <a:pt x="250" y="276"/>
                </a:lnTo>
                <a:lnTo>
                  <a:pt x="250" y="276"/>
                </a:lnTo>
                <a:close/>
                <a:moveTo>
                  <a:pt x="290" y="248"/>
                </a:moveTo>
                <a:lnTo>
                  <a:pt x="302" y="248"/>
                </a:lnTo>
                <a:lnTo>
                  <a:pt x="302" y="256"/>
                </a:lnTo>
                <a:lnTo>
                  <a:pt x="302" y="256"/>
                </a:lnTo>
                <a:lnTo>
                  <a:pt x="304" y="252"/>
                </a:lnTo>
                <a:lnTo>
                  <a:pt x="308" y="250"/>
                </a:lnTo>
                <a:lnTo>
                  <a:pt x="308" y="250"/>
                </a:lnTo>
                <a:lnTo>
                  <a:pt x="312" y="248"/>
                </a:lnTo>
                <a:lnTo>
                  <a:pt x="316" y="248"/>
                </a:lnTo>
                <a:lnTo>
                  <a:pt x="316" y="248"/>
                </a:lnTo>
                <a:lnTo>
                  <a:pt x="324" y="248"/>
                </a:lnTo>
                <a:lnTo>
                  <a:pt x="330" y="254"/>
                </a:lnTo>
                <a:lnTo>
                  <a:pt x="330" y="254"/>
                </a:lnTo>
                <a:lnTo>
                  <a:pt x="336" y="264"/>
                </a:lnTo>
                <a:lnTo>
                  <a:pt x="336" y="276"/>
                </a:lnTo>
                <a:lnTo>
                  <a:pt x="336" y="276"/>
                </a:lnTo>
                <a:lnTo>
                  <a:pt x="336" y="290"/>
                </a:lnTo>
                <a:lnTo>
                  <a:pt x="330" y="300"/>
                </a:lnTo>
                <a:lnTo>
                  <a:pt x="330" y="300"/>
                </a:lnTo>
                <a:lnTo>
                  <a:pt x="324" y="306"/>
                </a:lnTo>
                <a:lnTo>
                  <a:pt x="316" y="308"/>
                </a:lnTo>
                <a:lnTo>
                  <a:pt x="316" y="308"/>
                </a:lnTo>
                <a:lnTo>
                  <a:pt x="310" y="306"/>
                </a:lnTo>
                <a:lnTo>
                  <a:pt x="310" y="306"/>
                </a:lnTo>
                <a:lnTo>
                  <a:pt x="302" y="300"/>
                </a:lnTo>
                <a:lnTo>
                  <a:pt x="302" y="328"/>
                </a:lnTo>
                <a:lnTo>
                  <a:pt x="290" y="328"/>
                </a:lnTo>
                <a:lnTo>
                  <a:pt x="290" y="248"/>
                </a:lnTo>
                <a:lnTo>
                  <a:pt x="290" y="248"/>
                </a:lnTo>
                <a:close/>
                <a:moveTo>
                  <a:pt x="302" y="276"/>
                </a:moveTo>
                <a:lnTo>
                  <a:pt x="302" y="276"/>
                </a:lnTo>
                <a:lnTo>
                  <a:pt x="304" y="284"/>
                </a:lnTo>
                <a:lnTo>
                  <a:pt x="306" y="290"/>
                </a:lnTo>
                <a:lnTo>
                  <a:pt x="306" y="290"/>
                </a:lnTo>
                <a:lnTo>
                  <a:pt x="310" y="294"/>
                </a:lnTo>
                <a:lnTo>
                  <a:pt x="314" y="296"/>
                </a:lnTo>
                <a:lnTo>
                  <a:pt x="314" y="296"/>
                </a:lnTo>
                <a:lnTo>
                  <a:pt x="318" y="294"/>
                </a:lnTo>
                <a:lnTo>
                  <a:pt x="320" y="292"/>
                </a:lnTo>
                <a:lnTo>
                  <a:pt x="320" y="292"/>
                </a:lnTo>
                <a:lnTo>
                  <a:pt x="324" y="286"/>
                </a:lnTo>
                <a:lnTo>
                  <a:pt x="324" y="278"/>
                </a:lnTo>
                <a:lnTo>
                  <a:pt x="324" y="278"/>
                </a:lnTo>
                <a:lnTo>
                  <a:pt x="324" y="270"/>
                </a:lnTo>
                <a:lnTo>
                  <a:pt x="320" y="264"/>
                </a:lnTo>
                <a:lnTo>
                  <a:pt x="320" y="264"/>
                </a:lnTo>
                <a:lnTo>
                  <a:pt x="318" y="260"/>
                </a:lnTo>
                <a:lnTo>
                  <a:pt x="314" y="260"/>
                </a:lnTo>
                <a:lnTo>
                  <a:pt x="314" y="260"/>
                </a:lnTo>
                <a:lnTo>
                  <a:pt x="310" y="260"/>
                </a:lnTo>
                <a:lnTo>
                  <a:pt x="306" y="264"/>
                </a:lnTo>
                <a:lnTo>
                  <a:pt x="306" y="264"/>
                </a:lnTo>
                <a:lnTo>
                  <a:pt x="304" y="268"/>
                </a:lnTo>
                <a:lnTo>
                  <a:pt x="302" y="276"/>
                </a:lnTo>
                <a:lnTo>
                  <a:pt x="302" y="276"/>
                </a:lnTo>
                <a:close/>
                <a:moveTo>
                  <a:pt x="338" y="290"/>
                </a:moveTo>
                <a:lnTo>
                  <a:pt x="352" y="288"/>
                </a:lnTo>
                <a:lnTo>
                  <a:pt x="352" y="288"/>
                </a:lnTo>
                <a:lnTo>
                  <a:pt x="352" y="292"/>
                </a:lnTo>
                <a:lnTo>
                  <a:pt x="354" y="294"/>
                </a:lnTo>
                <a:lnTo>
                  <a:pt x="358" y="296"/>
                </a:lnTo>
                <a:lnTo>
                  <a:pt x="362" y="296"/>
                </a:lnTo>
                <a:lnTo>
                  <a:pt x="362" y="296"/>
                </a:lnTo>
                <a:lnTo>
                  <a:pt x="368" y="294"/>
                </a:lnTo>
                <a:lnTo>
                  <a:pt x="368" y="294"/>
                </a:lnTo>
                <a:lnTo>
                  <a:pt x="370" y="292"/>
                </a:lnTo>
                <a:lnTo>
                  <a:pt x="370" y="290"/>
                </a:lnTo>
                <a:lnTo>
                  <a:pt x="370" y="290"/>
                </a:lnTo>
                <a:lnTo>
                  <a:pt x="370" y="288"/>
                </a:lnTo>
                <a:lnTo>
                  <a:pt x="370" y="288"/>
                </a:lnTo>
                <a:lnTo>
                  <a:pt x="366" y="286"/>
                </a:lnTo>
                <a:lnTo>
                  <a:pt x="366" y="286"/>
                </a:lnTo>
                <a:lnTo>
                  <a:pt x="352" y="282"/>
                </a:lnTo>
                <a:lnTo>
                  <a:pt x="346" y="278"/>
                </a:lnTo>
                <a:lnTo>
                  <a:pt x="346" y="278"/>
                </a:lnTo>
                <a:lnTo>
                  <a:pt x="342" y="272"/>
                </a:lnTo>
                <a:lnTo>
                  <a:pt x="340" y="264"/>
                </a:lnTo>
                <a:lnTo>
                  <a:pt x="340" y="264"/>
                </a:lnTo>
                <a:lnTo>
                  <a:pt x="342" y="258"/>
                </a:lnTo>
                <a:lnTo>
                  <a:pt x="346" y="252"/>
                </a:lnTo>
                <a:lnTo>
                  <a:pt x="346" y="252"/>
                </a:lnTo>
                <a:lnTo>
                  <a:pt x="352" y="248"/>
                </a:lnTo>
                <a:lnTo>
                  <a:pt x="360" y="248"/>
                </a:lnTo>
                <a:lnTo>
                  <a:pt x="360" y="248"/>
                </a:lnTo>
                <a:lnTo>
                  <a:pt x="368" y="248"/>
                </a:lnTo>
                <a:lnTo>
                  <a:pt x="374" y="250"/>
                </a:lnTo>
                <a:lnTo>
                  <a:pt x="374" y="250"/>
                </a:lnTo>
                <a:lnTo>
                  <a:pt x="380" y="256"/>
                </a:lnTo>
                <a:lnTo>
                  <a:pt x="382" y="262"/>
                </a:lnTo>
                <a:lnTo>
                  <a:pt x="370" y="266"/>
                </a:lnTo>
                <a:lnTo>
                  <a:pt x="370" y="266"/>
                </a:lnTo>
                <a:lnTo>
                  <a:pt x="366" y="260"/>
                </a:lnTo>
                <a:lnTo>
                  <a:pt x="360" y="258"/>
                </a:lnTo>
                <a:lnTo>
                  <a:pt x="360" y="258"/>
                </a:lnTo>
                <a:lnTo>
                  <a:pt x="354" y="260"/>
                </a:lnTo>
                <a:lnTo>
                  <a:pt x="354" y="260"/>
                </a:lnTo>
                <a:lnTo>
                  <a:pt x="352" y="262"/>
                </a:lnTo>
                <a:lnTo>
                  <a:pt x="352" y="262"/>
                </a:lnTo>
                <a:lnTo>
                  <a:pt x="354" y="266"/>
                </a:lnTo>
                <a:lnTo>
                  <a:pt x="354" y="266"/>
                </a:lnTo>
                <a:lnTo>
                  <a:pt x="366" y="270"/>
                </a:lnTo>
                <a:lnTo>
                  <a:pt x="366" y="270"/>
                </a:lnTo>
                <a:lnTo>
                  <a:pt x="374" y="274"/>
                </a:lnTo>
                <a:lnTo>
                  <a:pt x="380" y="278"/>
                </a:lnTo>
                <a:lnTo>
                  <a:pt x="380" y="278"/>
                </a:lnTo>
                <a:lnTo>
                  <a:pt x="382" y="282"/>
                </a:lnTo>
                <a:lnTo>
                  <a:pt x="384" y="288"/>
                </a:lnTo>
                <a:lnTo>
                  <a:pt x="384" y="288"/>
                </a:lnTo>
                <a:lnTo>
                  <a:pt x="382" y="296"/>
                </a:lnTo>
                <a:lnTo>
                  <a:pt x="378" y="302"/>
                </a:lnTo>
                <a:lnTo>
                  <a:pt x="378" y="302"/>
                </a:lnTo>
                <a:lnTo>
                  <a:pt x="370" y="306"/>
                </a:lnTo>
                <a:lnTo>
                  <a:pt x="362" y="308"/>
                </a:lnTo>
                <a:lnTo>
                  <a:pt x="362" y="308"/>
                </a:lnTo>
                <a:lnTo>
                  <a:pt x="354" y="306"/>
                </a:lnTo>
                <a:lnTo>
                  <a:pt x="346" y="304"/>
                </a:lnTo>
                <a:lnTo>
                  <a:pt x="346" y="304"/>
                </a:lnTo>
                <a:lnTo>
                  <a:pt x="342" y="298"/>
                </a:lnTo>
                <a:lnTo>
                  <a:pt x="338" y="290"/>
                </a:lnTo>
                <a:lnTo>
                  <a:pt x="338" y="290"/>
                </a:lnTo>
                <a:close/>
              </a:path>
            </a:pathLst>
          </a:custGeom>
          <a:solidFill>
            <a:srgbClr val="00B0F0"/>
          </a:solidFill>
          <a:ln>
            <a:solidFill>
              <a:srgbClr val="0070C0"/>
            </a:solidFill>
          </a:ln>
          <a:effectLst/>
        </p:spPr>
        <p:txBody>
          <a:bodyPr vert="horz" wrap="square" lIns="91458" tIns="45730" rIns="91458" bIns="45730" numCol="1" rtlCol="0" anchor="t" anchorCtr="0" compatLnSpc="1">
            <a:prstTxWarp prst="textNoShape">
              <a:avLst/>
            </a:prstTxWarp>
          </a:bodyPr>
          <a:lstStyle/>
          <a:p>
            <a:pPr algn="ctr" defTabSz="1219394">
              <a:buClr>
                <a:srgbClr val="CC9900"/>
              </a:buClr>
              <a:buFont typeface="Wingdings" pitchFamily="2" charset="2"/>
              <a:buChar char="n"/>
              <a:defRPr/>
            </a:pPr>
            <a:endParaRPr lang="zh-CN" altLang="en-US" sz="1600" kern="0">
              <a:cs typeface="+mn-ea"/>
              <a:sym typeface="+mn-lt"/>
            </a:endParaRPr>
          </a:p>
        </p:txBody>
      </p:sp>
      <p:sp>
        <p:nvSpPr>
          <p:cNvPr id="11" name="1197933812">
            <a:extLst>
              <a:ext uri="{FF2B5EF4-FFF2-40B4-BE49-F238E27FC236}">
                <a16:creationId xmlns:a16="http://schemas.microsoft.com/office/drawing/2014/main" xmlns="" id="{33591F1A-D886-4748-83F4-CA923CC77875}"/>
              </a:ext>
            </a:extLst>
          </p:cNvPr>
          <p:cNvSpPr txBox="1">
            <a:spLocks noChangeArrowheads="1"/>
          </p:cNvSpPr>
          <p:nvPr/>
        </p:nvSpPr>
        <p:spPr bwMode="auto">
          <a:xfrm>
            <a:off x="8403988" y="1540107"/>
            <a:ext cx="1069204" cy="584775"/>
          </a:xfrm>
          <a:prstGeom prst="rect">
            <a:avLst/>
          </a:prstGeom>
          <a:noFill/>
          <a:ln w="9525">
            <a:noFill/>
            <a:miter lim="800000"/>
            <a:headEnd/>
            <a:tailEnd/>
          </a:ln>
        </p:spPr>
        <p:txBody>
          <a:bodyPr wrap="square">
            <a:spAutoFit/>
          </a:bodyPr>
          <a:lstStyle/>
          <a:p>
            <a:pPr algn="ctr" defTabSz="1219150">
              <a:buSzPct val="100000"/>
            </a:pPr>
            <a:r>
              <a:rPr lang="zh-CN" altLang="en-US" sz="1600" dirty="0">
                <a:cs typeface="+mn-ea"/>
                <a:sym typeface="+mn-lt"/>
              </a:rPr>
              <a:t>第三方</a:t>
            </a:r>
            <a:r>
              <a:rPr lang="en-US" altLang="zh-CN" sz="1600" dirty="0">
                <a:cs typeface="+mn-ea"/>
                <a:sym typeface="+mn-lt"/>
              </a:rPr>
              <a:t> APP</a:t>
            </a:r>
            <a:endParaRPr lang="zh-CN" altLang="zh-CN" sz="1600" dirty="0">
              <a:cs typeface="+mn-ea"/>
              <a:sym typeface="+mn-lt"/>
            </a:endParaRPr>
          </a:p>
        </p:txBody>
      </p:sp>
      <p:sp>
        <p:nvSpPr>
          <p:cNvPr id="12" name="弧形 11">
            <a:extLst>
              <a:ext uri="{FF2B5EF4-FFF2-40B4-BE49-F238E27FC236}">
                <a16:creationId xmlns:a16="http://schemas.microsoft.com/office/drawing/2014/main" xmlns="" id="{EF1B09CD-CEB4-4B0C-A07E-546C6DC18A89}"/>
              </a:ext>
            </a:extLst>
          </p:cNvPr>
          <p:cNvSpPr/>
          <p:nvPr/>
        </p:nvSpPr>
        <p:spPr>
          <a:xfrm>
            <a:off x="5070845" y="1512070"/>
            <a:ext cx="975241" cy="565988"/>
          </a:xfrm>
          <a:prstGeom prst="arc">
            <a:avLst>
              <a:gd name="adj1" fmla="val 14445679"/>
              <a:gd name="adj2" fmla="val 10762572"/>
            </a:avLst>
          </a:prstGeom>
          <a:noFill/>
          <a:ln w="12700">
            <a:solidFill>
              <a:srgbClr val="00B0F0"/>
            </a:solidFill>
          </a:ln>
          <a:effectLst/>
        </p:spPr>
        <p:txBody>
          <a:bodyPr vert="horz" wrap="square" lIns="0" tIns="0" rIns="0" bIns="0" numCol="1" rtlCol="0" anchor="ctr" anchorCtr="0" compatLnSpc="1">
            <a:prstTxWarp prst="textNoShape">
              <a:avLst/>
            </a:prstTxWarp>
          </a:bodyPr>
          <a:lstStyle/>
          <a:p>
            <a:pPr algn="ctr" defTabSz="488284" fontAlgn="base">
              <a:spcBef>
                <a:spcPct val="0"/>
              </a:spcBef>
              <a:spcAft>
                <a:spcPct val="0"/>
              </a:spcAft>
              <a:buClr>
                <a:srgbClr val="CC9900"/>
              </a:buClr>
            </a:pPr>
            <a:endParaRPr lang="zh-CN" altLang="en-US" sz="1600">
              <a:cs typeface="+mn-ea"/>
              <a:sym typeface="+mn-lt"/>
            </a:endParaRPr>
          </a:p>
        </p:txBody>
      </p:sp>
      <p:sp>
        <p:nvSpPr>
          <p:cNvPr id="13" name="弧形 12">
            <a:extLst>
              <a:ext uri="{FF2B5EF4-FFF2-40B4-BE49-F238E27FC236}">
                <a16:creationId xmlns:a16="http://schemas.microsoft.com/office/drawing/2014/main" xmlns="" id="{EB13D1E1-A3F6-4206-A63A-F4F745F7A367}"/>
              </a:ext>
            </a:extLst>
          </p:cNvPr>
          <p:cNvSpPr/>
          <p:nvPr/>
        </p:nvSpPr>
        <p:spPr>
          <a:xfrm>
            <a:off x="6641692" y="1512070"/>
            <a:ext cx="975241" cy="565988"/>
          </a:xfrm>
          <a:prstGeom prst="arc">
            <a:avLst>
              <a:gd name="adj1" fmla="val 14445679"/>
              <a:gd name="adj2" fmla="val 10762572"/>
            </a:avLst>
          </a:prstGeom>
          <a:noFill/>
          <a:ln w="12700">
            <a:solidFill>
              <a:srgbClr val="00B0F0"/>
            </a:solidFill>
          </a:ln>
          <a:effectLst/>
        </p:spPr>
        <p:txBody>
          <a:bodyPr vert="horz" wrap="square" lIns="0" tIns="0" rIns="0" bIns="0" numCol="1" rtlCol="0" anchor="ctr" anchorCtr="0" compatLnSpc="1">
            <a:prstTxWarp prst="textNoShape">
              <a:avLst/>
            </a:prstTxWarp>
          </a:bodyPr>
          <a:lstStyle/>
          <a:p>
            <a:pPr algn="ctr" defTabSz="488284" fontAlgn="base">
              <a:spcBef>
                <a:spcPct val="0"/>
              </a:spcBef>
              <a:spcAft>
                <a:spcPct val="0"/>
              </a:spcAft>
              <a:buClr>
                <a:srgbClr val="CC9900"/>
              </a:buClr>
            </a:pPr>
            <a:endParaRPr lang="zh-CN" altLang="en-US" sz="1600">
              <a:cs typeface="+mn-ea"/>
              <a:sym typeface="+mn-lt"/>
            </a:endParaRPr>
          </a:p>
        </p:txBody>
      </p:sp>
      <p:sp>
        <p:nvSpPr>
          <p:cNvPr id="14" name="弧形 13">
            <a:extLst>
              <a:ext uri="{FF2B5EF4-FFF2-40B4-BE49-F238E27FC236}">
                <a16:creationId xmlns:a16="http://schemas.microsoft.com/office/drawing/2014/main" xmlns="" id="{A79EAEB3-2E97-42BE-A8DD-8FBE1F2F1888}"/>
              </a:ext>
            </a:extLst>
          </p:cNvPr>
          <p:cNvSpPr/>
          <p:nvPr/>
        </p:nvSpPr>
        <p:spPr>
          <a:xfrm>
            <a:off x="8409050" y="1512070"/>
            <a:ext cx="975241" cy="565988"/>
          </a:xfrm>
          <a:prstGeom prst="arc">
            <a:avLst>
              <a:gd name="adj1" fmla="val 14445679"/>
              <a:gd name="adj2" fmla="val 10762572"/>
            </a:avLst>
          </a:prstGeom>
          <a:noFill/>
          <a:ln w="12700">
            <a:solidFill>
              <a:srgbClr val="00B0F0"/>
            </a:solidFill>
          </a:ln>
          <a:effectLst/>
        </p:spPr>
        <p:txBody>
          <a:bodyPr vert="horz" wrap="square" lIns="0" tIns="0" rIns="0" bIns="0" numCol="1" rtlCol="0" anchor="ctr" anchorCtr="0" compatLnSpc="1">
            <a:prstTxWarp prst="textNoShape">
              <a:avLst/>
            </a:prstTxWarp>
          </a:bodyPr>
          <a:lstStyle/>
          <a:p>
            <a:pPr algn="ctr" defTabSz="488284" fontAlgn="base">
              <a:spcBef>
                <a:spcPct val="0"/>
              </a:spcBef>
              <a:spcAft>
                <a:spcPct val="0"/>
              </a:spcAft>
              <a:buClr>
                <a:srgbClr val="CC9900"/>
              </a:buClr>
            </a:pPr>
            <a:endParaRPr lang="zh-CN" altLang="en-US" sz="1600">
              <a:cs typeface="+mn-ea"/>
              <a:sym typeface="+mn-lt"/>
            </a:endParaRPr>
          </a:p>
        </p:txBody>
      </p:sp>
      <p:sp>
        <p:nvSpPr>
          <p:cNvPr id="15" name="482455449">
            <a:extLst>
              <a:ext uri="{FF2B5EF4-FFF2-40B4-BE49-F238E27FC236}">
                <a16:creationId xmlns:a16="http://schemas.microsoft.com/office/drawing/2014/main" xmlns="" id="{AC7AEA93-98A4-4679-AC05-2FC24B4F1C89}"/>
              </a:ext>
            </a:extLst>
          </p:cNvPr>
          <p:cNvSpPr txBox="1">
            <a:spLocks noChangeArrowheads="1"/>
          </p:cNvSpPr>
          <p:nvPr/>
        </p:nvSpPr>
        <p:spPr bwMode="auto">
          <a:xfrm>
            <a:off x="3473828" y="1602983"/>
            <a:ext cx="796960" cy="338554"/>
          </a:xfrm>
          <a:prstGeom prst="rect">
            <a:avLst/>
          </a:prstGeom>
          <a:noFill/>
          <a:ln w="9525">
            <a:noFill/>
            <a:miter lim="800000"/>
            <a:headEnd/>
            <a:tailEnd/>
          </a:ln>
        </p:spPr>
        <p:txBody>
          <a:bodyPr wrap="square">
            <a:spAutoFit/>
          </a:bodyPr>
          <a:lstStyle/>
          <a:p>
            <a:pPr algn="ctr" defTabSz="1219394">
              <a:buSzPct val="100000"/>
              <a:defRPr/>
            </a:pPr>
            <a:r>
              <a:rPr lang="zh-CN" altLang="en-US" sz="1600" kern="0" dirty="0">
                <a:cs typeface="+mn-ea"/>
                <a:sym typeface="+mn-lt"/>
              </a:rPr>
              <a:t>云平台</a:t>
            </a:r>
            <a:endParaRPr lang="zh-CN" altLang="zh-CN" sz="1600" kern="0" dirty="0">
              <a:cs typeface="+mn-ea"/>
              <a:sym typeface="+mn-lt"/>
            </a:endParaRPr>
          </a:p>
        </p:txBody>
      </p:sp>
      <p:sp>
        <p:nvSpPr>
          <p:cNvPr id="16" name="弧形 15">
            <a:extLst>
              <a:ext uri="{FF2B5EF4-FFF2-40B4-BE49-F238E27FC236}">
                <a16:creationId xmlns:a16="http://schemas.microsoft.com/office/drawing/2014/main" xmlns="" id="{5131ECB0-FD84-4486-9705-D00317395C92}"/>
              </a:ext>
            </a:extLst>
          </p:cNvPr>
          <p:cNvSpPr/>
          <p:nvPr/>
        </p:nvSpPr>
        <p:spPr>
          <a:xfrm>
            <a:off x="3383731" y="1513046"/>
            <a:ext cx="975241" cy="565988"/>
          </a:xfrm>
          <a:prstGeom prst="arc">
            <a:avLst>
              <a:gd name="adj1" fmla="val 14445679"/>
              <a:gd name="adj2" fmla="val 10762572"/>
            </a:avLst>
          </a:prstGeom>
          <a:noFill/>
          <a:ln w="12700">
            <a:solidFill>
              <a:srgbClr val="00B0F0"/>
            </a:solidFill>
          </a:ln>
          <a:effectLst/>
        </p:spPr>
        <p:txBody>
          <a:bodyPr vert="horz" wrap="square" lIns="0" tIns="0" rIns="0" bIns="0" numCol="1" rtlCol="0" anchor="ctr" anchorCtr="0" compatLnSpc="1">
            <a:prstTxWarp prst="textNoShape">
              <a:avLst/>
            </a:prstTxWarp>
          </a:bodyPr>
          <a:lstStyle/>
          <a:p>
            <a:pPr algn="ctr" defTabSz="488284" fontAlgn="base">
              <a:spcBef>
                <a:spcPct val="0"/>
              </a:spcBef>
              <a:spcAft>
                <a:spcPct val="0"/>
              </a:spcAft>
              <a:buClr>
                <a:srgbClr val="CC9900"/>
              </a:buClr>
            </a:pPr>
            <a:endParaRPr lang="zh-CN" altLang="en-US" sz="1600">
              <a:cs typeface="+mn-ea"/>
              <a:sym typeface="+mn-lt"/>
            </a:endParaRPr>
          </a:p>
        </p:txBody>
      </p:sp>
      <p:sp>
        <p:nvSpPr>
          <p:cNvPr id="17" name="圆角矩形 288">
            <a:extLst>
              <a:ext uri="{FF2B5EF4-FFF2-40B4-BE49-F238E27FC236}">
                <a16:creationId xmlns:a16="http://schemas.microsoft.com/office/drawing/2014/main" xmlns="" id="{021B5729-1481-4466-A9BC-6FE364677294}"/>
              </a:ext>
            </a:extLst>
          </p:cNvPr>
          <p:cNvSpPr/>
          <p:nvPr/>
        </p:nvSpPr>
        <p:spPr bwMode="auto">
          <a:xfrm>
            <a:off x="5156751" y="3633265"/>
            <a:ext cx="2823240" cy="2528281"/>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base" hangingPunct="0">
              <a:spcBef>
                <a:spcPct val="0"/>
              </a:spcBef>
              <a:spcAft>
                <a:spcPct val="0"/>
              </a:spcAft>
              <a:buClr>
                <a:srgbClr val="1F497D"/>
              </a:buClr>
            </a:pPr>
            <a:endParaRPr kumimoji="1" lang="en-US" sz="1600" kern="0">
              <a:cs typeface="+mn-ea"/>
              <a:sym typeface="+mn-lt"/>
            </a:endParaRPr>
          </a:p>
        </p:txBody>
      </p:sp>
      <p:sp>
        <p:nvSpPr>
          <p:cNvPr id="18" name="Freeform 309">
            <a:extLst>
              <a:ext uri="{FF2B5EF4-FFF2-40B4-BE49-F238E27FC236}">
                <a16:creationId xmlns:a16="http://schemas.microsoft.com/office/drawing/2014/main" xmlns="" id="{02EA6855-BF93-45FE-8E41-B7814F7FCD0A}"/>
              </a:ext>
            </a:extLst>
          </p:cNvPr>
          <p:cNvSpPr>
            <a:spLocks/>
          </p:cNvSpPr>
          <p:nvPr/>
        </p:nvSpPr>
        <p:spPr bwMode="auto">
          <a:xfrm rot="536204">
            <a:off x="4423421" y="4506599"/>
            <a:ext cx="1279651" cy="825050"/>
          </a:xfrm>
          <a:custGeom>
            <a:avLst/>
            <a:gdLst>
              <a:gd name="T0" fmla="*/ 52417 w 3217"/>
              <a:gd name="T1" fmla="*/ 221271 h 2156"/>
              <a:gd name="T2" fmla="*/ 23420 w 3217"/>
              <a:gd name="T3" fmla="*/ 242443 h 2156"/>
              <a:gd name="T4" fmla="*/ 6413 w 3217"/>
              <a:gd name="T5" fmla="*/ 269282 h 2156"/>
              <a:gd name="T6" fmla="*/ 0 w 3217"/>
              <a:gd name="T7" fmla="*/ 301489 h 2156"/>
              <a:gd name="T8" fmla="*/ 11710 w 3217"/>
              <a:gd name="T9" fmla="*/ 345325 h 2156"/>
              <a:gd name="T10" fmla="*/ 44889 w 3217"/>
              <a:gd name="T11" fmla="*/ 378128 h 2156"/>
              <a:gd name="T12" fmla="*/ 27602 w 3217"/>
              <a:gd name="T13" fmla="*/ 400792 h 2156"/>
              <a:gd name="T14" fmla="*/ 19796 w 3217"/>
              <a:gd name="T15" fmla="*/ 432998 h 2156"/>
              <a:gd name="T16" fmla="*/ 25093 w 3217"/>
              <a:gd name="T17" fmla="*/ 467292 h 2156"/>
              <a:gd name="T18" fmla="*/ 43216 w 3217"/>
              <a:gd name="T19" fmla="*/ 496517 h 2156"/>
              <a:gd name="T20" fmla="*/ 71097 w 3217"/>
              <a:gd name="T21" fmla="*/ 516497 h 2156"/>
              <a:gd name="T22" fmla="*/ 105949 w 3217"/>
              <a:gd name="T23" fmla="*/ 525145 h 2156"/>
              <a:gd name="T24" fmla="*/ 132157 w 3217"/>
              <a:gd name="T25" fmla="*/ 542143 h 2156"/>
              <a:gd name="T26" fmla="*/ 188198 w 3217"/>
              <a:gd name="T27" fmla="*/ 587470 h 2156"/>
              <a:gd name="T28" fmla="*/ 227789 w 3217"/>
              <a:gd name="T29" fmla="*/ 601188 h 2156"/>
              <a:gd name="T30" fmla="*/ 270448 w 3217"/>
              <a:gd name="T31" fmla="*/ 603574 h 2156"/>
              <a:gd name="T32" fmla="*/ 312827 w 3217"/>
              <a:gd name="T33" fmla="*/ 595522 h 2156"/>
              <a:gd name="T34" fmla="*/ 347121 w 3217"/>
              <a:gd name="T35" fmla="*/ 588663 h 2156"/>
              <a:gd name="T36" fmla="*/ 400095 w 3217"/>
              <a:gd name="T37" fmla="*/ 630412 h 2156"/>
              <a:gd name="T38" fmla="*/ 464222 w 3217"/>
              <a:gd name="T39" fmla="*/ 642341 h 2156"/>
              <a:gd name="T40" fmla="*/ 507995 w 3217"/>
              <a:gd name="T41" fmla="*/ 633693 h 2156"/>
              <a:gd name="T42" fmla="*/ 545914 w 3217"/>
              <a:gd name="T43" fmla="*/ 612520 h 2156"/>
              <a:gd name="T44" fmla="*/ 576025 w 3217"/>
              <a:gd name="T45" fmla="*/ 580611 h 2156"/>
              <a:gd name="T46" fmla="*/ 592475 w 3217"/>
              <a:gd name="T47" fmla="*/ 546318 h 2156"/>
              <a:gd name="T48" fmla="*/ 651862 w 3217"/>
              <a:gd name="T49" fmla="*/ 563315 h 2156"/>
              <a:gd name="T50" fmla="*/ 697309 w 3217"/>
              <a:gd name="T51" fmla="*/ 556457 h 2156"/>
              <a:gd name="T52" fmla="*/ 736342 w 3217"/>
              <a:gd name="T53" fmla="*/ 533793 h 2156"/>
              <a:gd name="T54" fmla="*/ 764224 w 3217"/>
              <a:gd name="T55" fmla="*/ 498306 h 2156"/>
              <a:gd name="T56" fmla="*/ 775934 w 3217"/>
              <a:gd name="T57" fmla="*/ 453575 h 2156"/>
              <a:gd name="T58" fmla="*/ 813016 w 3217"/>
              <a:gd name="T59" fmla="*/ 436875 h 2156"/>
              <a:gd name="T60" fmla="*/ 854280 w 3217"/>
              <a:gd name="T61" fmla="*/ 410036 h 2156"/>
              <a:gd name="T62" fmla="*/ 882997 w 3217"/>
              <a:gd name="T63" fmla="*/ 371269 h 2156"/>
              <a:gd name="T64" fmla="*/ 896380 w 3217"/>
              <a:gd name="T65" fmla="*/ 324152 h 2156"/>
              <a:gd name="T66" fmla="*/ 892756 w 3217"/>
              <a:gd name="T67" fmla="*/ 277930 h 2156"/>
              <a:gd name="T68" fmla="*/ 874354 w 3217"/>
              <a:gd name="T69" fmla="*/ 237374 h 2156"/>
              <a:gd name="T70" fmla="*/ 874912 w 3217"/>
              <a:gd name="T71" fmla="*/ 201291 h 2156"/>
              <a:gd name="T72" fmla="*/ 874075 w 3217"/>
              <a:gd name="T73" fmla="*/ 162822 h 2156"/>
              <a:gd name="T74" fmla="*/ 861250 w 3217"/>
              <a:gd name="T75" fmla="*/ 130317 h 2156"/>
              <a:gd name="T76" fmla="*/ 835042 w 3217"/>
              <a:gd name="T77" fmla="*/ 100496 h 2156"/>
              <a:gd name="T78" fmla="*/ 799075 w 3217"/>
              <a:gd name="T79" fmla="*/ 82305 h 2156"/>
              <a:gd name="T80" fmla="*/ 787365 w 3217"/>
              <a:gd name="T81" fmla="*/ 55467 h 2156"/>
              <a:gd name="T82" fmla="*/ 767012 w 3217"/>
              <a:gd name="T83" fmla="*/ 28032 h 2156"/>
              <a:gd name="T84" fmla="*/ 734948 w 3217"/>
              <a:gd name="T85" fmla="*/ 7455 h 2156"/>
              <a:gd name="T86" fmla="*/ 700654 w 3217"/>
              <a:gd name="T87" fmla="*/ 0 h 2156"/>
              <a:gd name="T88" fmla="*/ 658275 w 3217"/>
              <a:gd name="T89" fmla="*/ 6859 h 2156"/>
              <a:gd name="T90" fmla="*/ 622587 w 3217"/>
              <a:gd name="T91" fmla="*/ 30119 h 2156"/>
              <a:gd name="T92" fmla="*/ 596379 w 3217"/>
              <a:gd name="T93" fmla="*/ 13718 h 2156"/>
              <a:gd name="T94" fmla="*/ 557903 w 3217"/>
              <a:gd name="T95" fmla="*/ 596 h 2156"/>
              <a:gd name="T96" fmla="*/ 510226 w 3217"/>
              <a:gd name="T97" fmla="*/ 7455 h 2156"/>
              <a:gd name="T98" fmla="*/ 472307 w 3217"/>
              <a:gd name="T99" fmla="*/ 38171 h 2156"/>
              <a:gd name="T100" fmla="*/ 444984 w 3217"/>
              <a:gd name="T101" fmla="*/ 34294 h 2156"/>
              <a:gd name="T102" fmla="*/ 404835 w 3217"/>
              <a:gd name="T103" fmla="*/ 20576 h 2156"/>
              <a:gd name="T104" fmla="*/ 351861 w 3217"/>
              <a:gd name="T105" fmla="*/ 25049 h 2156"/>
              <a:gd name="T106" fmla="*/ 303069 w 3217"/>
              <a:gd name="T107" fmla="*/ 58151 h 2156"/>
              <a:gd name="T108" fmla="*/ 260968 w 3217"/>
              <a:gd name="T109" fmla="*/ 64413 h 2156"/>
              <a:gd name="T110" fmla="*/ 224165 w 3217"/>
              <a:gd name="T111" fmla="*/ 58151 h 2156"/>
              <a:gd name="T112" fmla="*/ 171748 w 3217"/>
              <a:gd name="T113" fmla="*/ 66799 h 2156"/>
              <a:gd name="T114" fmla="*/ 125187 w 3217"/>
              <a:gd name="T115" fmla="*/ 93637 h 2156"/>
              <a:gd name="T116" fmla="*/ 92844 w 3217"/>
              <a:gd name="T117" fmla="*/ 135983 h 2156"/>
              <a:gd name="T118" fmla="*/ 79740 w 3217"/>
              <a:gd name="T119" fmla="*/ 188169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3217" h="2156">
                <a:moveTo>
                  <a:pt x="291" y="715"/>
                </a:moveTo>
                <a:lnTo>
                  <a:pt x="276" y="717"/>
                </a:lnTo>
                <a:lnTo>
                  <a:pt x="261" y="719"/>
                </a:lnTo>
                <a:lnTo>
                  <a:pt x="245" y="723"/>
                </a:lnTo>
                <a:lnTo>
                  <a:pt x="230" y="727"/>
                </a:lnTo>
                <a:lnTo>
                  <a:pt x="216" y="731"/>
                </a:lnTo>
                <a:lnTo>
                  <a:pt x="203" y="736"/>
                </a:lnTo>
                <a:lnTo>
                  <a:pt x="188" y="742"/>
                </a:lnTo>
                <a:lnTo>
                  <a:pt x="176" y="748"/>
                </a:lnTo>
                <a:lnTo>
                  <a:pt x="163" y="754"/>
                </a:lnTo>
                <a:lnTo>
                  <a:pt x="149" y="761"/>
                </a:lnTo>
                <a:lnTo>
                  <a:pt x="138" y="769"/>
                </a:lnTo>
                <a:lnTo>
                  <a:pt x="126" y="777"/>
                </a:lnTo>
                <a:lnTo>
                  <a:pt x="103" y="794"/>
                </a:lnTo>
                <a:lnTo>
                  <a:pt x="94" y="802"/>
                </a:lnTo>
                <a:lnTo>
                  <a:pt x="84" y="813"/>
                </a:lnTo>
                <a:lnTo>
                  <a:pt x="74" y="823"/>
                </a:lnTo>
                <a:lnTo>
                  <a:pt x="65" y="832"/>
                </a:lnTo>
                <a:lnTo>
                  <a:pt x="55" y="844"/>
                </a:lnTo>
                <a:lnTo>
                  <a:pt x="48" y="855"/>
                </a:lnTo>
                <a:lnTo>
                  <a:pt x="40" y="867"/>
                </a:lnTo>
                <a:lnTo>
                  <a:pt x="34" y="878"/>
                </a:lnTo>
                <a:lnTo>
                  <a:pt x="28" y="890"/>
                </a:lnTo>
                <a:lnTo>
                  <a:pt x="23" y="903"/>
                </a:lnTo>
                <a:lnTo>
                  <a:pt x="17" y="915"/>
                </a:lnTo>
                <a:lnTo>
                  <a:pt x="13" y="928"/>
                </a:lnTo>
                <a:lnTo>
                  <a:pt x="9" y="942"/>
                </a:lnTo>
                <a:lnTo>
                  <a:pt x="5" y="955"/>
                </a:lnTo>
                <a:lnTo>
                  <a:pt x="4" y="968"/>
                </a:lnTo>
                <a:lnTo>
                  <a:pt x="2" y="984"/>
                </a:lnTo>
                <a:lnTo>
                  <a:pt x="0" y="997"/>
                </a:lnTo>
                <a:lnTo>
                  <a:pt x="0" y="1011"/>
                </a:lnTo>
                <a:lnTo>
                  <a:pt x="0" y="1030"/>
                </a:lnTo>
                <a:lnTo>
                  <a:pt x="2" y="1051"/>
                </a:lnTo>
                <a:lnTo>
                  <a:pt x="5" y="1070"/>
                </a:lnTo>
                <a:lnTo>
                  <a:pt x="11" y="1087"/>
                </a:lnTo>
                <a:lnTo>
                  <a:pt x="17" y="1107"/>
                </a:lnTo>
                <a:lnTo>
                  <a:pt x="25" y="1124"/>
                </a:lnTo>
                <a:lnTo>
                  <a:pt x="32" y="1141"/>
                </a:lnTo>
                <a:lnTo>
                  <a:pt x="42" y="1158"/>
                </a:lnTo>
                <a:lnTo>
                  <a:pt x="53" y="1174"/>
                </a:lnTo>
                <a:lnTo>
                  <a:pt x="65" y="1191"/>
                </a:lnTo>
                <a:lnTo>
                  <a:pt x="78" y="1204"/>
                </a:lnTo>
                <a:lnTo>
                  <a:pt x="94" y="1220"/>
                </a:lnTo>
                <a:lnTo>
                  <a:pt x="109" y="1233"/>
                </a:lnTo>
                <a:lnTo>
                  <a:pt x="124" y="1245"/>
                </a:lnTo>
                <a:lnTo>
                  <a:pt x="142" y="1256"/>
                </a:lnTo>
                <a:lnTo>
                  <a:pt x="161" y="1268"/>
                </a:lnTo>
                <a:lnTo>
                  <a:pt x="159" y="1264"/>
                </a:lnTo>
                <a:lnTo>
                  <a:pt x="147" y="1273"/>
                </a:lnTo>
                <a:lnTo>
                  <a:pt x="138" y="1285"/>
                </a:lnTo>
                <a:lnTo>
                  <a:pt x="130" y="1297"/>
                </a:lnTo>
                <a:lnTo>
                  <a:pt x="121" y="1308"/>
                </a:lnTo>
                <a:lnTo>
                  <a:pt x="113" y="1320"/>
                </a:lnTo>
                <a:lnTo>
                  <a:pt x="105" y="1331"/>
                </a:lnTo>
                <a:lnTo>
                  <a:pt x="99" y="1344"/>
                </a:lnTo>
                <a:lnTo>
                  <a:pt x="94" y="1358"/>
                </a:lnTo>
                <a:lnTo>
                  <a:pt x="88" y="1369"/>
                </a:lnTo>
                <a:lnTo>
                  <a:pt x="84" y="1383"/>
                </a:lnTo>
                <a:lnTo>
                  <a:pt x="80" y="1396"/>
                </a:lnTo>
                <a:lnTo>
                  <a:pt x="76" y="1410"/>
                </a:lnTo>
                <a:lnTo>
                  <a:pt x="74" y="1423"/>
                </a:lnTo>
                <a:lnTo>
                  <a:pt x="73" y="1437"/>
                </a:lnTo>
                <a:lnTo>
                  <a:pt x="71" y="1452"/>
                </a:lnTo>
                <a:lnTo>
                  <a:pt x="71" y="1465"/>
                </a:lnTo>
                <a:lnTo>
                  <a:pt x="71" y="1481"/>
                </a:lnTo>
                <a:lnTo>
                  <a:pt x="73" y="1496"/>
                </a:lnTo>
                <a:lnTo>
                  <a:pt x="74" y="1511"/>
                </a:lnTo>
                <a:lnTo>
                  <a:pt x="76" y="1525"/>
                </a:lnTo>
                <a:lnTo>
                  <a:pt x="80" y="1540"/>
                </a:lnTo>
                <a:lnTo>
                  <a:pt x="86" y="1554"/>
                </a:lnTo>
                <a:lnTo>
                  <a:pt x="90" y="1567"/>
                </a:lnTo>
                <a:lnTo>
                  <a:pt x="96" y="1580"/>
                </a:lnTo>
                <a:lnTo>
                  <a:pt x="103" y="1594"/>
                </a:lnTo>
                <a:lnTo>
                  <a:pt x="109" y="1607"/>
                </a:lnTo>
                <a:lnTo>
                  <a:pt x="119" y="1619"/>
                </a:lnTo>
                <a:lnTo>
                  <a:pt x="126" y="1630"/>
                </a:lnTo>
                <a:lnTo>
                  <a:pt x="136" y="1642"/>
                </a:lnTo>
                <a:lnTo>
                  <a:pt x="145" y="1653"/>
                </a:lnTo>
                <a:lnTo>
                  <a:pt x="155" y="1665"/>
                </a:lnTo>
                <a:lnTo>
                  <a:pt x="167" y="1674"/>
                </a:lnTo>
                <a:lnTo>
                  <a:pt x="176" y="1684"/>
                </a:lnTo>
                <a:lnTo>
                  <a:pt x="190" y="1694"/>
                </a:lnTo>
                <a:lnTo>
                  <a:pt x="201" y="1701"/>
                </a:lnTo>
                <a:lnTo>
                  <a:pt x="215" y="1711"/>
                </a:lnTo>
                <a:lnTo>
                  <a:pt x="226" y="1719"/>
                </a:lnTo>
                <a:lnTo>
                  <a:pt x="241" y="1724"/>
                </a:lnTo>
                <a:lnTo>
                  <a:pt x="255" y="1732"/>
                </a:lnTo>
                <a:lnTo>
                  <a:pt x="268" y="1738"/>
                </a:lnTo>
                <a:lnTo>
                  <a:pt x="284" y="1743"/>
                </a:lnTo>
                <a:lnTo>
                  <a:pt x="299" y="1747"/>
                </a:lnTo>
                <a:lnTo>
                  <a:pt x="314" y="1751"/>
                </a:lnTo>
                <a:lnTo>
                  <a:pt x="330" y="1755"/>
                </a:lnTo>
                <a:lnTo>
                  <a:pt x="345" y="1757"/>
                </a:lnTo>
                <a:lnTo>
                  <a:pt x="362" y="1759"/>
                </a:lnTo>
                <a:lnTo>
                  <a:pt x="380" y="1761"/>
                </a:lnTo>
                <a:lnTo>
                  <a:pt x="395" y="1761"/>
                </a:lnTo>
                <a:lnTo>
                  <a:pt x="414" y="1761"/>
                </a:lnTo>
                <a:lnTo>
                  <a:pt x="433" y="1759"/>
                </a:lnTo>
                <a:lnTo>
                  <a:pt x="431" y="1761"/>
                </a:lnTo>
                <a:lnTo>
                  <a:pt x="441" y="1776"/>
                </a:lnTo>
                <a:lnTo>
                  <a:pt x="452" y="1791"/>
                </a:lnTo>
                <a:lnTo>
                  <a:pt x="462" y="1805"/>
                </a:lnTo>
                <a:lnTo>
                  <a:pt x="474" y="1818"/>
                </a:lnTo>
                <a:lnTo>
                  <a:pt x="498" y="1845"/>
                </a:lnTo>
                <a:lnTo>
                  <a:pt x="523" y="1872"/>
                </a:lnTo>
                <a:lnTo>
                  <a:pt x="550" y="1895"/>
                </a:lnTo>
                <a:lnTo>
                  <a:pt x="581" y="1916"/>
                </a:lnTo>
                <a:lnTo>
                  <a:pt x="610" y="1937"/>
                </a:lnTo>
                <a:lnTo>
                  <a:pt x="642" y="1955"/>
                </a:lnTo>
                <a:lnTo>
                  <a:pt x="658" y="1962"/>
                </a:lnTo>
                <a:lnTo>
                  <a:pt x="675" y="1970"/>
                </a:lnTo>
                <a:lnTo>
                  <a:pt x="692" y="1978"/>
                </a:lnTo>
                <a:lnTo>
                  <a:pt x="710" y="1985"/>
                </a:lnTo>
                <a:lnTo>
                  <a:pt x="727" y="1991"/>
                </a:lnTo>
                <a:lnTo>
                  <a:pt x="744" y="1997"/>
                </a:lnTo>
                <a:lnTo>
                  <a:pt x="761" y="2002"/>
                </a:lnTo>
                <a:lnTo>
                  <a:pt x="781" y="2006"/>
                </a:lnTo>
                <a:lnTo>
                  <a:pt x="798" y="2012"/>
                </a:lnTo>
                <a:lnTo>
                  <a:pt x="817" y="2016"/>
                </a:lnTo>
                <a:lnTo>
                  <a:pt x="836" y="2018"/>
                </a:lnTo>
                <a:lnTo>
                  <a:pt x="853" y="2022"/>
                </a:lnTo>
                <a:lnTo>
                  <a:pt x="873" y="2024"/>
                </a:lnTo>
                <a:lnTo>
                  <a:pt x="892" y="2024"/>
                </a:lnTo>
                <a:lnTo>
                  <a:pt x="911" y="2026"/>
                </a:lnTo>
                <a:lnTo>
                  <a:pt x="930" y="2026"/>
                </a:lnTo>
                <a:lnTo>
                  <a:pt x="949" y="2026"/>
                </a:lnTo>
                <a:lnTo>
                  <a:pt x="970" y="2024"/>
                </a:lnTo>
                <a:lnTo>
                  <a:pt x="990" y="2024"/>
                </a:lnTo>
                <a:lnTo>
                  <a:pt x="1009" y="2022"/>
                </a:lnTo>
                <a:lnTo>
                  <a:pt x="1028" y="2018"/>
                </a:lnTo>
                <a:lnTo>
                  <a:pt x="1047" y="2014"/>
                </a:lnTo>
                <a:lnTo>
                  <a:pt x="1066" y="2010"/>
                </a:lnTo>
                <a:lnTo>
                  <a:pt x="1084" y="2006"/>
                </a:lnTo>
                <a:lnTo>
                  <a:pt x="1103" y="2001"/>
                </a:lnTo>
                <a:lnTo>
                  <a:pt x="1122" y="1997"/>
                </a:lnTo>
                <a:lnTo>
                  <a:pt x="1139" y="1989"/>
                </a:lnTo>
                <a:lnTo>
                  <a:pt x="1157" y="1983"/>
                </a:lnTo>
                <a:lnTo>
                  <a:pt x="1176" y="1976"/>
                </a:lnTo>
                <a:lnTo>
                  <a:pt x="1193" y="1968"/>
                </a:lnTo>
                <a:lnTo>
                  <a:pt x="1210" y="1958"/>
                </a:lnTo>
                <a:lnTo>
                  <a:pt x="1228" y="1951"/>
                </a:lnTo>
                <a:lnTo>
                  <a:pt x="1226" y="1951"/>
                </a:lnTo>
                <a:lnTo>
                  <a:pt x="1245" y="1974"/>
                </a:lnTo>
                <a:lnTo>
                  <a:pt x="1264" y="1997"/>
                </a:lnTo>
                <a:lnTo>
                  <a:pt x="1285" y="2018"/>
                </a:lnTo>
                <a:lnTo>
                  <a:pt x="1306" y="2037"/>
                </a:lnTo>
                <a:lnTo>
                  <a:pt x="1331" y="2054"/>
                </a:lnTo>
                <a:lnTo>
                  <a:pt x="1354" y="2072"/>
                </a:lnTo>
                <a:lnTo>
                  <a:pt x="1381" y="2087"/>
                </a:lnTo>
                <a:lnTo>
                  <a:pt x="1406" y="2100"/>
                </a:lnTo>
                <a:lnTo>
                  <a:pt x="1435" y="2114"/>
                </a:lnTo>
                <a:lnTo>
                  <a:pt x="1462" y="2123"/>
                </a:lnTo>
                <a:lnTo>
                  <a:pt x="1492" y="2133"/>
                </a:lnTo>
                <a:lnTo>
                  <a:pt x="1521" y="2141"/>
                </a:lnTo>
                <a:lnTo>
                  <a:pt x="1552" y="2146"/>
                </a:lnTo>
                <a:lnTo>
                  <a:pt x="1582" y="2152"/>
                </a:lnTo>
                <a:lnTo>
                  <a:pt x="1613" y="2154"/>
                </a:lnTo>
                <a:lnTo>
                  <a:pt x="1644" y="2156"/>
                </a:lnTo>
                <a:lnTo>
                  <a:pt x="1665" y="2154"/>
                </a:lnTo>
                <a:lnTo>
                  <a:pt x="1686" y="2154"/>
                </a:lnTo>
                <a:lnTo>
                  <a:pt x="1705" y="2152"/>
                </a:lnTo>
                <a:lnTo>
                  <a:pt x="1726" y="2148"/>
                </a:lnTo>
                <a:lnTo>
                  <a:pt x="1746" y="2146"/>
                </a:lnTo>
                <a:lnTo>
                  <a:pt x="1765" y="2141"/>
                </a:lnTo>
                <a:lnTo>
                  <a:pt x="1784" y="2137"/>
                </a:lnTo>
                <a:lnTo>
                  <a:pt x="1803" y="2131"/>
                </a:lnTo>
                <a:lnTo>
                  <a:pt x="1822" y="2125"/>
                </a:lnTo>
                <a:lnTo>
                  <a:pt x="1841" y="2118"/>
                </a:lnTo>
                <a:lnTo>
                  <a:pt x="1859" y="2110"/>
                </a:lnTo>
                <a:lnTo>
                  <a:pt x="1876" y="2102"/>
                </a:lnTo>
                <a:lnTo>
                  <a:pt x="1893" y="2095"/>
                </a:lnTo>
                <a:lnTo>
                  <a:pt x="1911" y="2085"/>
                </a:lnTo>
                <a:lnTo>
                  <a:pt x="1928" y="2075"/>
                </a:lnTo>
                <a:lnTo>
                  <a:pt x="1943" y="2064"/>
                </a:lnTo>
                <a:lnTo>
                  <a:pt x="1958" y="2054"/>
                </a:lnTo>
                <a:lnTo>
                  <a:pt x="1974" y="2041"/>
                </a:lnTo>
                <a:lnTo>
                  <a:pt x="1989" y="2029"/>
                </a:lnTo>
                <a:lnTo>
                  <a:pt x="2003" y="2018"/>
                </a:lnTo>
                <a:lnTo>
                  <a:pt x="2016" y="2004"/>
                </a:lnTo>
                <a:lnTo>
                  <a:pt x="2029" y="1991"/>
                </a:lnTo>
                <a:lnTo>
                  <a:pt x="2043" y="1976"/>
                </a:lnTo>
                <a:lnTo>
                  <a:pt x="2054" y="1960"/>
                </a:lnTo>
                <a:lnTo>
                  <a:pt x="2066" y="1947"/>
                </a:lnTo>
                <a:lnTo>
                  <a:pt x="2076" y="1930"/>
                </a:lnTo>
                <a:lnTo>
                  <a:pt x="2085" y="1914"/>
                </a:lnTo>
                <a:lnTo>
                  <a:pt x="2095" y="1899"/>
                </a:lnTo>
                <a:lnTo>
                  <a:pt x="2104" y="1882"/>
                </a:lnTo>
                <a:lnTo>
                  <a:pt x="2112" y="1864"/>
                </a:lnTo>
                <a:lnTo>
                  <a:pt x="2118" y="1847"/>
                </a:lnTo>
                <a:lnTo>
                  <a:pt x="2125" y="1828"/>
                </a:lnTo>
                <a:lnTo>
                  <a:pt x="2125" y="1832"/>
                </a:lnTo>
                <a:lnTo>
                  <a:pt x="2152" y="1845"/>
                </a:lnTo>
                <a:lnTo>
                  <a:pt x="2179" y="1857"/>
                </a:lnTo>
                <a:lnTo>
                  <a:pt x="2206" y="1866"/>
                </a:lnTo>
                <a:lnTo>
                  <a:pt x="2235" y="1876"/>
                </a:lnTo>
                <a:lnTo>
                  <a:pt x="2264" y="1882"/>
                </a:lnTo>
                <a:lnTo>
                  <a:pt x="2294" y="1887"/>
                </a:lnTo>
                <a:lnTo>
                  <a:pt x="2323" y="1889"/>
                </a:lnTo>
                <a:lnTo>
                  <a:pt x="2338" y="1889"/>
                </a:lnTo>
                <a:lnTo>
                  <a:pt x="2354" y="1891"/>
                </a:lnTo>
                <a:lnTo>
                  <a:pt x="2377" y="1889"/>
                </a:lnTo>
                <a:lnTo>
                  <a:pt x="2398" y="1887"/>
                </a:lnTo>
                <a:lnTo>
                  <a:pt x="2419" y="1885"/>
                </a:lnTo>
                <a:lnTo>
                  <a:pt x="2440" y="1882"/>
                </a:lnTo>
                <a:lnTo>
                  <a:pt x="2461" y="1878"/>
                </a:lnTo>
                <a:lnTo>
                  <a:pt x="2480" y="1872"/>
                </a:lnTo>
                <a:lnTo>
                  <a:pt x="2501" y="1866"/>
                </a:lnTo>
                <a:lnTo>
                  <a:pt x="2521" y="1861"/>
                </a:lnTo>
                <a:lnTo>
                  <a:pt x="2540" y="1853"/>
                </a:lnTo>
                <a:lnTo>
                  <a:pt x="2559" y="1843"/>
                </a:lnTo>
                <a:lnTo>
                  <a:pt x="2576" y="1834"/>
                </a:lnTo>
                <a:lnTo>
                  <a:pt x="2594" y="1824"/>
                </a:lnTo>
                <a:lnTo>
                  <a:pt x="2611" y="1813"/>
                </a:lnTo>
                <a:lnTo>
                  <a:pt x="2626" y="1801"/>
                </a:lnTo>
                <a:lnTo>
                  <a:pt x="2641" y="1790"/>
                </a:lnTo>
                <a:lnTo>
                  <a:pt x="2657" y="1776"/>
                </a:lnTo>
                <a:lnTo>
                  <a:pt x="2672" y="1763"/>
                </a:lnTo>
                <a:lnTo>
                  <a:pt x="2686" y="1749"/>
                </a:lnTo>
                <a:lnTo>
                  <a:pt x="2697" y="1734"/>
                </a:lnTo>
                <a:lnTo>
                  <a:pt x="2711" y="1719"/>
                </a:lnTo>
                <a:lnTo>
                  <a:pt x="2722" y="1703"/>
                </a:lnTo>
                <a:lnTo>
                  <a:pt x="2732" y="1686"/>
                </a:lnTo>
                <a:lnTo>
                  <a:pt x="2741" y="1671"/>
                </a:lnTo>
                <a:lnTo>
                  <a:pt x="2749" y="1653"/>
                </a:lnTo>
                <a:lnTo>
                  <a:pt x="2759" y="1634"/>
                </a:lnTo>
                <a:lnTo>
                  <a:pt x="2764" y="1617"/>
                </a:lnTo>
                <a:lnTo>
                  <a:pt x="2770" y="1598"/>
                </a:lnTo>
                <a:lnTo>
                  <a:pt x="2776" y="1580"/>
                </a:lnTo>
                <a:lnTo>
                  <a:pt x="2780" y="1561"/>
                </a:lnTo>
                <a:lnTo>
                  <a:pt x="2782" y="1540"/>
                </a:lnTo>
                <a:lnTo>
                  <a:pt x="2783" y="1521"/>
                </a:lnTo>
                <a:lnTo>
                  <a:pt x="2785" y="1502"/>
                </a:lnTo>
                <a:lnTo>
                  <a:pt x="2783" y="1500"/>
                </a:lnTo>
                <a:lnTo>
                  <a:pt x="2806" y="1496"/>
                </a:lnTo>
                <a:lnTo>
                  <a:pt x="2830" y="1492"/>
                </a:lnTo>
                <a:lnTo>
                  <a:pt x="2853" y="1486"/>
                </a:lnTo>
                <a:lnTo>
                  <a:pt x="2874" y="1481"/>
                </a:lnTo>
                <a:lnTo>
                  <a:pt x="2895" y="1473"/>
                </a:lnTo>
                <a:lnTo>
                  <a:pt x="2916" y="1465"/>
                </a:lnTo>
                <a:lnTo>
                  <a:pt x="2937" y="1456"/>
                </a:lnTo>
                <a:lnTo>
                  <a:pt x="2956" y="1448"/>
                </a:lnTo>
                <a:lnTo>
                  <a:pt x="2975" y="1437"/>
                </a:lnTo>
                <a:lnTo>
                  <a:pt x="2995" y="1425"/>
                </a:lnTo>
                <a:lnTo>
                  <a:pt x="3012" y="1414"/>
                </a:lnTo>
                <a:lnTo>
                  <a:pt x="3031" y="1402"/>
                </a:lnTo>
                <a:lnTo>
                  <a:pt x="3046" y="1389"/>
                </a:lnTo>
                <a:lnTo>
                  <a:pt x="3064" y="1375"/>
                </a:lnTo>
                <a:lnTo>
                  <a:pt x="3079" y="1360"/>
                </a:lnTo>
                <a:lnTo>
                  <a:pt x="3094" y="1346"/>
                </a:lnTo>
                <a:lnTo>
                  <a:pt x="3108" y="1331"/>
                </a:lnTo>
                <a:lnTo>
                  <a:pt x="3121" y="1314"/>
                </a:lnTo>
                <a:lnTo>
                  <a:pt x="3135" y="1298"/>
                </a:lnTo>
                <a:lnTo>
                  <a:pt x="3146" y="1281"/>
                </a:lnTo>
                <a:lnTo>
                  <a:pt x="3156" y="1264"/>
                </a:lnTo>
                <a:lnTo>
                  <a:pt x="3167" y="1245"/>
                </a:lnTo>
                <a:lnTo>
                  <a:pt x="3177" y="1227"/>
                </a:lnTo>
                <a:lnTo>
                  <a:pt x="3184" y="1208"/>
                </a:lnTo>
                <a:lnTo>
                  <a:pt x="3192" y="1189"/>
                </a:lnTo>
                <a:lnTo>
                  <a:pt x="3198" y="1168"/>
                </a:lnTo>
                <a:lnTo>
                  <a:pt x="3204" y="1149"/>
                </a:lnTo>
                <a:lnTo>
                  <a:pt x="3209" y="1128"/>
                </a:lnTo>
                <a:lnTo>
                  <a:pt x="3213" y="1109"/>
                </a:lnTo>
                <a:lnTo>
                  <a:pt x="3215" y="1087"/>
                </a:lnTo>
                <a:lnTo>
                  <a:pt x="3217" y="1066"/>
                </a:lnTo>
                <a:lnTo>
                  <a:pt x="3217" y="1045"/>
                </a:lnTo>
                <a:lnTo>
                  <a:pt x="3217" y="1026"/>
                </a:lnTo>
                <a:lnTo>
                  <a:pt x="3215" y="1007"/>
                </a:lnTo>
                <a:lnTo>
                  <a:pt x="3213" y="988"/>
                </a:lnTo>
                <a:lnTo>
                  <a:pt x="3209" y="968"/>
                </a:lnTo>
                <a:lnTo>
                  <a:pt x="3206" y="951"/>
                </a:lnTo>
                <a:lnTo>
                  <a:pt x="3202" y="932"/>
                </a:lnTo>
                <a:lnTo>
                  <a:pt x="3196" y="915"/>
                </a:lnTo>
                <a:lnTo>
                  <a:pt x="3190" y="896"/>
                </a:lnTo>
                <a:lnTo>
                  <a:pt x="3183" y="878"/>
                </a:lnTo>
                <a:lnTo>
                  <a:pt x="3175" y="861"/>
                </a:lnTo>
                <a:lnTo>
                  <a:pt x="3167" y="844"/>
                </a:lnTo>
                <a:lnTo>
                  <a:pt x="3158" y="828"/>
                </a:lnTo>
                <a:lnTo>
                  <a:pt x="3148" y="811"/>
                </a:lnTo>
                <a:lnTo>
                  <a:pt x="3136" y="796"/>
                </a:lnTo>
                <a:lnTo>
                  <a:pt x="3125" y="779"/>
                </a:lnTo>
                <a:lnTo>
                  <a:pt x="3113" y="765"/>
                </a:lnTo>
                <a:lnTo>
                  <a:pt x="3112" y="763"/>
                </a:lnTo>
                <a:lnTo>
                  <a:pt x="3119" y="746"/>
                </a:lnTo>
                <a:lnTo>
                  <a:pt x="3125" y="729"/>
                </a:lnTo>
                <a:lnTo>
                  <a:pt x="3131" y="711"/>
                </a:lnTo>
                <a:lnTo>
                  <a:pt x="3136" y="694"/>
                </a:lnTo>
                <a:lnTo>
                  <a:pt x="3138" y="675"/>
                </a:lnTo>
                <a:lnTo>
                  <a:pt x="3142" y="658"/>
                </a:lnTo>
                <a:lnTo>
                  <a:pt x="3144" y="638"/>
                </a:lnTo>
                <a:lnTo>
                  <a:pt x="3144" y="621"/>
                </a:lnTo>
                <a:lnTo>
                  <a:pt x="3144" y="606"/>
                </a:lnTo>
                <a:lnTo>
                  <a:pt x="3142" y="591"/>
                </a:lnTo>
                <a:lnTo>
                  <a:pt x="3140" y="575"/>
                </a:lnTo>
                <a:lnTo>
                  <a:pt x="3138" y="560"/>
                </a:lnTo>
                <a:lnTo>
                  <a:pt x="3135" y="546"/>
                </a:lnTo>
                <a:lnTo>
                  <a:pt x="3131" y="531"/>
                </a:lnTo>
                <a:lnTo>
                  <a:pt x="3127" y="518"/>
                </a:lnTo>
                <a:lnTo>
                  <a:pt x="3123" y="502"/>
                </a:lnTo>
                <a:lnTo>
                  <a:pt x="3117" y="489"/>
                </a:lnTo>
                <a:lnTo>
                  <a:pt x="3112" y="475"/>
                </a:lnTo>
                <a:lnTo>
                  <a:pt x="3104" y="462"/>
                </a:lnTo>
                <a:lnTo>
                  <a:pt x="3096" y="449"/>
                </a:lnTo>
                <a:lnTo>
                  <a:pt x="3089" y="437"/>
                </a:lnTo>
                <a:lnTo>
                  <a:pt x="3081" y="424"/>
                </a:lnTo>
                <a:lnTo>
                  <a:pt x="3071" y="412"/>
                </a:lnTo>
                <a:lnTo>
                  <a:pt x="3062" y="401"/>
                </a:lnTo>
                <a:lnTo>
                  <a:pt x="3052" y="389"/>
                </a:lnTo>
                <a:lnTo>
                  <a:pt x="3042" y="378"/>
                </a:lnTo>
                <a:lnTo>
                  <a:pt x="3031" y="368"/>
                </a:lnTo>
                <a:lnTo>
                  <a:pt x="3019" y="356"/>
                </a:lnTo>
                <a:lnTo>
                  <a:pt x="2995" y="337"/>
                </a:lnTo>
                <a:lnTo>
                  <a:pt x="2970" y="320"/>
                </a:lnTo>
                <a:lnTo>
                  <a:pt x="2956" y="312"/>
                </a:lnTo>
                <a:lnTo>
                  <a:pt x="2943" y="305"/>
                </a:lnTo>
                <a:lnTo>
                  <a:pt x="2927" y="297"/>
                </a:lnTo>
                <a:lnTo>
                  <a:pt x="2912" y="291"/>
                </a:lnTo>
                <a:lnTo>
                  <a:pt x="2899" y="286"/>
                </a:lnTo>
                <a:lnTo>
                  <a:pt x="2883" y="280"/>
                </a:lnTo>
                <a:lnTo>
                  <a:pt x="2866" y="276"/>
                </a:lnTo>
                <a:lnTo>
                  <a:pt x="2851" y="270"/>
                </a:lnTo>
                <a:lnTo>
                  <a:pt x="2853" y="270"/>
                </a:lnTo>
                <a:lnTo>
                  <a:pt x="2849" y="255"/>
                </a:lnTo>
                <a:lnTo>
                  <a:pt x="2845" y="241"/>
                </a:lnTo>
                <a:lnTo>
                  <a:pt x="2841" y="226"/>
                </a:lnTo>
                <a:lnTo>
                  <a:pt x="2835" y="213"/>
                </a:lnTo>
                <a:lnTo>
                  <a:pt x="2830" y="199"/>
                </a:lnTo>
                <a:lnTo>
                  <a:pt x="2824" y="186"/>
                </a:lnTo>
                <a:lnTo>
                  <a:pt x="2816" y="174"/>
                </a:lnTo>
                <a:lnTo>
                  <a:pt x="2808" y="161"/>
                </a:lnTo>
                <a:lnTo>
                  <a:pt x="2801" y="149"/>
                </a:lnTo>
                <a:lnTo>
                  <a:pt x="2791" y="138"/>
                </a:lnTo>
                <a:lnTo>
                  <a:pt x="2782" y="126"/>
                </a:lnTo>
                <a:lnTo>
                  <a:pt x="2772" y="115"/>
                </a:lnTo>
                <a:lnTo>
                  <a:pt x="2762" y="105"/>
                </a:lnTo>
                <a:lnTo>
                  <a:pt x="2751" y="94"/>
                </a:lnTo>
                <a:lnTo>
                  <a:pt x="2728" y="76"/>
                </a:lnTo>
                <a:lnTo>
                  <a:pt x="2716" y="67"/>
                </a:lnTo>
                <a:lnTo>
                  <a:pt x="2703" y="59"/>
                </a:lnTo>
                <a:lnTo>
                  <a:pt x="2691" y="51"/>
                </a:lnTo>
                <a:lnTo>
                  <a:pt x="2678" y="44"/>
                </a:lnTo>
                <a:lnTo>
                  <a:pt x="2665" y="36"/>
                </a:lnTo>
                <a:lnTo>
                  <a:pt x="2651" y="30"/>
                </a:lnTo>
                <a:lnTo>
                  <a:pt x="2636" y="25"/>
                </a:lnTo>
                <a:lnTo>
                  <a:pt x="2622" y="19"/>
                </a:lnTo>
                <a:lnTo>
                  <a:pt x="2607" y="15"/>
                </a:lnTo>
                <a:lnTo>
                  <a:pt x="2592" y="11"/>
                </a:lnTo>
                <a:lnTo>
                  <a:pt x="2576" y="7"/>
                </a:lnTo>
                <a:lnTo>
                  <a:pt x="2561" y="4"/>
                </a:lnTo>
                <a:lnTo>
                  <a:pt x="2546" y="2"/>
                </a:lnTo>
                <a:lnTo>
                  <a:pt x="2528" y="0"/>
                </a:lnTo>
                <a:lnTo>
                  <a:pt x="2513" y="0"/>
                </a:lnTo>
                <a:lnTo>
                  <a:pt x="2496" y="0"/>
                </a:lnTo>
                <a:lnTo>
                  <a:pt x="2477" y="0"/>
                </a:lnTo>
                <a:lnTo>
                  <a:pt x="2457" y="2"/>
                </a:lnTo>
                <a:lnTo>
                  <a:pt x="2436" y="4"/>
                </a:lnTo>
                <a:lnTo>
                  <a:pt x="2417" y="7"/>
                </a:lnTo>
                <a:lnTo>
                  <a:pt x="2400" y="11"/>
                </a:lnTo>
                <a:lnTo>
                  <a:pt x="2381" y="17"/>
                </a:lnTo>
                <a:lnTo>
                  <a:pt x="2361" y="23"/>
                </a:lnTo>
                <a:lnTo>
                  <a:pt x="2344" y="28"/>
                </a:lnTo>
                <a:lnTo>
                  <a:pt x="2327" y="38"/>
                </a:lnTo>
                <a:lnTo>
                  <a:pt x="2310" y="46"/>
                </a:lnTo>
                <a:lnTo>
                  <a:pt x="2294" y="55"/>
                </a:lnTo>
                <a:lnTo>
                  <a:pt x="2277" y="67"/>
                </a:lnTo>
                <a:lnTo>
                  <a:pt x="2262" y="76"/>
                </a:lnTo>
                <a:lnTo>
                  <a:pt x="2248" y="90"/>
                </a:lnTo>
                <a:lnTo>
                  <a:pt x="2233" y="101"/>
                </a:lnTo>
                <a:lnTo>
                  <a:pt x="2221" y="115"/>
                </a:lnTo>
                <a:lnTo>
                  <a:pt x="2221" y="117"/>
                </a:lnTo>
                <a:lnTo>
                  <a:pt x="2210" y="103"/>
                </a:lnTo>
                <a:lnTo>
                  <a:pt x="2196" y="90"/>
                </a:lnTo>
                <a:lnTo>
                  <a:pt x="2183" y="78"/>
                </a:lnTo>
                <a:lnTo>
                  <a:pt x="2170" y="67"/>
                </a:lnTo>
                <a:lnTo>
                  <a:pt x="2154" y="55"/>
                </a:lnTo>
                <a:lnTo>
                  <a:pt x="2139" y="46"/>
                </a:lnTo>
                <a:lnTo>
                  <a:pt x="2123" y="38"/>
                </a:lnTo>
                <a:lnTo>
                  <a:pt x="2106" y="30"/>
                </a:lnTo>
                <a:lnTo>
                  <a:pt x="2089" y="23"/>
                </a:lnTo>
                <a:lnTo>
                  <a:pt x="2072" y="17"/>
                </a:lnTo>
                <a:lnTo>
                  <a:pt x="2054" y="11"/>
                </a:lnTo>
                <a:lnTo>
                  <a:pt x="2037" y="7"/>
                </a:lnTo>
                <a:lnTo>
                  <a:pt x="2018" y="4"/>
                </a:lnTo>
                <a:lnTo>
                  <a:pt x="2001" y="2"/>
                </a:lnTo>
                <a:lnTo>
                  <a:pt x="1982" y="0"/>
                </a:lnTo>
                <a:lnTo>
                  <a:pt x="1962" y="0"/>
                </a:lnTo>
                <a:lnTo>
                  <a:pt x="1939" y="0"/>
                </a:lnTo>
                <a:lnTo>
                  <a:pt x="1916" y="2"/>
                </a:lnTo>
                <a:lnTo>
                  <a:pt x="1895" y="5"/>
                </a:lnTo>
                <a:lnTo>
                  <a:pt x="1872" y="11"/>
                </a:lnTo>
                <a:lnTo>
                  <a:pt x="1851" y="17"/>
                </a:lnTo>
                <a:lnTo>
                  <a:pt x="1830" y="25"/>
                </a:lnTo>
                <a:lnTo>
                  <a:pt x="1811" y="32"/>
                </a:lnTo>
                <a:lnTo>
                  <a:pt x="1792" y="44"/>
                </a:lnTo>
                <a:lnTo>
                  <a:pt x="1772" y="55"/>
                </a:lnTo>
                <a:lnTo>
                  <a:pt x="1755" y="67"/>
                </a:lnTo>
                <a:lnTo>
                  <a:pt x="1738" y="80"/>
                </a:lnTo>
                <a:lnTo>
                  <a:pt x="1723" y="96"/>
                </a:lnTo>
                <a:lnTo>
                  <a:pt x="1707" y="111"/>
                </a:lnTo>
                <a:lnTo>
                  <a:pt x="1694" y="128"/>
                </a:lnTo>
                <a:lnTo>
                  <a:pt x="1682" y="145"/>
                </a:lnTo>
                <a:lnTo>
                  <a:pt x="1671" y="163"/>
                </a:lnTo>
                <a:lnTo>
                  <a:pt x="1673" y="168"/>
                </a:lnTo>
                <a:lnTo>
                  <a:pt x="1659" y="155"/>
                </a:lnTo>
                <a:lnTo>
                  <a:pt x="1644" y="144"/>
                </a:lnTo>
                <a:lnTo>
                  <a:pt x="1629" y="134"/>
                </a:lnTo>
                <a:lnTo>
                  <a:pt x="1613" y="124"/>
                </a:lnTo>
                <a:lnTo>
                  <a:pt x="1596" y="115"/>
                </a:lnTo>
                <a:lnTo>
                  <a:pt x="1579" y="105"/>
                </a:lnTo>
                <a:lnTo>
                  <a:pt x="1561" y="98"/>
                </a:lnTo>
                <a:lnTo>
                  <a:pt x="1544" y="92"/>
                </a:lnTo>
                <a:lnTo>
                  <a:pt x="1527" y="84"/>
                </a:lnTo>
                <a:lnTo>
                  <a:pt x="1508" y="80"/>
                </a:lnTo>
                <a:lnTo>
                  <a:pt x="1490" y="74"/>
                </a:lnTo>
                <a:lnTo>
                  <a:pt x="1471" y="71"/>
                </a:lnTo>
                <a:lnTo>
                  <a:pt x="1452" y="69"/>
                </a:lnTo>
                <a:lnTo>
                  <a:pt x="1433" y="65"/>
                </a:lnTo>
                <a:lnTo>
                  <a:pt x="1414" y="65"/>
                </a:lnTo>
                <a:lnTo>
                  <a:pt x="1394" y="65"/>
                </a:lnTo>
                <a:lnTo>
                  <a:pt x="1368" y="65"/>
                </a:lnTo>
                <a:lnTo>
                  <a:pt x="1339" y="67"/>
                </a:lnTo>
                <a:lnTo>
                  <a:pt x="1314" y="71"/>
                </a:lnTo>
                <a:lnTo>
                  <a:pt x="1287" y="78"/>
                </a:lnTo>
                <a:lnTo>
                  <a:pt x="1262" y="84"/>
                </a:lnTo>
                <a:lnTo>
                  <a:pt x="1237" y="94"/>
                </a:lnTo>
                <a:lnTo>
                  <a:pt x="1212" y="103"/>
                </a:lnTo>
                <a:lnTo>
                  <a:pt x="1189" y="115"/>
                </a:lnTo>
                <a:lnTo>
                  <a:pt x="1166" y="128"/>
                </a:lnTo>
                <a:lnTo>
                  <a:pt x="1145" y="144"/>
                </a:lnTo>
                <a:lnTo>
                  <a:pt x="1126" y="159"/>
                </a:lnTo>
                <a:lnTo>
                  <a:pt x="1107" y="176"/>
                </a:lnTo>
                <a:lnTo>
                  <a:pt x="1087" y="195"/>
                </a:lnTo>
                <a:lnTo>
                  <a:pt x="1072" y="215"/>
                </a:lnTo>
                <a:lnTo>
                  <a:pt x="1057" y="234"/>
                </a:lnTo>
                <a:lnTo>
                  <a:pt x="1043" y="257"/>
                </a:lnTo>
                <a:lnTo>
                  <a:pt x="1041" y="259"/>
                </a:lnTo>
                <a:lnTo>
                  <a:pt x="1013" y="243"/>
                </a:lnTo>
                <a:lnTo>
                  <a:pt x="982" y="232"/>
                </a:lnTo>
                <a:lnTo>
                  <a:pt x="951" y="220"/>
                </a:lnTo>
                <a:lnTo>
                  <a:pt x="936" y="216"/>
                </a:lnTo>
                <a:lnTo>
                  <a:pt x="919" y="213"/>
                </a:lnTo>
                <a:lnTo>
                  <a:pt x="903" y="209"/>
                </a:lnTo>
                <a:lnTo>
                  <a:pt x="888" y="205"/>
                </a:lnTo>
                <a:lnTo>
                  <a:pt x="871" y="203"/>
                </a:lnTo>
                <a:lnTo>
                  <a:pt x="853" y="199"/>
                </a:lnTo>
                <a:lnTo>
                  <a:pt x="838" y="197"/>
                </a:lnTo>
                <a:lnTo>
                  <a:pt x="821" y="197"/>
                </a:lnTo>
                <a:lnTo>
                  <a:pt x="804" y="195"/>
                </a:lnTo>
                <a:lnTo>
                  <a:pt x="788" y="195"/>
                </a:lnTo>
                <a:lnTo>
                  <a:pt x="761" y="197"/>
                </a:lnTo>
                <a:lnTo>
                  <a:pt x="736" y="199"/>
                </a:lnTo>
                <a:lnTo>
                  <a:pt x="711" y="201"/>
                </a:lnTo>
                <a:lnTo>
                  <a:pt x="687" y="205"/>
                </a:lnTo>
                <a:lnTo>
                  <a:pt x="662" y="211"/>
                </a:lnTo>
                <a:lnTo>
                  <a:pt x="639" y="216"/>
                </a:lnTo>
                <a:lnTo>
                  <a:pt x="616" y="224"/>
                </a:lnTo>
                <a:lnTo>
                  <a:pt x="593" y="232"/>
                </a:lnTo>
                <a:lnTo>
                  <a:pt x="569" y="241"/>
                </a:lnTo>
                <a:lnTo>
                  <a:pt x="548" y="251"/>
                </a:lnTo>
                <a:lnTo>
                  <a:pt x="527" y="262"/>
                </a:lnTo>
                <a:lnTo>
                  <a:pt x="506" y="274"/>
                </a:lnTo>
                <a:lnTo>
                  <a:pt x="487" y="287"/>
                </a:lnTo>
                <a:lnTo>
                  <a:pt x="468" y="301"/>
                </a:lnTo>
                <a:lnTo>
                  <a:pt x="449" y="314"/>
                </a:lnTo>
                <a:lnTo>
                  <a:pt x="431" y="330"/>
                </a:lnTo>
                <a:lnTo>
                  <a:pt x="416" y="347"/>
                </a:lnTo>
                <a:lnTo>
                  <a:pt x="399" y="362"/>
                </a:lnTo>
                <a:lnTo>
                  <a:pt x="385" y="380"/>
                </a:lnTo>
                <a:lnTo>
                  <a:pt x="370" y="399"/>
                </a:lnTo>
                <a:lnTo>
                  <a:pt x="358" y="416"/>
                </a:lnTo>
                <a:lnTo>
                  <a:pt x="345" y="435"/>
                </a:lnTo>
                <a:lnTo>
                  <a:pt x="333" y="456"/>
                </a:lnTo>
                <a:lnTo>
                  <a:pt x="324" y="475"/>
                </a:lnTo>
                <a:lnTo>
                  <a:pt x="314" y="497"/>
                </a:lnTo>
                <a:lnTo>
                  <a:pt x="307" y="518"/>
                </a:lnTo>
                <a:lnTo>
                  <a:pt x="301" y="541"/>
                </a:lnTo>
                <a:lnTo>
                  <a:pt x="295" y="562"/>
                </a:lnTo>
                <a:lnTo>
                  <a:pt x="291" y="585"/>
                </a:lnTo>
                <a:lnTo>
                  <a:pt x="287" y="608"/>
                </a:lnTo>
                <a:lnTo>
                  <a:pt x="286" y="631"/>
                </a:lnTo>
                <a:lnTo>
                  <a:pt x="286" y="654"/>
                </a:lnTo>
                <a:lnTo>
                  <a:pt x="286" y="669"/>
                </a:lnTo>
                <a:lnTo>
                  <a:pt x="286" y="686"/>
                </a:lnTo>
                <a:lnTo>
                  <a:pt x="287" y="702"/>
                </a:lnTo>
                <a:lnTo>
                  <a:pt x="289" y="717"/>
                </a:lnTo>
                <a:lnTo>
                  <a:pt x="291" y="715"/>
                </a:lnTo>
                <a:close/>
              </a:path>
            </a:pathLst>
          </a:custGeom>
          <a:solidFill>
            <a:schemeClr val="bg1"/>
          </a:solidFill>
          <a:ln w="28575" cmpd="sng">
            <a:solidFill>
              <a:srgbClr val="00B0F0"/>
            </a:solidFill>
            <a:round/>
            <a:headEnd/>
            <a:tailEnd/>
          </a:ln>
        </p:spPr>
        <p:txBody>
          <a:bodyPr/>
          <a:lstStyle/>
          <a:p>
            <a:pPr defTabSz="1218906"/>
            <a:endParaRPr lang="en-GB" sz="1600">
              <a:cs typeface="+mn-ea"/>
              <a:sym typeface="+mn-lt"/>
            </a:endParaRPr>
          </a:p>
        </p:txBody>
      </p:sp>
      <p:sp>
        <p:nvSpPr>
          <p:cNvPr id="19" name="矩形 18">
            <a:extLst>
              <a:ext uri="{FF2B5EF4-FFF2-40B4-BE49-F238E27FC236}">
                <a16:creationId xmlns:a16="http://schemas.microsoft.com/office/drawing/2014/main" xmlns="" id="{CC80A8E7-3BEA-44CD-B1EE-073203FACA9E}"/>
              </a:ext>
            </a:extLst>
          </p:cNvPr>
          <p:cNvSpPr/>
          <p:nvPr/>
        </p:nvSpPr>
        <p:spPr>
          <a:xfrm>
            <a:off x="4482604" y="4760965"/>
            <a:ext cx="1207538" cy="338554"/>
          </a:xfrm>
          <a:prstGeom prst="rect">
            <a:avLst/>
          </a:prstGeom>
          <a:ln>
            <a:noFill/>
          </a:ln>
        </p:spPr>
        <p:txBody>
          <a:bodyPr wrap="square">
            <a:spAutoFit/>
          </a:bodyPr>
          <a:lstStyle/>
          <a:p>
            <a:pPr algn="ctr" defTabSz="914373"/>
            <a:r>
              <a:rPr lang="en-US" altLang="zh-CN" sz="1600" kern="0" dirty="0">
                <a:cs typeface="+mn-ea"/>
                <a:sym typeface="+mn-lt"/>
              </a:rPr>
              <a:t>WAN/DCI</a:t>
            </a:r>
            <a:endParaRPr lang="zh-CN" altLang="en-US" sz="1600" kern="0" dirty="0">
              <a:cs typeface="+mn-ea"/>
              <a:sym typeface="+mn-lt"/>
            </a:endParaRPr>
          </a:p>
        </p:txBody>
      </p:sp>
      <p:sp>
        <p:nvSpPr>
          <p:cNvPr id="20" name="圆角矩形 291">
            <a:extLst>
              <a:ext uri="{FF2B5EF4-FFF2-40B4-BE49-F238E27FC236}">
                <a16:creationId xmlns:a16="http://schemas.microsoft.com/office/drawing/2014/main" xmlns="" id="{F9175EE9-16FA-47BC-977D-575CC2C4111A}"/>
              </a:ext>
            </a:extLst>
          </p:cNvPr>
          <p:cNvSpPr/>
          <p:nvPr/>
        </p:nvSpPr>
        <p:spPr bwMode="auto">
          <a:xfrm>
            <a:off x="1527933" y="3673830"/>
            <a:ext cx="2115537" cy="2453540"/>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base" hangingPunct="0">
              <a:spcBef>
                <a:spcPct val="0"/>
              </a:spcBef>
              <a:spcAft>
                <a:spcPct val="0"/>
              </a:spcAft>
              <a:buClr>
                <a:srgbClr val="1F497D"/>
              </a:buClr>
            </a:pPr>
            <a:endParaRPr kumimoji="1" lang="en-US" sz="1600" kern="0">
              <a:cs typeface="+mn-ea"/>
              <a:sym typeface="+mn-lt"/>
            </a:endParaRPr>
          </a:p>
        </p:txBody>
      </p:sp>
      <p:sp>
        <p:nvSpPr>
          <p:cNvPr id="21" name="Freeform 78">
            <a:extLst>
              <a:ext uri="{FF2B5EF4-FFF2-40B4-BE49-F238E27FC236}">
                <a16:creationId xmlns:a16="http://schemas.microsoft.com/office/drawing/2014/main" xmlns="" id="{3AAAC39F-57EC-417D-B91F-779E9366D979}"/>
              </a:ext>
            </a:extLst>
          </p:cNvPr>
          <p:cNvSpPr>
            <a:spLocks noEditPoints="1"/>
          </p:cNvSpPr>
          <p:nvPr/>
        </p:nvSpPr>
        <p:spPr bwMode="auto">
          <a:xfrm>
            <a:off x="1784817" y="4005321"/>
            <a:ext cx="491985" cy="298685"/>
          </a:xfrm>
          <a:custGeom>
            <a:avLst/>
            <a:gdLst/>
            <a:ahLst/>
            <a:cxnLst>
              <a:cxn ang="0">
                <a:pos x="1805" y="1019"/>
              </a:cxn>
              <a:cxn ang="0">
                <a:pos x="1625" y="1019"/>
              </a:cxn>
              <a:cxn ang="0">
                <a:pos x="1176" y="0"/>
              </a:cxn>
              <a:cxn ang="0">
                <a:pos x="1093" y="494"/>
              </a:cxn>
              <a:cxn ang="0">
                <a:pos x="572" y="1019"/>
              </a:cxn>
              <a:cxn ang="0">
                <a:pos x="523" y="176"/>
              </a:cxn>
              <a:cxn ang="0">
                <a:pos x="314" y="203"/>
              </a:cxn>
              <a:cxn ang="0">
                <a:pos x="301" y="262"/>
              </a:cxn>
              <a:cxn ang="0">
                <a:pos x="118" y="1019"/>
              </a:cxn>
              <a:cxn ang="0">
                <a:pos x="2" y="1169"/>
              </a:cxn>
              <a:cxn ang="0">
                <a:pos x="1917" y="1181"/>
              </a:cxn>
              <a:cxn ang="0">
                <a:pos x="1922" y="1169"/>
              </a:cxn>
              <a:cxn ang="0">
                <a:pos x="741" y="756"/>
              </a:cxn>
              <a:cxn ang="0">
                <a:pos x="896" y="756"/>
              </a:cxn>
              <a:cxn ang="0">
                <a:pos x="1049" y="756"/>
              </a:cxn>
              <a:cxn ang="0">
                <a:pos x="677" y="756"/>
              </a:cxn>
              <a:cxn ang="0">
                <a:pos x="434" y="604"/>
              </a:cxn>
              <a:cxn ang="0">
                <a:pos x="425" y="533"/>
              </a:cxn>
              <a:cxn ang="0">
                <a:pos x="498" y="520"/>
              </a:cxn>
              <a:cxn ang="0">
                <a:pos x="513" y="533"/>
              </a:cxn>
              <a:cxn ang="0">
                <a:pos x="505" y="604"/>
              </a:cxn>
              <a:cxn ang="0">
                <a:pos x="513" y="933"/>
              </a:cxn>
              <a:cxn ang="0">
                <a:pos x="439" y="947"/>
              </a:cxn>
              <a:cxn ang="0">
                <a:pos x="425" y="933"/>
              </a:cxn>
              <a:cxn ang="0">
                <a:pos x="434" y="862"/>
              </a:cxn>
              <a:cxn ang="0">
                <a:pos x="508" y="866"/>
              </a:cxn>
              <a:cxn ang="0">
                <a:pos x="348" y="791"/>
              </a:cxn>
              <a:cxn ang="0">
                <a:pos x="334" y="805"/>
              </a:cxn>
              <a:cxn ang="0">
                <a:pos x="262" y="796"/>
              </a:cxn>
              <a:cxn ang="0">
                <a:pos x="263" y="724"/>
              </a:cxn>
              <a:cxn ang="0">
                <a:pos x="339" y="720"/>
              </a:cxn>
              <a:cxn ang="0">
                <a:pos x="243" y="397"/>
              </a:cxn>
              <a:cxn ang="0">
                <a:pos x="258" y="383"/>
              </a:cxn>
              <a:cxn ang="0">
                <a:pos x="331" y="391"/>
              </a:cxn>
              <a:cxn ang="0">
                <a:pos x="328" y="464"/>
              </a:cxn>
              <a:cxn ang="0">
                <a:pos x="252" y="467"/>
              </a:cxn>
              <a:cxn ang="0">
                <a:pos x="1464" y="105"/>
              </a:cxn>
              <a:cxn ang="0">
                <a:pos x="1471" y="96"/>
              </a:cxn>
              <a:cxn ang="0">
                <a:pos x="1490" y="101"/>
              </a:cxn>
              <a:cxn ang="0">
                <a:pos x="1490" y="940"/>
              </a:cxn>
              <a:cxn ang="0">
                <a:pos x="1471" y="945"/>
              </a:cxn>
              <a:cxn ang="0">
                <a:pos x="1464" y="105"/>
              </a:cxn>
              <a:cxn ang="0">
                <a:pos x="1362" y="98"/>
              </a:cxn>
              <a:cxn ang="0">
                <a:pos x="1382" y="100"/>
              </a:cxn>
              <a:cxn ang="0">
                <a:pos x="1383" y="940"/>
              </a:cxn>
              <a:cxn ang="0">
                <a:pos x="1363" y="945"/>
              </a:cxn>
              <a:cxn ang="0">
                <a:pos x="1356" y="105"/>
              </a:cxn>
              <a:cxn ang="0">
                <a:pos x="1254" y="98"/>
              </a:cxn>
              <a:cxn ang="0">
                <a:pos x="1276" y="100"/>
              </a:cxn>
              <a:cxn ang="0">
                <a:pos x="1277" y="940"/>
              </a:cxn>
              <a:cxn ang="0">
                <a:pos x="1257" y="945"/>
              </a:cxn>
              <a:cxn ang="0">
                <a:pos x="1250" y="105"/>
              </a:cxn>
            </a:cxnLst>
            <a:rect l="0" t="0" r="r" b="b"/>
            <a:pathLst>
              <a:path w="1923" h="1181">
                <a:moveTo>
                  <a:pt x="1820" y="1029"/>
                </a:moveTo>
                <a:lnTo>
                  <a:pt x="1820" y="1029"/>
                </a:lnTo>
                <a:lnTo>
                  <a:pt x="1815" y="1024"/>
                </a:lnTo>
                <a:lnTo>
                  <a:pt x="1810" y="1021"/>
                </a:lnTo>
                <a:lnTo>
                  <a:pt x="1805" y="1019"/>
                </a:lnTo>
                <a:lnTo>
                  <a:pt x="1798" y="1019"/>
                </a:lnTo>
                <a:lnTo>
                  <a:pt x="1750" y="1019"/>
                </a:lnTo>
                <a:lnTo>
                  <a:pt x="1750" y="739"/>
                </a:lnTo>
                <a:lnTo>
                  <a:pt x="1625" y="606"/>
                </a:lnTo>
                <a:lnTo>
                  <a:pt x="1625" y="1019"/>
                </a:lnTo>
                <a:lnTo>
                  <a:pt x="1583" y="1019"/>
                </a:lnTo>
                <a:lnTo>
                  <a:pt x="1583" y="562"/>
                </a:lnTo>
                <a:lnTo>
                  <a:pt x="1583" y="0"/>
                </a:lnTo>
                <a:lnTo>
                  <a:pt x="1218" y="0"/>
                </a:lnTo>
                <a:lnTo>
                  <a:pt x="1176" y="0"/>
                </a:lnTo>
                <a:lnTo>
                  <a:pt x="1176" y="1019"/>
                </a:lnTo>
                <a:lnTo>
                  <a:pt x="1124" y="1019"/>
                </a:lnTo>
                <a:lnTo>
                  <a:pt x="1124" y="562"/>
                </a:lnTo>
                <a:lnTo>
                  <a:pt x="1093" y="562"/>
                </a:lnTo>
                <a:lnTo>
                  <a:pt x="1093" y="494"/>
                </a:lnTo>
                <a:lnTo>
                  <a:pt x="751" y="553"/>
                </a:lnTo>
                <a:lnTo>
                  <a:pt x="751" y="562"/>
                </a:lnTo>
                <a:lnTo>
                  <a:pt x="626" y="562"/>
                </a:lnTo>
                <a:lnTo>
                  <a:pt x="626" y="1019"/>
                </a:lnTo>
                <a:lnTo>
                  <a:pt x="572" y="1019"/>
                </a:lnTo>
                <a:lnTo>
                  <a:pt x="572" y="262"/>
                </a:lnTo>
                <a:lnTo>
                  <a:pt x="525" y="262"/>
                </a:lnTo>
                <a:lnTo>
                  <a:pt x="525" y="181"/>
                </a:lnTo>
                <a:lnTo>
                  <a:pt x="525" y="181"/>
                </a:lnTo>
                <a:lnTo>
                  <a:pt x="523" y="176"/>
                </a:lnTo>
                <a:lnTo>
                  <a:pt x="522" y="170"/>
                </a:lnTo>
                <a:lnTo>
                  <a:pt x="516" y="169"/>
                </a:lnTo>
                <a:lnTo>
                  <a:pt x="511" y="169"/>
                </a:lnTo>
                <a:lnTo>
                  <a:pt x="314" y="203"/>
                </a:lnTo>
                <a:lnTo>
                  <a:pt x="314" y="203"/>
                </a:lnTo>
                <a:lnTo>
                  <a:pt x="309" y="204"/>
                </a:lnTo>
                <a:lnTo>
                  <a:pt x="304" y="208"/>
                </a:lnTo>
                <a:lnTo>
                  <a:pt x="301" y="213"/>
                </a:lnTo>
                <a:lnTo>
                  <a:pt x="301" y="218"/>
                </a:lnTo>
                <a:lnTo>
                  <a:pt x="301" y="262"/>
                </a:lnTo>
                <a:lnTo>
                  <a:pt x="181" y="262"/>
                </a:lnTo>
                <a:lnTo>
                  <a:pt x="181" y="1019"/>
                </a:lnTo>
                <a:lnTo>
                  <a:pt x="125" y="1019"/>
                </a:lnTo>
                <a:lnTo>
                  <a:pt x="125" y="1019"/>
                </a:lnTo>
                <a:lnTo>
                  <a:pt x="118" y="1019"/>
                </a:lnTo>
                <a:lnTo>
                  <a:pt x="113" y="1021"/>
                </a:lnTo>
                <a:lnTo>
                  <a:pt x="108" y="1024"/>
                </a:lnTo>
                <a:lnTo>
                  <a:pt x="103" y="1029"/>
                </a:lnTo>
                <a:lnTo>
                  <a:pt x="2" y="1169"/>
                </a:lnTo>
                <a:lnTo>
                  <a:pt x="2" y="1169"/>
                </a:lnTo>
                <a:lnTo>
                  <a:pt x="0" y="1174"/>
                </a:lnTo>
                <a:lnTo>
                  <a:pt x="2" y="1178"/>
                </a:lnTo>
                <a:lnTo>
                  <a:pt x="4" y="1179"/>
                </a:lnTo>
                <a:lnTo>
                  <a:pt x="7" y="1181"/>
                </a:lnTo>
                <a:lnTo>
                  <a:pt x="1917" y="1181"/>
                </a:lnTo>
                <a:lnTo>
                  <a:pt x="1917" y="1181"/>
                </a:lnTo>
                <a:lnTo>
                  <a:pt x="1920" y="1179"/>
                </a:lnTo>
                <a:lnTo>
                  <a:pt x="1922" y="1178"/>
                </a:lnTo>
                <a:lnTo>
                  <a:pt x="1923" y="1174"/>
                </a:lnTo>
                <a:lnTo>
                  <a:pt x="1922" y="1169"/>
                </a:lnTo>
                <a:lnTo>
                  <a:pt x="1820" y="1029"/>
                </a:lnTo>
                <a:close/>
                <a:moveTo>
                  <a:pt x="741" y="660"/>
                </a:moveTo>
                <a:lnTo>
                  <a:pt x="879" y="660"/>
                </a:lnTo>
                <a:lnTo>
                  <a:pt x="879" y="756"/>
                </a:lnTo>
                <a:lnTo>
                  <a:pt x="741" y="756"/>
                </a:lnTo>
                <a:lnTo>
                  <a:pt x="741" y="660"/>
                </a:lnTo>
                <a:close/>
                <a:moveTo>
                  <a:pt x="896" y="660"/>
                </a:moveTo>
                <a:lnTo>
                  <a:pt x="1033" y="660"/>
                </a:lnTo>
                <a:lnTo>
                  <a:pt x="1033" y="756"/>
                </a:lnTo>
                <a:lnTo>
                  <a:pt x="896" y="756"/>
                </a:lnTo>
                <a:lnTo>
                  <a:pt x="896" y="660"/>
                </a:lnTo>
                <a:close/>
                <a:moveTo>
                  <a:pt x="1049" y="660"/>
                </a:moveTo>
                <a:lnTo>
                  <a:pt x="1082" y="660"/>
                </a:lnTo>
                <a:lnTo>
                  <a:pt x="1082" y="756"/>
                </a:lnTo>
                <a:lnTo>
                  <a:pt x="1049" y="756"/>
                </a:lnTo>
                <a:lnTo>
                  <a:pt x="1049" y="660"/>
                </a:lnTo>
                <a:close/>
                <a:moveTo>
                  <a:pt x="677" y="660"/>
                </a:moveTo>
                <a:lnTo>
                  <a:pt x="724" y="660"/>
                </a:lnTo>
                <a:lnTo>
                  <a:pt x="724" y="756"/>
                </a:lnTo>
                <a:lnTo>
                  <a:pt x="677" y="756"/>
                </a:lnTo>
                <a:lnTo>
                  <a:pt x="677" y="660"/>
                </a:lnTo>
                <a:close/>
                <a:moveTo>
                  <a:pt x="498" y="606"/>
                </a:moveTo>
                <a:lnTo>
                  <a:pt x="439" y="606"/>
                </a:lnTo>
                <a:lnTo>
                  <a:pt x="439" y="606"/>
                </a:lnTo>
                <a:lnTo>
                  <a:pt x="434" y="604"/>
                </a:lnTo>
                <a:lnTo>
                  <a:pt x="429" y="601"/>
                </a:lnTo>
                <a:lnTo>
                  <a:pt x="425" y="597"/>
                </a:lnTo>
                <a:lnTo>
                  <a:pt x="425" y="591"/>
                </a:lnTo>
                <a:lnTo>
                  <a:pt x="425" y="533"/>
                </a:lnTo>
                <a:lnTo>
                  <a:pt x="425" y="533"/>
                </a:lnTo>
                <a:lnTo>
                  <a:pt x="425" y="528"/>
                </a:lnTo>
                <a:lnTo>
                  <a:pt x="429" y="523"/>
                </a:lnTo>
                <a:lnTo>
                  <a:pt x="434" y="521"/>
                </a:lnTo>
                <a:lnTo>
                  <a:pt x="439" y="520"/>
                </a:lnTo>
                <a:lnTo>
                  <a:pt x="498" y="520"/>
                </a:lnTo>
                <a:lnTo>
                  <a:pt x="498" y="520"/>
                </a:lnTo>
                <a:lnTo>
                  <a:pt x="505" y="521"/>
                </a:lnTo>
                <a:lnTo>
                  <a:pt x="508" y="523"/>
                </a:lnTo>
                <a:lnTo>
                  <a:pt x="511" y="528"/>
                </a:lnTo>
                <a:lnTo>
                  <a:pt x="513" y="533"/>
                </a:lnTo>
                <a:lnTo>
                  <a:pt x="513" y="591"/>
                </a:lnTo>
                <a:lnTo>
                  <a:pt x="513" y="591"/>
                </a:lnTo>
                <a:lnTo>
                  <a:pt x="511" y="597"/>
                </a:lnTo>
                <a:lnTo>
                  <a:pt x="508" y="601"/>
                </a:lnTo>
                <a:lnTo>
                  <a:pt x="505" y="604"/>
                </a:lnTo>
                <a:lnTo>
                  <a:pt x="498" y="606"/>
                </a:lnTo>
                <a:lnTo>
                  <a:pt x="498" y="606"/>
                </a:lnTo>
                <a:close/>
                <a:moveTo>
                  <a:pt x="513" y="874"/>
                </a:moveTo>
                <a:lnTo>
                  <a:pt x="513" y="933"/>
                </a:lnTo>
                <a:lnTo>
                  <a:pt x="513" y="933"/>
                </a:lnTo>
                <a:lnTo>
                  <a:pt x="511" y="938"/>
                </a:lnTo>
                <a:lnTo>
                  <a:pt x="508" y="941"/>
                </a:lnTo>
                <a:lnTo>
                  <a:pt x="505" y="945"/>
                </a:lnTo>
                <a:lnTo>
                  <a:pt x="498" y="947"/>
                </a:lnTo>
                <a:lnTo>
                  <a:pt x="439" y="947"/>
                </a:lnTo>
                <a:lnTo>
                  <a:pt x="439" y="947"/>
                </a:lnTo>
                <a:lnTo>
                  <a:pt x="434" y="945"/>
                </a:lnTo>
                <a:lnTo>
                  <a:pt x="429" y="941"/>
                </a:lnTo>
                <a:lnTo>
                  <a:pt x="425" y="938"/>
                </a:lnTo>
                <a:lnTo>
                  <a:pt x="425" y="933"/>
                </a:lnTo>
                <a:lnTo>
                  <a:pt x="425" y="874"/>
                </a:lnTo>
                <a:lnTo>
                  <a:pt x="425" y="874"/>
                </a:lnTo>
                <a:lnTo>
                  <a:pt x="425" y="869"/>
                </a:lnTo>
                <a:lnTo>
                  <a:pt x="429" y="866"/>
                </a:lnTo>
                <a:lnTo>
                  <a:pt x="434" y="862"/>
                </a:lnTo>
                <a:lnTo>
                  <a:pt x="439" y="860"/>
                </a:lnTo>
                <a:lnTo>
                  <a:pt x="498" y="860"/>
                </a:lnTo>
                <a:lnTo>
                  <a:pt x="498" y="860"/>
                </a:lnTo>
                <a:lnTo>
                  <a:pt x="505" y="862"/>
                </a:lnTo>
                <a:lnTo>
                  <a:pt x="508" y="866"/>
                </a:lnTo>
                <a:lnTo>
                  <a:pt x="511" y="869"/>
                </a:lnTo>
                <a:lnTo>
                  <a:pt x="513" y="874"/>
                </a:lnTo>
                <a:lnTo>
                  <a:pt x="513" y="874"/>
                </a:lnTo>
                <a:close/>
                <a:moveTo>
                  <a:pt x="348" y="734"/>
                </a:moveTo>
                <a:lnTo>
                  <a:pt x="348" y="791"/>
                </a:lnTo>
                <a:lnTo>
                  <a:pt x="348" y="791"/>
                </a:lnTo>
                <a:lnTo>
                  <a:pt x="346" y="796"/>
                </a:lnTo>
                <a:lnTo>
                  <a:pt x="343" y="801"/>
                </a:lnTo>
                <a:lnTo>
                  <a:pt x="339" y="805"/>
                </a:lnTo>
                <a:lnTo>
                  <a:pt x="334" y="805"/>
                </a:lnTo>
                <a:lnTo>
                  <a:pt x="274" y="805"/>
                </a:lnTo>
                <a:lnTo>
                  <a:pt x="274" y="805"/>
                </a:lnTo>
                <a:lnTo>
                  <a:pt x="269" y="805"/>
                </a:lnTo>
                <a:lnTo>
                  <a:pt x="263" y="801"/>
                </a:lnTo>
                <a:lnTo>
                  <a:pt x="262" y="796"/>
                </a:lnTo>
                <a:lnTo>
                  <a:pt x="260" y="791"/>
                </a:lnTo>
                <a:lnTo>
                  <a:pt x="260" y="734"/>
                </a:lnTo>
                <a:lnTo>
                  <a:pt x="260" y="734"/>
                </a:lnTo>
                <a:lnTo>
                  <a:pt x="262" y="729"/>
                </a:lnTo>
                <a:lnTo>
                  <a:pt x="263" y="724"/>
                </a:lnTo>
                <a:lnTo>
                  <a:pt x="269" y="720"/>
                </a:lnTo>
                <a:lnTo>
                  <a:pt x="274" y="720"/>
                </a:lnTo>
                <a:lnTo>
                  <a:pt x="334" y="720"/>
                </a:lnTo>
                <a:lnTo>
                  <a:pt x="334" y="720"/>
                </a:lnTo>
                <a:lnTo>
                  <a:pt x="339" y="720"/>
                </a:lnTo>
                <a:lnTo>
                  <a:pt x="343" y="724"/>
                </a:lnTo>
                <a:lnTo>
                  <a:pt x="346" y="729"/>
                </a:lnTo>
                <a:lnTo>
                  <a:pt x="348" y="734"/>
                </a:lnTo>
                <a:lnTo>
                  <a:pt x="348" y="734"/>
                </a:lnTo>
                <a:close/>
                <a:moveTo>
                  <a:pt x="243" y="397"/>
                </a:moveTo>
                <a:lnTo>
                  <a:pt x="243" y="397"/>
                </a:lnTo>
                <a:lnTo>
                  <a:pt x="245" y="391"/>
                </a:lnTo>
                <a:lnTo>
                  <a:pt x="248" y="386"/>
                </a:lnTo>
                <a:lnTo>
                  <a:pt x="252" y="385"/>
                </a:lnTo>
                <a:lnTo>
                  <a:pt x="258" y="383"/>
                </a:lnTo>
                <a:lnTo>
                  <a:pt x="317" y="383"/>
                </a:lnTo>
                <a:lnTo>
                  <a:pt x="317" y="383"/>
                </a:lnTo>
                <a:lnTo>
                  <a:pt x="322" y="385"/>
                </a:lnTo>
                <a:lnTo>
                  <a:pt x="328" y="386"/>
                </a:lnTo>
                <a:lnTo>
                  <a:pt x="331" y="391"/>
                </a:lnTo>
                <a:lnTo>
                  <a:pt x="331" y="397"/>
                </a:lnTo>
                <a:lnTo>
                  <a:pt x="331" y="454"/>
                </a:lnTo>
                <a:lnTo>
                  <a:pt x="331" y="454"/>
                </a:lnTo>
                <a:lnTo>
                  <a:pt x="331" y="461"/>
                </a:lnTo>
                <a:lnTo>
                  <a:pt x="328" y="464"/>
                </a:lnTo>
                <a:lnTo>
                  <a:pt x="322" y="467"/>
                </a:lnTo>
                <a:lnTo>
                  <a:pt x="317" y="469"/>
                </a:lnTo>
                <a:lnTo>
                  <a:pt x="258" y="469"/>
                </a:lnTo>
                <a:lnTo>
                  <a:pt x="258" y="469"/>
                </a:lnTo>
                <a:lnTo>
                  <a:pt x="252" y="467"/>
                </a:lnTo>
                <a:lnTo>
                  <a:pt x="248" y="464"/>
                </a:lnTo>
                <a:lnTo>
                  <a:pt x="245" y="461"/>
                </a:lnTo>
                <a:lnTo>
                  <a:pt x="243" y="454"/>
                </a:lnTo>
                <a:lnTo>
                  <a:pt x="243" y="397"/>
                </a:lnTo>
                <a:close/>
                <a:moveTo>
                  <a:pt x="1464" y="105"/>
                </a:moveTo>
                <a:lnTo>
                  <a:pt x="1464" y="105"/>
                </a:lnTo>
                <a:lnTo>
                  <a:pt x="1464" y="101"/>
                </a:lnTo>
                <a:lnTo>
                  <a:pt x="1466" y="100"/>
                </a:lnTo>
                <a:lnTo>
                  <a:pt x="1468" y="98"/>
                </a:lnTo>
                <a:lnTo>
                  <a:pt x="1471" y="96"/>
                </a:lnTo>
                <a:lnTo>
                  <a:pt x="1485" y="96"/>
                </a:lnTo>
                <a:lnTo>
                  <a:pt x="1485" y="96"/>
                </a:lnTo>
                <a:lnTo>
                  <a:pt x="1486" y="98"/>
                </a:lnTo>
                <a:lnTo>
                  <a:pt x="1490" y="100"/>
                </a:lnTo>
                <a:lnTo>
                  <a:pt x="1490" y="101"/>
                </a:lnTo>
                <a:lnTo>
                  <a:pt x="1491" y="105"/>
                </a:lnTo>
                <a:lnTo>
                  <a:pt x="1491" y="464"/>
                </a:lnTo>
                <a:lnTo>
                  <a:pt x="1491" y="938"/>
                </a:lnTo>
                <a:lnTo>
                  <a:pt x="1491" y="938"/>
                </a:lnTo>
                <a:lnTo>
                  <a:pt x="1490" y="940"/>
                </a:lnTo>
                <a:lnTo>
                  <a:pt x="1490" y="941"/>
                </a:lnTo>
                <a:lnTo>
                  <a:pt x="1486" y="943"/>
                </a:lnTo>
                <a:lnTo>
                  <a:pt x="1485" y="945"/>
                </a:lnTo>
                <a:lnTo>
                  <a:pt x="1471" y="945"/>
                </a:lnTo>
                <a:lnTo>
                  <a:pt x="1471" y="945"/>
                </a:lnTo>
                <a:lnTo>
                  <a:pt x="1466" y="943"/>
                </a:lnTo>
                <a:lnTo>
                  <a:pt x="1466" y="943"/>
                </a:lnTo>
                <a:lnTo>
                  <a:pt x="1464" y="940"/>
                </a:lnTo>
                <a:lnTo>
                  <a:pt x="1464" y="938"/>
                </a:lnTo>
                <a:lnTo>
                  <a:pt x="1464" y="105"/>
                </a:lnTo>
                <a:close/>
                <a:moveTo>
                  <a:pt x="1356" y="105"/>
                </a:moveTo>
                <a:lnTo>
                  <a:pt x="1356" y="105"/>
                </a:lnTo>
                <a:lnTo>
                  <a:pt x="1358" y="101"/>
                </a:lnTo>
                <a:lnTo>
                  <a:pt x="1360" y="100"/>
                </a:lnTo>
                <a:lnTo>
                  <a:pt x="1362" y="98"/>
                </a:lnTo>
                <a:lnTo>
                  <a:pt x="1363" y="96"/>
                </a:lnTo>
                <a:lnTo>
                  <a:pt x="1377" y="96"/>
                </a:lnTo>
                <a:lnTo>
                  <a:pt x="1377" y="96"/>
                </a:lnTo>
                <a:lnTo>
                  <a:pt x="1380" y="98"/>
                </a:lnTo>
                <a:lnTo>
                  <a:pt x="1382" y="100"/>
                </a:lnTo>
                <a:lnTo>
                  <a:pt x="1383" y="101"/>
                </a:lnTo>
                <a:lnTo>
                  <a:pt x="1383" y="105"/>
                </a:lnTo>
                <a:lnTo>
                  <a:pt x="1383" y="938"/>
                </a:lnTo>
                <a:lnTo>
                  <a:pt x="1383" y="938"/>
                </a:lnTo>
                <a:lnTo>
                  <a:pt x="1383" y="940"/>
                </a:lnTo>
                <a:lnTo>
                  <a:pt x="1382" y="941"/>
                </a:lnTo>
                <a:lnTo>
                  <a:pt x="1380" y="943"/>
                </a:lnTo>
                <a:lnTo>
                  <a:pt x="1377" y="945"/>
                </a:lnTo>
                <a:lnTo>
                  <a:pt x="1363" y="945"/>
                </a:lnTo>
                <a:lnTo>
                  <a:pt x="1363" y="945"/>
                </a:lnTo>
                <a:lnTo>
                  <a:pt x="1362" y="943"/>
                </a:lnTo>
                <a:lnTo>
                  <a:pt x="1360" y="941"/>
                </a:lnTo>
                <a:lnTo>
                  <a:pt x="1358" y="940"/>
                </a:lnTo>
                <a:lnTo>
                  <a:pt x="1356" y="938"/>
                </a:lnTo>
                <a:lnTo>
                  <a:pt x="1356" y="105"/>
                </a:lnTo>
                <a:close/>
                <a:moveTo>
                  <a:pt x="1250" y="105"/>
                </a:moveTo>
                <a:lnTo>
                  <a:pt x="1250" y="105"/>
                </a:lnTo>
                <a:lnTo>
                  <a:pt x="1250" y="101"/>
                </a:lnTo>
                <a:lnTo>
                  <a:pt x="1252" y="100"/>
                </a:lnTo>
                <a:lnTo>
                  <a:pt x="1254" y="98"/>
                </a:lnTo>
                <a:lnTo>
                  <a:pt x="1257" y="96"/>
                </a:lnTo>
                <a:lnTo>
                  <a:pt x="1270" y="96"/>
                </a:lnTo>
                <a:lnTo>
                  <a:pt x="1270" y="96"/>
                </a:lnTo>
                <a:lnTo>
                  <a:pt x="1274" y="98"/>
                </a:lnTo>
                <a:lnTo>
                  <a:pt x="1276" y="100"/>
                </a:lnTo>
                <a:lnTo>
                  <a:pt x="1277" y="101"/>
                </a:lnTo>
                <a:lnTo>
                  <a:pt x="1277" y="105"/>
                </a:lnTo>
                <a:lnTo>
                  <a:pt x="1277" y="938"/>
                </a:lnTo>
                <a:lnTo>
                  <a:pt x="1277" y="938"/>
                </a:lnTo>
                <a:lnTo>
                  <a:pt x="1277" y="940"/>
                </a:lnTo>
                <a:lnTo>
                  <a:pt x="1276" y="941"/>
                </a:lnTo>
                <a:lnTo>
                  <a:pt x="1274" y="943"/>
                </a:lnTo>
                <a:lnTo>
                  <a:pt x="1270" y="945"/>
                </a:lnTo>
                <a:lnTo>
                  <a:pt x="1257" y="945"/>
                </a:lnTo>
                <a:lnTo>
                  <a:pt x="1257" y="945"/>
                </a:lnTo>
                <a:lnTo>
                  <a:pt x="1254" y="943"/>
                </a:lnTo>
                <a:lnTo>
                  <a:pt x="1252" y="941"/>
                </a:lnTo>
                <a:lnTo>
                  <a:pt x="1250" y="940"/>
                </a:lnTo>
                <a:lnTo>
                  <a:pt x="1250" y="938"/>
                </a:lnTo>
                <a:lnTo>
                  <a:pt x="1250" y="105"/>
                </a:lnTo>
                <a:close/>
              </a:path>
            </a:pathLst>
          </a:custGeom>
          <a:solidFill>
            <a:srgbClr val="00B0F0"/>
          </a:solidFill>
          <a:ln>
            <a:noFill/>
          </a:ln>
          <a:effectLst/>
        </p:spPr>
        <p:txBody>
          <a:bodyPr vert="horz" wrap="square" lIns="91440" tIns="45720" rIns="91440" bIns="45720" numCol="1" rtlCol="0" anchor="t" anchorCtr="0" compatLnSpc="1">
            <a:prstTxWarp prst="textNoShape">
              <a:avLst/>
            </a:prstTxWarp>
          </a:bodyPr>
          <a:lstStyle/>
          <a:p>
            <a:pPr defTabSz="914400" fontAlgn="base">
              <a:spcBef>
                <a:spcPct val="0"/>
              </a:spcBef>
              <a:spcAft>
                <a:spcPct val="0"/>
              </a:spcAft>
              <a:buClr>
                <a:srgbClr val="CC9900"/>
              </a:buClr>
              <a:buFont typeface="Wingdings" pitchFamily="2" charset="2"/>
              <a:buChar char="n"/>
            </a:pPr>
            <a:endParaRPr lang="zh-CN" altLang="en-US" sz="1600">
              <a:cs typeface="+mn-ea"/>
              <a:sym typeface="+mn-lt"/>
            </a:endParaRPr>
          </a:p>
        </p:txBody>
      </p:sp>
      <p:grpSp>
        <p:nvGrpSpPr>
          <p:cNvPr id="22" name="组合 63">
            <a:extLst>
              <a:ext uri="{FF2B5EF4-FFF2-40B4-BE49-F238E27FC236}">
                <a16:creationId xmlns:a16="http://schemas.microsoft.com/office/drawing/2014/main" xmlns="" id="{CB349897-3B98-42EA-A592-977EC1DF01C6}"/>
              </a:ext>
            </a:extLst>
          </p:cNvPr>
          <p:cNvGrpSpPr/>
          <p:nvPr/>
        </p:nvGrpSpPr>
        <p:grpSpPr>
          <a:xfrm>
            <a:off x="1853008" y="5304487"/>
            <a:ext cx="374269" cy="292567"/>
            <a:chOff x="1162859" y="3772128"/>
            <a:chExt cx="427038" cy="447675"/>
          </a:xfrm>
          <a:solidFill>
            <a:srgbClr val="00B0F0"/>
          </a:solidFill>
        </p:grpSpPr>
        <p:sp>
          <p:nvSpPr>
            <p:cNvPr id="23" name="Freeform 12">
              <a:extLst>
                <a:ext uri="{FF2B5EF4-FFF2-40B4-BE49-F238E27FC236}">
                  <a16:creationId xmlns:a16="http://schemas.microsoft.com/office/drawing/2014/main" xmlns="" id="{5066C2F0-EE50-4454-B72C-AF31EEB0AEEE}"/>
                </a:ext>
              </a:extLst>
            </p:cNvPr>
            <p:cNvSpPr>
              <a:spLocks/>
            </p:cNvSpPr>
            <p:nvPr/>
          </p:nvSpPr>
          <p:spPr bwMode="auto">
            <a:xfrm>
              <a:off x="1162859" y="3772128"/>
              <a:ext cx="425450" cy="179388"/>
            </a:xfrm>
            <a:custGeom>
              <a:avLst/>
              <a:gdLst/>
              <a:ahLst/>
              <a:cxnLst>
                <a:cxn ang="0">
                  <a:pos x="3890" y="0"/>
                </a:cxn>
                <a:cxn ang="0">
                  <a:pos x="5834" y="1638"/>
                </a:cxn>
                <a:cxn ang="0">
                  <a:pos x="7779" y="3275"/>
                </a:cxn>
                <a:cxn ang="0">
                  <a:pos x="3890" y="3275"/>
                </a:cxn>
                <a:cxn ang="0">
                  <a:pos x="0" y="3275"/>
                </a:cxn>
                <a:cxn ang="0">
                  <a:pos x="1945" y="1638"/>
                </a:cxn>
                <a:cxn ang="0">
                  <a:pos x="3890" y="0"/>
                </a:cxn>
              </a:cxnLst>
              <a:rect l="0" t="0" r="r" b="b"/>
              <a:pathLst>
                <a:path w="7779" h="3275">
                  <a:moveTo>
                    <a:pt x="3890" y="0"/>
                  </a:moveTo>
                  <a:lnTo>
                    <a:pt x="5834" y="1638"/>
                  </a:lnTo>
                  <a:lnTo>
                    <a:pt x="7779" y="3275"/>
                  </a:lnTo>
                  <a:lnTo>
                    <a:pt x="3890" y="3275"/>
                  </a:lnTo>
                  <a:lnTo>
                    <a:pt x="0" y="3275"/>
                  </a:lnTo>
                  <a:lnTo>
                    <a:pt x="1945" y="1638"/>
                  </a:lnTo>
                  <a:lnTo>
                    <a:pt x="3890"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4" name="Freeform 13">
              <a:extLst>
                <a:ext uri="{FF2B5EF4-FFF2-40B4-BE49-F238E27FC236}">
                  <a16:creationId xmlns:a16="http://schemas.microsoft.com/office/drawing/2014/main" xmlns="" id="{874A4A6C-D8E2-4CA8-AF10-CEA2EB2703CD}"/>
                </a:ext>
              </a:extLst>
            </p:cNvPr>
            <p:cNvSpPr>
              <a:spLocks noEditPoints="1"/>
            </p:cNvSpPr>
            <p:nvPr/>
          </p:nvSpPr>
          <p:spPr bwMode="auto">
            <a:xfrm>
              <a:off x="1162859" y="3973740"/>
              <a:ext cx="427038" cy="246063"/>
            </a:xfrm>
            <a:custGeom>
              <a:avLst/>
              <a:gdLst/>
              <a:ahLst/>
              <a:cxnLst>
                <a:cxn ang="0">
                  <a:pos x="7792" y="0"/>
                </a:cxn>
                <a:cxn ang="0">
                  <a:pos x="0" y="0"/>
                </a:cxn>
                <a:cxn ang="0">
                  <a:pos x="0" y="4498"/>
                </a:cxn>
                <a:cxn ang="0">
                  <a:pos x="7792" y="4498"/>
                </a:cxn>
                <a:cxn ang="0">
                  <a:pos x="7792" y="0"/>
                </a:cxn>
                <a:cxn ang="0">
                  <a:pos x="687" y="578"/>
                </a:cxn>
                <a:cxn ang="0">
                  <a:pos x="2079" y="578"/>
                </a:cxn>
                <a:cxn ang="0">
                  <a:pos x="2079" y="1971"/>
                </a:cxn>
                <a:cxn ang="0">
                  <a:pos x="687" y="1971"/>
                </a:cxn>
                <a:cxn ang="0">
                  <a:pos x="687" y="578"/>
                </a:cxn>
                <a:cxn ang="0">
                  <a:pos x="687" y="2473"/>
                </a:cxn>
                <a:cxn ang="0">
                  <a:pos x="2079" y="2473"/>
                </a:cxn>
                <a:cxn ang="0">
                  <a:pos x="2079" y="3866"/>
                </a:cxn>
                <a:cxn ang="0">
                  <a:pos x="687" y="3866"/>
                </a:cxn>
                <a:cxn ang="0">
                  <a:pos x="687" y="2473"/>
                </a:cxn>
                <a:cxn ang="0">
                  <a:pos x="2361" y="2473"/>
                </a:cxn>
                <a:cxn ang="0">
                  <a:pos x="3755" y="2473"/>
                </a:cxn>
                <a:cxn ang="0">
                  <a:pos x="3755" y="3866"/>
                </a:cxn>
                <a:cxn ang="0">
                  <a:pos x="2361" y="3866"/>
                </a:cxn>
                <a:cxn ang="0">
                  <a:pos x="2361" y="2473"/>
                </a:cxn>
                <a:cxn ang="0">
                  <a:pos x="4037" y="2473"/>
                </a:cxn>
                <a:cxn ang="0">
                  <a:pos x="5429" y="2473"/>
                </a:cxn>
                <a:cxn ang="0">
                  <a:pos x="5429" y="3866"/>
                </a:cxn>
                <a:cxn ang="0">
                  <a:pos x="4037" y="3866"/>
                </a:cxn>
                <a:cxn ang="0">
                  <a:pos x="4037" y="2473"/>
                </a:cxn>
                <a:cxn ang="0">
                  <a:pos x="2361" y="578"/>
                </a:cxn>
                <a:cxn ang="0">
                  <a:pos x="3755" y="578"/>
                </a:cxn>
                <a:cxn ang="0">
                  <a:pos x="3755" y="1971"/>
                </a:cxn>
                <a:cxn ang="0">
                  <a:pos x="2361" y="1971"/>
                </a:cxn>
                <a:cxn ang="0">
                  <a:pos x="2361" y="578"/>
                </a:cxn>
                <a:cxn ang="0">
                  <a:pos x="4037" y="578"/>
                </a:cxn>
                <a:cxn ang="0">
                  <a:pos x="5429" y="578"/>
                </a:cxn>
                <a:cxn ang="0">
                  <a:pos x="5429" y="1971"/>
                </a:cxn>
                <a:cxn ang="0">
                  <a:pos x="4037" y="1971"/>
                </a:cxn>
                <a:cxn ang="0">
                  <a:pos x="4037" y="578"/>
                </a:cxn>
                <a:cxn ang="0">
                  <a:pos x="5713" y="578"/>
                </a:cxn>
                <a:cxn ang="0">
                  <a:pos x="7105" y="578"/>
                </a:cxn>
                <a:cxn ang="0">
                  <a:pos x="7105" y="1971"/>
                </a:cxn>
                <a:cxn ang="0">
                  <a:pos x="5713" y="1971"/>
                </a:cxn>
                <a:cxn ang="0">
                  <a:pos x="5713" y="578"/>
                </a:cxn>
                <a:cxn ang="0">
                  <a:pos x="5713" y="2473"/>
                </a:cxn>
                <a:cxn ang="0">
                  <a:pos x="7105" y="2473"/>
                </a:cxn>
                <a:cxn ang="0">
                  <a:pos x="7105" y="3866"/>
                </a:cxn>
                <a:cxn ang="0">
                  <a:pos x="5713" y="3866"/>
                </a:cxn>
                <a:cxn ang="0">
                  <a:pos x="5713" y="2473"/>
                </a:cxn>
              </a:cxnLst>
              <a:rect l="0" t="0" r="r" b="b"/>
              <a:pathLst>
                <a:path w="7792" h="4498">
                  <a:moveTo>
                    <a:pt x="7792" y="0"/>
                  </a:moveTo>
                  <a:lnTo>
                    <a:pt x="0" y="0"/>
                  </a:lnTo>
                  <a:lnTo>
                    <a:pt x="0" y="4498"/>
                  </a:lnTo>
                  <a:lnTo>
                    <a:pt x="7792" y="4498"/>
                  </a:lnTo>
                  <a:lnTo>
                    <a:pt x="7792" y="0"/>
                  </a:lnTo>
                  <a:close/>
                  <a:moveTo>
                    <a:pt x="687" y="578"/>
                  </a:moveTo>
                  <a:lnTo>
                    <a:pt x="2079" y="578"/>
                  </a:lnTo>
                  <a:lnTo>
                    <a:pt x="2079" y="1971"/>
                  </a:lnTo>
                  <a:lnTo>
                    <a:pt x="687" y="1971"/>
                  </a:lnTo>
                  <a:lnTo>
                    <a:pt x="687" y="578"/>
                  </a:lnTo>
                  <a:close/>
                  <a:moveTo>
                    <a:pt x="687" y="2473"/>
                  </a:moveTo>
                  <a:lnTo>
                    <a:pt x="2079" y="2473"/>
                  </a:lnTo>
                  <a:lnTo>
                    <a:pt x="2079" y="3866"/>
                  </a:lnTo>
                  <a:lnTo>
                    <a:pt x="687" y="3866"/>
                  </a:lnTo>
                  <a:lnTo>
                    <a:pt x="687" y="2473"/>
                  </a:lnTo>
                  <a:close/>
                  <a:moveTo>
                    <a:pt x="2361" y="2473"/>
                  </a:moveTo>
                  <a:lnTo>
                    <a:pt x="3755" y="2473"/>
                  </a:lnTo>
                  <a:lnTo>
                    <a:pt x="3755" y="3866"/>
                  </a:lnTo>
                  <a:lnTo>
                    <a:pt x="2361" y="3866"/>
                  </a:lnTo>
                  <a:lnTo>
                    <a:pt x="2361" y="2473"/>
                  </a:lnTo>
                  <a:close/>
                  <a:moveTo>
                    <a:pt x="4037" y="2473"/>
                  </a:moveTo>
                  <a:lnTo>
                    <a:pt x="5429" y="2473"/>
                  </a:lnTo>
                  <a:lnTo>
                    <a:pt x="5429" y="3866"/>
                  </a:lnTo>
                  <a:lnTo>
                    <a:pt x="4037" y="3866"/>
                  </a:lnTo>
                  <a:lnTo>
                    <a:pt x="4037" y="2473"/>
                  </a:lnTo>
                  <a:close/>
                  <a:moveTo>
                    <a:pt x="2361" y="578"/>
                  </a:moveTo>
                  <a:lnTo>
                    <a:pt x="3755" y="578"/>
                  </a:lnTo>
                  <a:lnTo>
                    <a:pt x="3755" y="1971"/>
                  </a:lnTo>
                  <a:lnTo>
                    <a:pt x="2361" y="1971"/>
                  </a:lnTo>
                  <a:lnTo>
                    <a:pt x="2361" y="578"/>
                  </a:lnTo>
                  <a:close/>
                  <a:moveTo>
                    <a:pt x="4037" y="578"/>
                  </a:moveTo>
                  <a:lnTo>
                    <a:pt x="5429" y="578"/>
                  </a:lnTo>
                  <a:lnTo>
                    <a:pt x="5429" y="1971"/>
                  </a:lnTo>
                  <a:lnTo>
                    <a:pt x="4037" y="1971"/>
                  </a:lnTo>
                  <a:lnTo>
                    <a:pt x="4037" y="578"/>
                  </a:lnTo>
                  <a:close/>
                  <a:moveTo>
                    <a:pt x="5713" y="578"/>
                  </a:moveTo>
                  <a:lnTo>
                    <a:pt x="7105" y="578"/>
                  </a:lnTo>
                  <a:lnTo>
                    <a:pt x="7105" y="1971"/>
                  </a:lnTo>
                  <a:lnTo>
                    <a:pt x="5713" y="1971"/>
                  </a:lnTo>
                  <a:lnTo>
                    <a:pt x="5713" y="578"/>
                  </a:lnTo>
                  <a:close/>
                  <a:moveTo>
                    <a:pt x="5713" y="2473"/>
                  </a:moveTo>
                  <a:lnTo>
                    <a:pt x="7105" y="2473"/>
                  </a:lnTo>
                  <a:lnTo>
                    <a:pt x="7105" y="3866"/>
                  </a:lnTo>
                  <a:lnTo>
                    <a:pt x="5713" y="3866"/>
                  </a:lnTo>
                  <a:lnTo>
                    <a:pt x="5713" y="247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sp>
        <p:nvSpPr>
          <p:cNvPr id="25" name="矩形 24">
            <a:extLst>
              <a:ext uri="{FF2B5EF4-FFF2-40B4-BE49-F238E27FC236}">
                <a16:creationId xmlns:a16="http://schemas.microsoft.com/office/drawing/2014/main" xmlns="" id="{22B758A2-3F87-4C80-BB89-3655A3074F05}"/>
              </a:ext>
            </a:extLst>
          </p:cNvPr>
          <p:cNvSpPr/>
          <p:nvPr/>
        </p:nvSpPr>
        <p:spPr>
          <a:xfrm>
            <a:off x="1564175" y="4281450"/>
            <a:ext cx="933269" cy="338554"/>
          </a:xfrm>
          <a:prstGeom prst="rect">
            <a:avLst/>
          </a:prstGeom>
        </p:spPr>
        <p:txBody>
          <a:bodyPr wrap="none">
            <a:spAutoFit/>
          </a:bodyPr>
          <a:lstStyle/>
          <a:p>
            <a:pPr algn="ctr" defTabSz="914373"/>
            <a:r>
              <a:rPr lang="en-US" altLang="zh-CN" sz="1600" kern="0" dirty="0">
                <a:cs typeface="+mn-ea"/>
                <a:sym typeface="+mn-lt"/>
              </a:rPr>
              <a:t>Campus</a:t>
            </a:r>
          </a:p>
        </p:txBody>
      </p:sp>
      <p:sp>
        <p:nvSpPr>
          <p:cNvPr id="26" name="矩形 25">
            <a:extLst>
              <a:ext uri="{FF2B5EF4-FFF2-40B4-BE49-F238E27FC236}">
                <a16:creationId xmlns:a16="http://schemas.microsoft.com/office/drawing/2014/main" xmlns="" id="{C6A630E9-6F2E-4219-9DE5-74ADC102DDB5}"/>
              </a:ext>
            </a:extLst>
          </p:cNvPr>
          <p:cNvSpPr/>
          <p:nvPr/>
        </p:nvSpPr>
        <p:spPr>
          <a:xfrm>
            <a:off x="1613868" y="5587504"/>
            <a:ext cx="833883" cy="338554"/>
          </a:xfrm>
          <a:prstGeom prst="rect">
            <a:avLst/>
          </a:prstGeom>
        </p:spPr>
        <p:txBody>
          <a:bodyPr wrap="none">
            <a:spAutoFit/>
          </a:bodyPr>
          <a:lstStyle/>
          <a:p>
            <a:pPr algn="ctr" defTabSz="914373"/>
            <a:r>
              <a:rPr lang="en-US" altLang="zh-CN" sz="1600" kern="0" dirty="0">
                <a:cs typeface="+mn-ea"/>
                <a:sym typeface="+mn-lt"/>
              </a:rPr>
              <a:t>Branch</a:t>
            </a:r>
          </a:p>
        </p:txBody>
      </p:sp>
      <p:sp>
        <p:nvSpPr>
          <p:cNvPr id="27" name="Freeform 116">
            <a:extLst>
              <a:ext uri="{FF2B5EF4-FFF2-40B4-BE49-F238E27FC236}">
                <a16:creationId xmlns:a16="http://schemas.microsoft.com/office/drawing/2014/main" xmlns="" id="{D3D62899-F7DF-4FB7-94A9-5180D5AB5991}"/>
              </a:ext>
            </a:extLst>
          </p:cNvPr>
          <p:cNvSpPr>
            <a:spLocks noEditPoints="1"/>
          </p:cNvSpPr>
          <p:nvPr/>
        </p:nvSpPr>
        <p:spPr bwMode="auto">
          <a:xfrm>
            <a:off x="2843638" y="4079950"/>
            <a:ext cx="260551"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8" name="Freeform 116">
            <a:extLst>
              <a:ext uri="{FF2B5EF4-FFF2-40B4-BE49-F238E27FC236}">
                <a16:creationId xmlns:a16="http://schemas.microsoft.com/office/drawing/2014/main" xmlns="" id="{3FE4FC27-A6B4-44FF-8C7F-51DC12659C9B}"/>
              </a:ext>
            </a:extLst>
          </p:cNvPr>
          <p:cNvSpPr>
            <a:spLocks noEditPoints="1"/>
          </p:cNvSpPr>
          <p:nvPr/>
        </p:nvSpPr>
        <p:spPr bwMode="auto">
          <a:xfrm>
            <a:off x="2855847" y="4465285"/>
            <a:ext cx="260551"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nvGrpSpPr>
          <p:cNvPr id="29" name="组合 594">
            <a:extLst>
              <a:ext uri="{FF2B5EF4-FFF2-40B4-BE49-F238E27FC236}">
                <a16:creationId xmlns:a16="http://schemas.microsoft.com/office/drawing/2014/main" xmlns="" id="{F213EEBF-1C1D-4423-A0EB-DA755F293CF2}"/>
              </a:ext>
            </a:extLst>
          </p:cNvPr>
          <p:cNvGrpSpPr/>
          <p:nvPr/>
        </p:nvGrpSpPr>
        <p:grpSpPr>
          <a:xfrm>
            <a:off x="2471453" y="3965479"/>
            <a:ext cx="125122" cy="110325"/>
            <a:chOff x="10096500" y="3467100"/>
            <a:chExt cx="238125" cy="212725"/>
          </a:xfrm>
          <a:solidFill>
            <a:srgbClr val="0076B1"/>
          </a:solidFill>
        </p:grpSpPr>
        <p:sp>
          <p:nvSpPr>
            <p:cNvPr id="30" name="Freeform 511">
              <a:extLst>
                <a:ext uri="{FF2B5EF4-FFF2-40B4-BE49-F238E27FC236}">
                  <a16:creationId xmlns:a16="http://schemas.microsoft.com/office/drawing/2014/main" xmlns="" id="{974D9CFB-1A85-4CBC-8493-1C520E0A5610}"/>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31" name="Freeform 512">
              <a:extLst>
                <a:ext uri="{FF2B5EF4-FFF2-40B4-BE49-F238E27FC236}">
                  <a16:creationId xmlns:a16="http://schemas.microsoft.com/office/drawing/2014/main" xmlns="" id="{35FAEFDA-0067-4FEE-BD07-6CA85671CEB1}"/>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32" name="Freeform 513">
              <a:extLst>
                <a:ext uri="{FF2B5EF4-FFF2-40B4-BE49-F238E27FC236}">
                  <a16:creationId xmlns:a16="http://schemas.microsoft.com/office/drawing/2014/main" xmlns="" id="{94ADB85B-1430-4E55-97B8-47567AD33899}"/>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33" name="Freeform 515">
              <a:extLst>
                <a:ext uri="{FF2B5EF4-FFF2-40B4-BE49-F238E27FC236}">
                  <a16:creationId xmlns:a16="http://schemas.microsoft.com/office/drawing/2014/main" xmlns="" id="{9085E220-7ACA-426F-8087-497B3997CA9D}"/>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grpSp>
        <p:nvGrpSpPr>
          <p:cNvPr id="34" name="组合 594">
            <a:extLst>
              <a:ext uri="{FF2B5EF4-FFF2-40B4-BE49-F238E27FC236}">
                <a16:creationId xmlns:a16="http://schemas.microsoft.com/office/drawing/2014/main" xmlns="" id="{29EA4E84-5AD3-41F4-978F-09B26EEA92C1}"/>
              </a:ext>
            </a:extLst>
          </p:cNvPr>
          <p:cNvGrpSpPr/>
          <p:nvPr/>
        </p:nvGrpSpPr>
        <p:grpSpPr>
          <a:xfrm>
            <a:off x="2565304" y="4152648"/>
            <a:ext cx="125122" cy="110325"/>
            <a:chOff x="10096500" y="3467100"/>
            <a:chExt cx="238125" cy="212725"/>
          </a:xfrm>
          <a:solidFill>
            <a:srgbClr val="0076B1"/>
          </a:solidFill>
        </p:grpSpPr>
        <p:sp>
          <p:nvSpPr>
            <p:cNvPr id="35" name="Freeform 511">
              <a:extLst>
                <a:ext uri="{FF2B5EF4-FFF2-40B4-BE49-F238E27FC236}">
                  <a16:creationId xmlns:a16="http://schemas.microsoft.com/office/drawing/2014/main" xmlns="" id="{12ED8991-9A5F-473C-B3F2-A82C0EC9CB8C}"/>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36" name="Freeform 512">
              <a:extLst>
                <a:ext uri="{FF2B5EF4-FFF2-40B4-BE49-F238E27FC236}">
                  <a16:creationId xmlns:a16="http://schemas.microsoft.com/office/drawing/2014/main" xmlns="" id="{B9C75C8C-B835-48D6-AC17-9DF39621712B}"/>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37" name="Freeform 513">
              <a:extLst>
                <a:ext uri="{FF2B5EF4-FFF2-40B4-BE49-F238E27FC236}">
                  <a16:creationId xmlns:a16="http://schemas.microsoft.com/office/drawing/2014/main" xmlns="" id="{CBEE49E4-5BB5-4A2D-8993-43CD9182195E}"/>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38" name="Freeform 515">
              <a:extLst>
                <a:ext uri="{FF2B5EF4-FFF2-40B4-BE49-F238E27FC236}">
                  <a16:creationId xmlns:a16="http://schemas.microsoft.com/office/drawing/2014/main" xmlns="" id="{6BAEEBFF-0BEA-4DF0-8055-280B43C02C04}"/>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grpSp>
        <p:nvGrpSpPr>
          <p:cNvPr id="39" name="组合 594">
            <a:extLst>
              <a:ext uri="{FF2B5EF4-FFF2-40B4-BE49-F238E27FC236}">
                <a16:creationId xmlns:a16="http://schemas.microsoft.com/office/drawing/2014/main" xmlns="" id="{869CDAA0-D726-4A56-B016-26FCC9F2EB0C}"/>
              </a:ext>
            </a:extLst>
          </p:cNvPr>
          <p:cNvGrpSpPr/>
          <p:nvPr/>
        </p:nvGrpSpPr>
        <p:grpSpPr>
          <a:xfrm>
            <a:off x="2460585" y="4339817"/>
            <a:ext cx="125122" cy="110325"/>
            <a:chOff x="10096500" y="3467100"/>
            <a:chExt cx="238125" cy="212725"/>
          </a:xfrm>
          <a:solidFill>
            <a:srgbClr val="0076B1"/>
          </a:solidFill>
        </p:grpSpPr>
        <p:sp>
          <p:nvSpPr>
            <p:cNvPr id="40" name="Freeform 511">
              <a:extLst>
                <a:ext uri="{FF2B5EF4-FFF2-40B4-BE49-F238E27FC236}">
                  <a16:creationId xmlns:a16="http://schemas.microsoft.com/office/drawing/2014/main" xmlns="" id="{5A834CDD-4C1F-4570-B8AF-30686E36258D}"/>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41" name="Freeform 512">
              <a:extLst>
                <a:ext uri="{FF2B5EF4-FFF2-40B4-BE49-F238E27FC236}">
                  <a16:creationId xmlns:a16="http://schemas.microsoft.com/office/drawing/2014/main" xmlns="" id="{2C62D05B-83FC-428A-B551-FD673CF14913}"/>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42" name="Freeform 513">
              <a:extLst>
                <a:ext uri="{FF2B5EF4-FFF2-40B4-BE49-F238E27FC236}">
                  <a16:creationId xmlns:a16="http://schemas.microsoft.com/office/drawing/2014/main" xmlns="" id="{62DA00B1-6418-453D-9F71-A46CF16B52FB}"/>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43" name="Freeform 515">
              <a:extLst>
                <a:ext uri="{FF2B5EF4-FFF2-40B4-BE49-F238E27FC236}">
                  <a16:creationId xmlns:a16="http://schemas.microsoft.com/office/drawing/2014/main" xmlns="" id="{654679A9-8723-4D01-9AEC-D04022EE454F}"/>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cxnSp>
        <p:nvCxnSpPr>
          <p:cNvPr id="44" name="直接连接符 43">
            <a:extLst>
              <a:ext uri="{FF2B5EF4-FFF2-40B4-BE49-F238E27FC236}">
                <a16:creationId xmlns:a16="http://schemas.microsoft.com/office/drawing/2014/main" xmlns="" id="{6F4407FD-EB61-4357-B753-618BA7B0A422}"/>
              </a:ext>
            </a:extLst>
          </p:cNvPr>
          <p:cNvCxnSpPr/>
          <p:nvPr/>
        </p:nvCxnSpPr>
        <p:spPr>
          <a:xfrm>
            <a:off x="3319244" y="4316830"/>
            <a:ext cx="176884"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45" name="直接连接符 44">
            <a:extLst>
              <a:ext uri="{FF2B5EF4-FFF2-40B4-BE49-F238E27FC236}">
                <a16:creationId xmlns:a16="http://schemas.microsoft.com/office/drawing/2014/main" xmlns="" id="{5C893AEE-F536-49D6-B019-1F81BF3FC574}"/>
              </a:ext>
            </a:extLst>
          </p:cNvPr>
          <p:cNvCxnSpPr/>
          <p:nvPr/>
        </p:nvCxnSpPr>
        <p:spPr>
          <a:xfrm>
            <a:off x="3121602" y="4110820"/>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46" name="直接连接符 45">
            <a:extLst>
              <a:ext uri="{FF2B5EF4-FFF2-40B4-BE49-F238E27FC236}">
                <a16:creationId xmlns:a16="http://schemas.microsoft.com/office/drawing/2014/main" xmlns="" id="{EF5BD758-7698-4609-B93C-72194FFB1EAC}"/>
              </a:ext>
            </a:extLst>
          </p:cNvPr>
          <p:cNvCxnSpPr/>
          <p:nvPr/>
        </p:nvCxnSpPr>
        <p:spPr>
          <a:xfrm>
            <a:off x="3127878" y="4496116"/>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47" name="直接连接符 46">
            <a:extLst>
              <a:ext uri="{FF2B5EF4-FFF2-40B4-BE49-F238E27FC236}">
                <a16:creationId xmlns:a16="http://schemas.microsoft.com/office/drawing/2014/main" xmlns="" id="{7B4EEBBE-0619-463C-9748-6B96D474BF71}"/>
              </a:ext>
            </a:extLst>
          </p:cNvPr>
          <p:cNvCxnSpPr/>
          <p:nvPr/>
        </p:nvCxnSpPr>
        <p:spPr>
          <a:xfrm>
            <a:off x="2667569" y="4578250"/>
            <a:ext cx="88442" cy="0"/>
          </a:xfrm>
          <a:prstGeom prst="line">
            <a:avLst/>
          </a:prstGeom>
        </p:spPr>
        <p:style>
          <a:lnRef idx="1">
            <a:schemeClr val="accent1"/>
          </a:lnRef>
          <a:fillRef idx="0">
            <a:schemeClr val="accent1"/>
          </a:fillRef>
          <a:effectRef idx="0">
            <a:schemeClr val="accent1"/>
          </a:effectRef>
          <a:fontRef idx="minor">
            <a:schemeClr val="tx1"/>
          </a:fontRef>
        </p:style>
      </p:cxnSp>
      <p:grpSp>
        <p:nvGrpSpPr>
          <p:cNvPr id="48" name="组合 594">
            <a:extLst>
              <a:ext uri="{FF2B5EF4-FFF2-40B4-BE49-F238E27FC236}">
                <a16:creationId xmlns:a16="http://schemas.microsoft.com/office/drawing/2014/main" xmlns="" id="{E7B0C507-C279-487F-96E0-FD49F6BA6396}"/>
              </a:ext>
            </a:extLst>
          </p:cNvPr>
          <p:cNvGrpSpPr/>
          <p:nvPr/>
        </p:nvGrpSpPr>
        <p:grpSpPr>
          <a:xfrm>
            <a:off x="2539192" y="4526986"/>
            <a:ext cx="125122" cy="110325"/>
            <a:chOff x="10096500" y="3467100"/>
            <a:chExt cx="238125" cy="212725"/>
          </a:xfrm>
          <a:solidFill>
            <a:srgbClr val="0076B1"/>
          </a:solidFill>
        </p:grpSpPr>
        <p:sp>
          <p:nvSpPr>
            <p:cNvPr id="49" name="Freeform 511">
              <a:extLst>
                <a:ext uri="{FF2B5EF4-FFF2-40B4-BE49-F238E27FC236}">
                  <a16:creationId xmlns:a16="http://schemas.microsoft.com/office/drawing/2014/main" xmlns="" id="{E76ACA34-CA91-435C-8BF3-937ACBE19149}"/>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50" name="Freeform 512">
              <a:extLst>
                <a:ext uri="{FF2B5EF4-FFF2-40B4-BE49-F238E27FC236}">
                  <a16:creationId xmlns:a16="http://schemas.microsoft.com/office/drawing/2014/main" xmlns="" id="{C95B6C33-8005-461D-AB39-76EC866A334B}"/>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51" name="Freeform 513">
              <a:extLst>
                <a:ext uri="{FF2B5EF4-FFF2-40B4-BE49-F238E27FC236}">
                  <a16:creationId xmlns:a16="http://schemas.microsoft.com/office/drawing/2014/main" xmlns="" id="{B575283B-FFDC-4C78-BE0C-9C9BC224344E}"/>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52" name="Freeform 515">
              <a:extLst>
                <a:ext uri="{FF2B5EF4-FFF2-40B4-BE49-F238E27FC236}">
                  <a16:creationId xmlns:a16="http://schemas.microsoft.com/office/drawing/2014/main" xmlns="" id="{DE07CE15-B0FD-4CA4-940F-B52D7566C8EE}"/>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cxnSp>
        <p:nvCxnSpPr>
          <p:cNvPr id="53" name="直接连接符 52">
            <a:extLst>
              <a:ext uri="{FF2B5EF4-FFF2-40B4-BE49-F238E27FC236}">
                <a16:creationId xmlns:a16="http://schemas.microsoft.com/office/drawing/2014/main" xmlns="" id="{39A521C4-A726-4CFA-839E-A9B252CF7811}"/>
              </a:ext>
            </a:extLst>
          </p:cNvPr>
          <p:cNvCxnSpPr/>
          <p:nvPr/>
        </p:nvCxnSpPr>
        <p:spPr>
          <a:xfrm>
            <a:off x="2614265" y="4385930"/>
            <a:ext cx="141663"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4" name="直接连接符 53">
            <a:extLst>
              <a:ext uri="{FF2B5EF4-FFF2-40B4-BE49-F238E27FC236}">
                <a16:creationId xmlns:a16="http://schemas.microsoft.com/office/drawing/2014/main" xmlns="" id="{282F7800-C134-44A2-8794-771360176460}"/>
              </a:ext>
            </a:extLst>
          </p:cNvPr>
          <p:cNvCxnSpPr/>
          <p:nvPr/>
        </p:nvCxnSpPr>
        <p:spPr>
          <a:xfrm>
            <a:off x="2614265" y="4021466"/>
            <a:ext cx="141663"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5" name="直接连接符 54">
            <a:extLst>
              <a:ext uri="{FF2B5EF4-FFF2-40B4-BE49-F238E27FC236}">
                <a16:creationId xmlns:a16="http://schemas.microsoft.com/office/drawing/2014/main" xmlns="" id="{BE780B69-7FDA-4638-BB50-AEE9E20E8FE6}"/>
              </a:ext>
            </a:extLst>
          </p:cNvPr>
          <p:cNvCxnSpPr/>
          <p:nvPr/>
        </p:nvCxnSpPr>
        <p:spPr>
          <a:xfrm>
            <a:off x="2667569" y="4234533"/>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6" name="直接连接符 55">
            <a:extLst>
              <a:ext uri="{FF2B5EF4-FFF2-40B4-BE49-F238E27FC236}">
                <a16:creationId xmlns:a16="http://schemas.microsoft.com/office/drawing/2014/main" xmlns="" id="{CA2A6406-32B4-4310-B66D-6ABA4D71D707}"/>
              </a:ext>
            </a:extLst>
          </p:cNvPr>
          <p:cNvCxnSpPr/>
          <p:nvPr/>
        </p:nvCxnSpPr>
        <p:spPr>
          <a:xfrm>
            <a:off x="2752052" y="4022368"/>
            <a:ext cx="0" cy="565814"/>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7" name="直接连接符 56">
            <a:extLst>
              <a:ext uri="{FF2B5EF4-FFF2-40B4-BE49-F238E27FC236}">
                <a16:creationId xmlns:a16="http://schemas.microsoft.com/office/drawing/2014/main" xmlns="" id="{7A1CEEEA-065F-4879-A6F6-B77600D040E1}"/>
              </a:ext>
            </a:extLst>
          </p:cNvPr>
          <p:cNvCxnSpPr/>
          <p:nvPr/>
        </p:nvCxnSpPr>
        <p:spPr>
          <a:xfrm>
            <a:off x="2756010" y="4110820"/>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8" name="直接连接符 57">
            <a:extLst>
              <a:ext uri="{FF2B5EF4-FFF2-40B4-BE49-F238E27FC236}">
                <a16:creationId xmlns:a16="http://schemas.microsoft.com/office/drawing/2014/main" xmlns="" id="{45120BDE-ED37-4D2C-B3C7-810C608B0FC3}"/>
              </a:ext>
            </a:extLst>
          </p:cNvPr>
          <p:cNvCxnSpPr/>
          <p:nvPr/>
        </p:nvCxnSpPr>
        <p:spPr>
          <a:xfrm>
            <a:off x="2756010" y="4496116"/>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9" name="直接连接符 58">
            <a:extLst>
              <a:ext uri="{FF2B5EF4-FFF2-40B4-BE49-F238E27FC236}">
                <a16:creationId xmlns:a16="http://schemas.microsoft.com/office/drawing/2014/main" xmlns="" id="{3AE30EA6-00BB-493B-B221-3F8333EF84F2}"/>
              </a:ext>
            </a:extLst>
          </p:cNvPr>
          <p:cNvCxnSpPr/>
          <p:nvPr/>
        </p:nvCxnSpPr>
        <p:spPr>
          <a:xfrm>
            <a:off x="3211227" y="4110861"/>
            <a:ext cx="0" cy="385294"/>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60" name="Freeform 116">
            <a:extLst>
              <a:ext uri="{FF2B5EF4-FFF2-40B4-BE49-F238E27FC236}">
                <a16:creationId xmlns:a16="http://schemas.microsoft.com/office/drawing/2014/main" xmlns="" id="{89F49F8E-BACF-49D4-8A56-3AEFF1B16657}"/>
              </a:ext>
            </a:extLst>
          </p:cNvPr>
          <p:cNvSpPr>
            <a:spLocks noEditPoints="1"/>
          </p:cNvSpPr>
          <p:nvPr/>
        </p:nvSpPr>
        <p:spPr bwMode="auto">
          <a:xfrm>
            <a:off x="3026041" y="4286001"/>
            <a:ext cx="260551"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nvGrpSpPr>
          <p:cNvPr id="61" name="组合 594">
            <a:extLst>
              <a:ext uri="{FF2B5EF4-FFF2-40B4-BE49-F238E27FC236}">
                <a16:creationId xmlns:a16="http://schemas.microsoft.com/office/drawing/2014/main" xmlns="" id="{B39357EC-A998-4040-8515-7009AEE63E8F}"/>
              </a:ext>
            </a:extLst>
          </p:cNvPr>
          <p:cNvGrpSpPr/>
          <p:nvPr/>
        </p:nvGrpSpPr>
        <p:grpSpPr>
          <a:xfrm>
            <a:off x="2477797" y="5395032"/>
            <a:ext cx="125122" cy="110325"/>
            <a:chOff x="10096500" y="3467100"/>
            <a:chExt cx="238125" cy="212725"/>
          </a:xfrm>
          <a:solidFill>
            <a:srgbClr val="0076B1"/>
          </a:solidFill>
        </p:grpSpPr>
        <p:sp>
          <p:nvSpPr>
            <p:cNvPr id="62" name="Freeform 511">
              <a:extLst>
                <a:ext uri="{FF2B5EF4-FFF2-40B4-BE49-F238E27FC236}">
                  <a16:creationId xmlns:a16="http://schemas.microsoft.com/office/drawing/2014/main" xmlns="" id="{9DC2829B-025C-4D36-B09F-CE121AE22918}"/>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63" name="Freeform 512">
              <a:extLst>
                <a:ext uri="{FF2B5EF4-FFF2-40B4-BE49-F238E27FC236}">
                  <a16:creationId xmlns:a16="http://schemas.microsoft.com/office/drawing/2014/main" xmlns="" id="{47D61B56-44F6-456B-8659-E9BEF04DE333}"/>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64" name="Freeform 513">
              <a:extLst>
                <a:ext uri="{FF2B5EF4-FFF2-40B4-BE49-F238E27FC236}">
                  <a16:creationId xmlns:a16="http://schemas.microsoft.com/office/drawing/2014/main" xmlns="" id="{65DF08B5-2ABE-4E49-995F-33FE7F244F1F}"/>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65" name="Freeform 515">
              <a:extLst>
                <a:ext uri="{FF2B5EF4-FFF2-40B4-BE49-F238E27FC236}">
                  <a16:creationId xmlns:a16="http://schemas.microsoft.com/office/drawing/2014/main" xmlns="" id="{04B6D2CF-BF99-4AD9-BEFD-B932AF51B73B}"/>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grpSp>
        <p:nvGrpSpPr>
          <p:cNvPr id="66" name="组合 594">
            <a:extLst>
              <a:ext uri="{FF2B5EF4-FFF2-40B4-BE49-F238E27FC236}">
                <a16:creationId xmlns:a16="http://schemas.microsoft.com/office/drawing/2014/main" xmlns="" id="{AC48EB20-1C8A-48B4-817E-BA8330933A5D}"/>
              </a:ext>
            </a:extLst>
          </p:cNvPr>
          <p:cNvGrpSpPr/>
          <p:nvPr/>
        </p:nvGrpSpPr>
        <p:grpSpPr>
          <a:xfrm>
            <a:off x="2559775" y="5549487"/>
            <a:ext cx="125122" cy="110325"/>
            <a:chOff x="10096500" y="3467100"/>
            <a:chExt cx="238125" cy="212725"/>
          </a:xfrm>
          <a:solidFill>
            <a:srgbClr val="0076B1"/>
          </a:solidFill>
        </p:grpSpPr>
        <p:sp>
          <p:nvSpPr>
            <p:cNvPr id="67" name="Freeform 511">
              <a:extLst>
                <a:ext uri="{FF2B5EF4-FFF2-40B4-BE49-F238E27FC236}">
                  <a16:creationId xmlns:a16="http://schemas.microsoft.com/office/drawing/2014/main" xmlns="" id="{AA48B973-6A41-4C6F-BF0F-C4BB970BFAC8}"/>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68" name="Freeform 512">
              <a:extLst>
                <a:ext uri="{FF2B5EF4-FFF2-40B4-BE49-F238E27FC236}">
                  <a16:creationId xmlns:a16="http://schemas.microsoft.com/office/drawing/2014/main" xmlns="" id="{50ECD797-5755-447F-A635-BE4C46B3F435}"/>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69" name="Freeform 513">
              <a:extLst>
                <a:ext uri="{FF2B5EF4-FFF2-40B4-BE49-F238E27FC236}">
                  <a16:creationId xmlns:a16="http://schemas.microsoft.com/office/drawing/2014/main" xmlns="" id="{77F55ACB-AFFB-47D7-AD79-58E707A80588}"/>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70" name="Freeform 515">
              <a:extLst>
                <a:ext uri="{FF2B5EF4-FFF2-40B4-BE49-F238E27FC236}">
                  <a16:creationId xmlns:a16="http://schemas.microsoft.com/office/drawing/2014/main" xmlns="" id="{69668196-0397-487D-AAC5-4C6D43C15321}"/>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cxnSp>
        <p:nvCxnSpPr>
          <p:cNvPr id="71" name="直接连接符 70">
            <a:extLst>
              <a:ext uri="{FF2B5EF4-FFF2-40B4-BE49-F238E27FC236}">
                <a16:creationId xmlns:a16="http://schemas.microsoft.com/office/drawing/2014/main" xmlns="" id="{6461124C-9D46-40AA-AE82-BA778A82D2C5}"/>
              </a:ext>
            </a:extLst>
          </p:cNvPr>
          <p:cNvCxnSpPr/>
          <p:nvPr/>
        </p:nvCxnSpPr>
        <p:spPr>
          <a:xfrm>
            <a:off x="3336655" y="5523926"/>
            <a:ext cx="176884"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72" name="Freeform 116">
            <a:extLst>
              <a:ext uri="{FF2B5EF4-FFF2-40B4-BE49-F238E27FC236}">
                <a16:creationId xmlns:a16="http://schemas.microsoft.com/office/drawing/2014/main" xmlns="" id="{35B6CF09-C68F-40B5-8763-EBE1D53D0B50}"/>
              </a:ext>
            </a:extLst>
          </p:cNvPr>
          <p:cNvSpPr>
            <a:spLocks noEditPoints="1"/>
          </p:cNvSpPr>
          <p:nvPr/>
        </p:nvSpPr>
        <p:spPr bwMode="auto">
          <a:xfrm>
            <a:off x="3040578" y="5493096"/>
            <a:ext cx="260551"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cxnSp>
        <p:nvCxnSpPr>
          <p:cNvPr id="73" name="直接连接符 72">
            <a:extLst>
              <a:ext uri="{FF2B5EF4-FFF2-40B4-BE49-F238E27FC236}">
                <a16:creationId xmlns:a16="http://schemas.microsoft.com/office/drawing/2014/main" xmlns="" id="{44254E82-6E53-4071-BC4C-149D052BF119}"/>
              </a:ext>
            </a:extLst>
          </p:cNvPr>
          <p:cNvCxnSpPr/>
          <p:nvPr/>
        </p:nvCxnSpPr>
        <p:spPr>
          <a:xfrm>
            <a:off x="2808099" y="5523926"/>
            <a:ext cx="176884"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74" name="矩形 73">
            <a:extLst>
              <a:ext uri="{FF2B5EF4-FFF2-40B4-BE49-F238E27FC236}">
                <a16:creationId xmlns:a16="http://schemas.microsoft.com/office/drawing/2014/main" xmlns="" id="{A63CD788-374B-43D1-8DC1-CDECA996AD48}"/>
              </a:ext>
            </a:extLst>
          </p:cNvPr>
          <p:cNvSpPr/>
          <p:nvPr/>
        </p:nvSpPr>
        <p:spPr>
          <a:xfrm flipH="1">
            <a:off x="3098545" y="4466979"/>
            <a:ext cx="660470" cy="338554"/>
          </a:xfrm>
          <a:prstGeom prst="rect">
            <a:avLst/>
          </a:prstGeom>
        </p:spPr>
        <p:txBody>
          <a:bodyPr wrap="square">
            <a:spAutoFit/>
          </a:bodyPr>
          <a:lstStyle/>
          <a:p>
            <a:pPr algn="ctr" defTabSz="914373"/>
            <a:r>
              <a:rPr lang="en-US" altLang="zh-CN" sz="1600" kern="0" dirty="0">
                <a:cs typeface="+mn-ea"/>
                <a:sym typeface="+mn-lt"/>
              </a:rPr>
              <a:t>CPE</a:t>
            </a:r>
          </a:p>
        </p:txBody>
      </p:sp>
      <p:grpSp>
        <p:nvGrpSpPr>
          <p:cNvPr id="75" name="组合 167">
            <a:extLst>
              <a:ext uri="{FF2B5EF4-FFF2-40B4-BE49-F238E27FC236}">
                <a16:creationId xmlns:a16="http://schemas.microsoft.com/office/drawing/2014/main" xmlns="" id="{3AB43C9D-B1C8-4C5E-B0B5-FDDA6F119773}"/>
              </a:ext>
            </a:extLst>
          </p:cNvPr>
          <p:cNvGrpSpPr/>
          <p:nvPr/>
        </p:nvGrpSpPr>
        <p:grpSpPr>
          <a:xfrm>
            <a:off x="3478702" y="4196243"/>
            <a:ext cx="275353" cy="263444"/>
            <a:chOff x="3833193" y="3926598"/>
            <a:chExt cx="611915" cy="593154"/>
          </a:xfrm>
        </p:grpSpPr>
        <p:sp>
          <p:nvSpPr>
            <p:cNvPr id="76" name="椭圆 75">
              <a:extLst>
                <a:ext uri="{FF2B5EF4-FFF2-40B4-BE49-F238E27FC236}">
                  <a16:creationId xmlns:a16="http://schemas.microsoft.com/office/drawing/2014/main" xmlns="" id="{1BE1160C-B4FA-4AFA-AE4D-C9E421CE0C02}"/>
                </a:ext>
              </a:extLst>
            </p:cNvPr>
            <p:cNvSpPr/>
            <p:nvPr/>
          </p:nvSpPr>
          <p:spPr bwMode="auto">
            <a:xfrm>
              <a:off x="3833193" y="3926598"/>
              <a:ext cx="593154" cy="593154"/>
            </a:xfrm>
            <a:prstGeom prst="ellipse">
              <a:avLst/>
            </a:prstGeom>
            <a:solidFill>
              <a:schemeClr val="bg1"/>
            </a:solidFill>
            <a:ln>
              <a:noFill/>
            </a:ln>
            <a:effectLst/>
          </p:spPr>
          <p:txBody>
            <a:bodyPr vert="horz" wrap="square" lIns="91440" tIns="45720" rIns="91440" bIns="45720" numCol="1" rtlCol="0" anchor="t" anchorCtr="0" compatLnSpc="1">
              <a:prstTxWarp prst="textNoShape">
                <a:avLst/>
              </a:prstTxWarp>
            </a:bodyPr>
            <a:lstStyle/>
            <a:p>
              <a:pPr defTabSz="914400" fontAlgn="base">
                <a:spcBef>
                  <a:spcPct val="0"/>
                </a:spcBef>
                <a:spcAft>
                  <a:spcPct val="0"/>
                </a:spcAft>
                <a:buClr>
                  <a:srgbClr val="CC9900"/>
                </a:buClr>
              </a:pPr>
              <a:endParaRPr lang="zh-CN" altLang="en-US" sz="1600" dirty="0">
                <a:cs typeface="+mn-ea"/>
                <a:sym typeface="+mn-lt"/>
              </a:endParaRPr>
            </a:p>
          </p:txBody>
        </p:sp>
        <p:sp>
          <p:nvSpPr>
            <p:cNvPr id="77" name="Freeform 26">
              <a:extLst>
                <a:ext uri="{FF2B5EF4-FFF2-40B4-BE49-F238E27FC236}">
                  <a16:creationId xmlns:a16="http://schemas.microsoft.com/office/drawing/2014/main" xmlns="" id="{FCCCC3BC-9B50-496E-B3F2-DEB164E7B7ED}"/>
                </a:ext>
              </a:extLst>
            </p:cNvPr>
            <p:cNvSpPr>
              <a:spLocks noEditPoints="1"/>
            </p:cNvSpPr>
            <p:nvPr/>
          </p:nvSpPr>
          <p:spPr bwMode="auto">
            <a:xfrm>
              <a:off x="3924864" y="3975079"/>
              <a:ext cx="520244" cy="496184"/>
            </a:xfrm>
            <a:custGeom>
              <a:avLst/>
              <a:gdLst/>
              <a:ahLst/>
              <a:cxnLst>
                <a:cxn ang="0">
                  <a:pos x="140" y="0"/>
                </a:cxn>
                <a:cxn ang="0">
                  <a:pos x="0" y="140"/>
                </a:cxn>
                <a:cxn ang="0">
                  <a:pos x="140" y="280"/>
                </a:cxn>
                <a:cxn ang="0">
                  <a:pos x="280" y="140"/>
                </a:cxn>
                <a:cxn ang="0">
                  <a:pos x="140" y="0"/>
                </a:cxn>
                <a:cxn ang="0">
                  <a:pos x="71" y="152"/>
                </a:cxn>
                <a:cxn ang="0">
                  <a:pos x="71" y="163"/>
                </a:cxn>
                <a:cxn ang="0">
                  <a:pos x="31" y="140"/>
                </a:cxn>
                <a:cxn ang="0">
                  <a:pos x="71" y="114"/>
                </a:cxn>
                <a:cxn ang="0">
                  <a:pos x="71" y="126"/>
                </a:cxn>
                <a:cxn ang="0">
                  <a:pos x="102" y="126"/>
                </a:cxn>
                <a:cxn ang="0">
                  <a:pos x="102" y="152"/>
                </a:cxn>
                <a:cxn ang="0">
                  <a:pos x="71" y="152"/>
                </a:cxn>
                <a:cxn ang="0">
                  <a:pos x="153" y="244"/>
                </a:cxn>
                <a:cxn ang="0">
                  <a:pos x="128" y="244"/>
                </a:cxn>
                <a:cxn ang="0">
                  <a:pos x="128" y="212"/>
                </a:cxn>
                <a:cxn ang="0">
                  <a:pos x="116" y="212"/>
                </a:cxn>
                <a:cxn ang="0">
                  <a:pos x="139" y="173"/>
                </a:cxn>
                <a:cxn ang="0">
                  <a:pos x="165" y="213"/>
                </a:cxn>
                <a:cxn ang="0">
                  <a:pos x="153" y="213"/>
                </a:cxn>
                <a:cxn ang="0">
                  <a:pos x="153" y="244"/>
                </a:cxn>
                <a:cxn ang="0">
                  <a:pos x="139" y="102"/>
                </a:cxn>
                <a:cxn ang="0">
                  <a:pos x="116" y="63"/>
                </a:cxn>
                <a:cxn ang="0">
                  <a:pos x="128" y="63"/>
                </a:cxn>
                <a:cxn ang="0">
                  <a:pos x="128" y="31"/>
                </a:cxn>
                <a:cxn ang="0">
                  <a:pos x="153" y="32"/>
                </a:cxn>
                <a:cxn ang="0">
                  <a:pos x="153" y="63"/>
                </a:cxn>
                <a:cxn ang="0">
                  <a:pos x="165" y="63"/>
                </a:cxn>
                <a:cxn ang="0">
                  <a:pos x="139" y="102"/>
                </a:cxn>
                <a:cxn ang="0">
                  <a:pos x="208" y="163"/>
                </a:cxn>
                <a:cxn ang="0">
                  <a:pos x="208" y="152"/>
                </a:cxn>
                <a:cxn ang="0">
                  <a:pos x="177" y="152"/>
                </a:cxn>
                <a:cxn ang="0">
                  <a:pos x="177" y="126"/>
                </a:cxn>
                <a:cxn ang="0">
                  <a:pos x="208" y="126"/>
                </a:cxn>
                <a:cxn ang="0">
                  <a:pos x="208" y="114"/>
                </a:cxn>
                <a:cxn ang="0">
                  <a:pos x="248" y="140"/>
                </a:cxn>
                <a:cxn ang="0">
                  <a:pos x="208" y="163"/>
                </a:cxn>
              </a:cxnLst>
              <a:rect l="0" t="0" r="r" b="b"/>
              <a:pathLst>
                <a:path w="280" h="280">
                  <a:moveTo>
                    <a:pt x="140" y="0"/>
                  </a:moveTo>
                  <a:cubicBezTo>
                    <a:pt x="63" y="0"/>
                    <a:pt x="0" y="63"/>
                    <a:pt x="0" y="140"/>
                  </a:cubicBezTo>
                  <a:cubicBezTo>
                    <a:pt x="0" y="217"/>
                    <a:pt x="63" y="280"/>
                    <a:pt x="140" y="280"/>
                  </a:cubicBezTo>
                  <a:cubicBezTo>
                    <a:pt x="217" y="280"/>
                    <a:pt x="280" y="217"/>
                    <a:pt x="280" y="140"/>
                  </a:cubicBezTo>
                  <a:cubicBezTo>
                    <a:pt x="280" y="63"/>
                    <a:pt x="217" y="0"/>
                    <a:pt x="140" y="0"/>
                  </a:cubicBezTo>
                  <a:close/>
                  <a:moveTo>
                    <a:pt x="71" y="152"/>
                  </a:moveTo>
                  <a:cubicBezTo>
                    <a:pt x="71" y="163"/>
                    <a:pt x="71" y="163"/>
                    <a:pt x="71" y="163"/>
                  </a:cubicBezTo>
                  <a:cubicBezTo>
                    <a:pt x="31" y="140"/>
                    <a:pt x="31" y="140"/>
                    <a:pt x="31" y="140"/>
                  </a:cubicBezTo>
                  <a:cubicBezTo>
                    <a:pt x="71" y="114"/>
                    <a:pt x="71" y="114"/>
                    <a:pt x="71" y="114"/>
                  </a:cubicBezTo>
                  <a:cubicBezTo>
                    <a:pt x="71" y="126"/>
                    <a:pt x="71" y="126"/>
                    <a:pt x="71" y="126"/>
                  </a:cubicBezTo>
                  <a:cubicBezTo>
                    <a:pt x="102" y="126"/>
                    <a:pt x="102" y="126"/>
                    <a:pt x="102" y="126"/>
                  </a:cubicBezTo>
                  <a:cubicBezTo>
                    <a:pt x="102" y="152"/>
                    <a:pt x="102" y="152"/>
                    <a:pt x="102" y="152"/>
                  </a:cubicBezTo>
                  <a:lnTo>
                    <a:pt x="71" y="152"/>
                  </a:lnTo>
                  <a:close/>
                  <a:moveTo>
                    <a:pt x="153" y="244"/>
                  </a:moveTo>
                  <a:cubicBezTo>
                    <a:pt x="128" y="244"/>
                    <a:pt x="128" y="244"/>
                    <a:pt x="128" y="244"/>
                  </a:cubicBezTo>
                  <a:cubicBezTo>
                    <a:pt x="128" y="212"/>
                    <a:pt x="128" y="212"/>
                    <a:pt x="128" y="212"/>
                  </a:cubicBezTo>
                  <a:cubicBezTo>
                    <a:pt x="116" y="212"/>
                    <a:pt x="116" y="212"/>
                    <a:pt x="116" y="212"/>
                  </a:cubicBezTo>
                  <a:cubicBezTo>
                    <a:pt x="139" y="173"/>
                    <a:pt x="139" y="173"/>
                    <a:pt x="139" y="173"/>
                  </a:cubicBezTo>
                  <a:cubicBezTo>
                    <a:pt x="165" y="213"/>
                    <a:pt x="165" y="213"/>
                    <a:pt x="165" y="213"/>
                  </a:cubicBezTo>
                  <a:cubicBezTo>
                    <a:pt x="153" y="213"/>
                    <a:pt x="153" y="213"/>
                    <a:pt x="153" y="213"/>
                  </a:cubicBezTo>
                  <a:lnTo>
                    <a:pt x="153" y="244"/>
                  </a:lnTo>
                  <a:close/>
                  <a:moveTo>
                    <a:pt x="139" y="102"/>
                  </a:moveTo>
                  <a:cubicBezTo>
                    <a:pt x="116" y="63"/>
                    <a:pt x="116" y="63"/>
                    <a:pt x="116" y="63"/>
                  </a:cubicBezTo>
                  <a:cubicBezTo>
                    <a:pt x="128" y="63"/>
                    <a:pt x="128" y="63"/>
                    <a:pt x="128" y="63"/>
                  </a:cubicBezTo>
                  <a:cubicBezTo>
                    <a:pt x="128" y="31"/>
                    <a:pt x="128" y="31"/>
                    <a:pt x="128" y="31"/>
                  </a:cubicBezTo>
                  <a:cubicBezTo>
                    <a:pt x="153" y="32"/>
                    <a:pt x="153" y="32"/>
                    <a:pt x="153" y="32"/>
                  </a:cubicBezTo>
                  <a:cubicBezTo>
                    <a:pt x="153" y="63"/>
                    <a:pt x="153" y="63"/>
                    <a:pt x="153" y="63"/>
                  </a:cubicBezTo>
                  <a:cubicBezTo>
                    <a:pt x="165" y="63"/>
                    <a:pt x="165" y="63"/>
                    <a:pt x="165" y="63"/>
                  </a:cubicBezTo>
                  <a:lnTo>
                    <a:pt x="139" y="102"/>
                  </a:lnTo>
                  <a:close/>
                  <a:moveTo>
                    <a:pt x="208" y="163"/>
                  </a:moveTo>
                  <a:cubicBezTo>
                    <a:pt x="208" y="152"/>
                    <a:pt x="208" y="152"/>
                    <a:pt x="208" y="152"/>
                  </a:cubicBezTo>
                  <a:cubicBezTo>
                    <a:pt x="177" y="152"/>
                    <a:pt x="177" y="152"/>
                    <a:pt x="177" y="152"/>
                  </a:cubicBezTo>
                  <a:cubicBezTo>
                    <a:pt x="177" y="126"/>
                    <a:pt x="177" y="126"/>
                    <a:pt x="177" y="126"/>
                  </a:cubicBezTo>
                  <a:cubicBezTo>
                    <a:pt x="208" y="126"/>
                    <a:pt x="208" y="126"/>
                    <a:pt x="208" y="126"/>
                  </a:cubicBezTo>
                  <a:cubicBezTo>
                    <a:pt x="208" y="114"/>
                    <a:pt x="208" y="114"/>
                    <a:pt x="208" y="114"/>
                  </a:cubicBezTo>
                  <a:cubicBezTo>
                    <a:pt x="248" y="140"/>
                    <a:pt x="248" y="140"/>
                    <a:pt x="248" y="140"/>
                  </a:cubicBezTo>
                  <a:lnTo>
                    <a:pt x="208" y="163"/>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43840" tIns="121920" rIns="243840" bIns="121920" numCol="1" spcCol="0" rtlCol="0" fromWordArt="0" anchor="ctr" anchorCtr="0" forceAA="0" compatLnSpc="1">
              <a:prstTxWarp prst="textNoShape">
                <a:avLst/>
              </a:prstTxWarp>
              <a:noAutofit/>
            </a:bodyPr>
            <a:lstStyle/>
            <a:p>
              <a:pPr algn="ctr" defTabSz="1219088"/>
              <a:endParaRPr lang="zh-CN" altLang="en-US" sz="1600" noProof="1">
                <a:solidFill>
                  <a:schemeClr val="tx1"/>
                </a:solidFill>
                <a:cs typeface="+mn-ea"/>
                <a:sym typeface="+mn-lt"/>
              </a:endParaRPr>
            </a:p>
          </p:txBody>
        </p:sp>
      </p:grpSp>
      <p:sp>
        <p:nvSpPr>
          <p:cNvPr id="78" name="矩形 77">
            <a:extLst>
              <a:ext uri="{FF2B5EF4-FFF2-40B4-BE49-F238E27FC236}">
                <a16:creationId xmlns:a16="http://schemas.microsoft.com/office/drawing/2014/main" xmlns="" id="{B964546D-2C69-43DB-A2D6-4A00EEA2B4AE}"/>
              </a:ext>
            </a:extLst>
          </p:cNvPr>
          <p:cNvSpPr/>
          <p:nvPr/>
        </p:nvSpPr>
        <p:spPr>
          <a:xfrm flipH="1">
            <a:off x="3077078" y="5738359"/>
            <a:ext cx="660470" cy="338554"/>
          </a:xfrm>
          <a:prstGeom prst="rect">
            <a:avLst/>
          </a:prstGeom>
        </p:spPr>
        <p:txBody>
          <a:bodyPr wrap="square">
            <a:spAutoFit/>
          </a:bodyPr>
          <a:lstStyle/>
          <a:p>
            <a:pPr algn="ctr" defTabSz="914373"/>
            <a:r>
              <a:rPr lang="en-US" altLang="zh-CN" sz="1600" kern="0" dirty="0">
                <a:cs typeface="+mn-ea"/>
                <a:sym typeface="+mn-lt"/>
              </a:rPr>
              <a:t>CPE</a:t>
            </a:r>
          </a:p>
        </p:txBody>
      </p:sp>
      <p:grpSp>
        <p:nvGrpSpPr>
          <p:cNvPr id="79" name="组合 167">
            <a:extLst>
              <a:ext uri="{FF2B5EF4-FFF2-40B4-BE49-F238E27FC236}">
                <a16:creationId xmlns:a16="http://schemas.microsoft.com/office/drawing/2014/main" xmlns="" id="{E8A3684C-E7E0-48DB-9AC4-71287DDA787E}"/>
              </a:ext>
            </a:extLst>
          </p:cNvPr>
          <p:cNvGrpSpPr/>
          <p:nvPr/>
        </p:nvGrpSpPr>
        <p:grpSpPr>
          <a:xfrm>
            <a:off x="3465404" y="5360532"/>
            <a:ext cx="275353" cy="263444"/>
            <a:chOff x="3833193" y="3926598"/>
            <a:chExt cx="611915" cy="593154"/>
          </a:xfrm>
        </p:grpSpPr>
        <p:sp>
          <p:nvSpPr>
            <p:cNvPr id="80" name="椭圆 79">
              <a:extLst>
                <a:ext uri="{FF2B5EF4-FFF2-40B4-BE49-F238E27FC236}">
                  <a16:creationId xmlns:a16="http://schemas.microsoft.com/office/drawing/2014/main" xmlns="" id="{6C6824F9-828B-452A-905E-88FB8C1879AB}"/>
                </a:ext>
              </a:extLst>
            </p:cNvPr>
            <p:cNvSpPr/>
            <p:nvPr/>
          </p:nvSpPr>
          <p:spPr bwMode="auto">
            <a:xfrm>
              <a:off x="3833193" y="3926598"/>
              <a:ext cx="593154" cy="593154"/>
            </a:xfrm>
            <a:prstGeom prst="ellipse">
              <a:avLst/>
            </a:prstGeom>
            <a:solidFill>
              <a:schemeClr val="bg1"/>
            </a:solidFill>
            <a:ln>
              <a:noFill/>
            </a:ln>
            <a:effectLst/>
          </p:spPr>
          <p:txBody>
            <a:bodyPr vert="horz" wrap="square" lIns="91440" tIns="45720" rIns="91440" bIns="45720" numCol="1" rtlCol="0" anchor="t" anchorCtr="0" compatLnSpc="1">
              <a:prstTxWarp prst="textNoShape">
                <a:avLst/>
              </a:prstTxWarp>
            </a:bodyPr>
            <a:lstStyle/>
            <a:p>
              <a:pPr defTabSz="914400" fontAlgn="base">
                <a:spcBef>
                  <a:spcPct val="0"/>
                </a:spcBef>
                <a:spcAft>
                  <a:spcPct val="0"/>
                </a:spcAft>
                <a:buClr>
                  <a:srgbClr val="CC9900"/>
                </a:buClr>
              </a:pPr>
              <a:endParaRPr lang="zh-CN" altLang="en-US" sz="1600" dirty="0">
                <a:cs typeface="+mn-ea"/>
                <a:sym typeface="+mn-lt"/>
              </a:endParaRPr>
            </a:p>
          </p:txBody>
        </p:sp>
        <p:sp>
          <p:nvSpPr>
            <p:cNvPr id="81" name="Freeform 26">
              <a:extLst>
                <a:ext uri="{FF2B5EF4-FFF2-40B4-BE49-F238E27FC236}">
                  <a16:creationId xmlns:a16="http://schemas.microsoft.com/office/drawing/2014/main" xmlns="" id="{614CFDE9-7AC9-46B4-B06C-248884554C8F}"/>
                </a:ext>
              </a:extLst>
            </p:cNvPr>
            <p:cNvSpPr>
              <a:spLocks noEditPoints="1"/>
            </p:cNvSpPr>
            <p:nvPr/>
          </p:nvSpPr>
          <p:spPr bwMode="auto">
            <a:xfrm>
              <a:off x="3924864" y="3975079"/>
              <a:ext cx="520244" cy="496184"/>
            </a:xfrm>
            <a:custGeom>
              <a:avLst/>
              <a:gdLst/>
              <a:ahLst/>
              <a:cxnLst>
                <a:cxn ang="0">
                  <a:pos x="140" y="0"/>
                </a:cxn>
                <a:cxn ang="0">
                  <a:pos x="0" y="140"/>
                </a:cxn>
                <a:cxn ang="0">
                  <a:pos x="140" y="280"/>
                </a:cxn>
                <a:cxn ang="0">
                  <a:pos x="280" y="140"/>
                </a:cxn>
                <a:cxn ang="0">
                  <a:pos x="140" y="0"/>
                </a:cxn>
                <a:cxn ang="0">
                  <a:pos x="71" y="152"/>
                </a:cxn>
                <a:cxn ang="0">
                  <a:pos x="71" y="163"/>
                </a:cxn>
                <a:cxn ang="0">
                  <a:pos x="31" y="140"/>
                </a:cxn>
                <a:cxn ang="0">
                  <a:pos x="71" y="114"/>
                </a:cxn>
                <a:cxn ang="0">
                  <a:pos x="71" y="126"/>
                </a:cxn>
                <a:cxn ang="0">
                  <a:pos x="102" y="126"/>
                </a:cxn>
                <a:cxn ang="0">
                  <a:pos x="102" y="152"/>
                </a:cxn>
                <a:cxn ang="0">
                  <a:pos x="71" y="152"/>
                </a:cxn>
                <a:cxn ang="0">
                  <a:pos x="153" y="244"/>
                </a:cxn>
                <a:cxn ang="0">
                  <a:pos x="128" y="244"/>
                </a:cxn>
                <a:cxn ang="0">
                  <a:pos x="128" y="212"/>
                </a:cxn>
                <a:cxn ang="0">
                  <a:pos x="116" y="212"/>
                </a:cxn>
                <a:cxn ang="0">
                  <a:pos x="139" y="173"/>
                </a:cxn>
                <a:cxn ang="0">
                  <a:pos x="165" y="213"/>
                </a:cxn>
                <a:cxn ang="0">
                  <a:pos x="153" y="213"/>
                </a:cxn>
                <a:cxn ang="0">
                  <a:pos x="153" y="244"/>
                </a:cxn>
                <a:cxn ang="0">
                  <a:pos x="139" y="102"/>
                </a:cxn>
                <a:cxn ang="0">
                  <a:pos x="116" y="63"/>
                </a:cxn>
                <a:cxn ang="0">
                  <a:pos x="128" y="63"/>
                </a:cxn>
                <a:cxn ang="0">
                  <a:pos x="128" y="31"/>
                </a:cxn>
                <a:cxn ang="0">
                  <a:pos x="153" y="32"/>
                </a:cxn>
                <a:cxn ang="0">
                  <a:pos x="153" y="63"/>
                </a:cxn>
                <a:cxn ang="0">
                  <a:pos x="165" y="63"/>
                </a:cxn>
                <a:cxn ang="0">
                  <a:pos x="139" y="102"/>
                </a:cxn>
                <a:cxn ang="0">
                  <a:pos x="208" y="163"/>
                </a:cxn>
                <a:cxn ang="0">
                  <a:pos x="208" y="152"/>
                </a:cxn>
                <a:cxn ang="0">
                  <a:pos x="177" y="152"/>
                </a:cxn>
                <a:cxn ang="0">
                  <a:pos x="177" y="126"/>
                </a:cxn>
                <a:cxn ang="0">
                  <a:pos x="208" y="126"/>
                </a:cxn>
                <a:cxn ang="0">
                  <a:pos x="208" y="114"/>
                </a:cxn>
                <a:cxn ang="0">
                  <a:pos x="248" y="140"/>
                </a:cxn>
                <a:cxn ang="0">
                  <a:pos x="208" y="163"/>
                </a:cxn>
              </a:cxnLst>
              <a:rect l="0" t="0" r="r" b="b"/>
              <a:pathLst>
                <a:path w="280" h="280">
                  <a:moveTo>
                    <a:pt x="140" y="0"/>
                  </a:moveTo>
                  <a:cubicBezTo>
                    <a:pt x="63" y="0"/>
                    <a:pt x="0" y="63"/>
                    <a:pt x="0" y="140"/>
                  </a:cubicBezTo>
                  <a:cubicBezTo>
                    <a:pt x="0" y="217"/>
                    <a:pt x="63" y="280"/>
                    <a:pt x="140" y="280"/>
                  </a:cubicBezTo>
                  <a:cubicBezTo>
                    <a:pt x="217" y="280"/>
                    <a:pt x="280" y="217"/>
                    <a:pt x="280" y="140"/>
                  </a:cubicBezTo>
                  <a:cubicBezTo>
                    <a:pt x="280" y="63"/>
                    <a:pt x="217" y="0"/>
                    <a:pt x="140" y="0"/>
                  </a:cubicBezTo>
                  <a:close/>
                  <a:moveTo>
                    <a:pt x="71" y="152"/>
                  </a:moveTo>
                  <a:cubicBezTo>
                    <a:pt x="71" y="163"/>
                    <a:pt x="71" y="163"/>
                    <a:pt x="71" y="163"/>
                  </a:cubicBezTo>
                  <a:cubicBezTo>
                    <a:pt x="31" y="140"/>
                    <a:pt x="31" y="140"/>
                    <a:pt x="31" y="140"/>
                  </a:cubicBezTo>
                  <a:cubicBezTo>
                    <a:pt x="71" y="114"/>
                    <a:pt x="71" y="114"/>
                    <a:pt x="71" y="114"/>
                  </a:cubicBezTo>
                  <a:cubicBezTo>
                    <a:pt x="71" y="126"/>
                    <a:pt x="71" y="126"/>
                    <a:pt x="71" y="126"/>
                  </a:cubicBezTo>
                  <a:cubicBezTo>
                    <a:pt x="102" y="126"/>
                    <a:pt x="102" y="126"/>
                    <a:pt x="102" y="126"/>
                  </a:cubicBezTo>
                  <a:cubicBezTo>
                    <a:pt x="102" y="152"/>
                    <a:pt x="102" y="152"/>
                    <a:pt x="102" y="152"/>
                  </a:cubicBezTo>
                  <a:lnTo>
                    <a:pt x="71" y="152"/>
                  </a:lnTo>
                  <a:close/>
                  <a:moveTo>
                    <a:pt x="153" y="244"/>
                  </a:moveTo>
                  <a:cubicBezTo>
                    <a:pt x="128" y="244"/>
                    <a:pt x="128" y="244"/>
                    <a:pt x="128" y="244"/>
                  </a:cubicBezTo>
                  <a:cubicBezTo>
                    <a:pt x="128" y="212"/>
                    <a:pt x="128" y="212"/>
                    <a:pt x="128" y="212"/>
                  </a:cubicBezTo>
                  <a:cubicBezTo>
                    <a:pt x="116" y="212"/>
                    <a:pt x="116" y="212"/>
                    <a:pt x="116" y="212"/>
                  </a:cubicBezTo>
                  <a:cubicBezTo>
                    <a:pt x="139" y="173"/>
                    <a:pt x="139" y="173"/>
                    <a:pt x="139" y="173"/>
                  </a:cubicBezTo>
                  <a:cubicBezTo>
                    <a:pt x="165" y="213"/>
                    <a:pt x="165" y="213"/>
                    <a:pt x="165" y="213"/>
                  </a:cubicBezTo>
                  <a:cubicBezTo>
                    <a:pt x="153" y="213"/>
                    <a:pt x="153" y="213"/>
                    <a:pt x="153" y="213"/>
                  </a:cubicBezTo>
                  <a:lnTo>
                    <a:pt x="153" y="244"/>
                  </a:lnTo>
                  <a:close/>
                  <a:moveTo>
                    <a:pt x="139" y="102"/>
                  </a:moveTo>
                  <a:cubicBezTo>
                    <a:pt x="116" y="63"/>
                    <a:pt x="116" y="63"/>
                    <a:pt x="116" y="63"/>
                  </a:cubicBezTo>
                  <a:cubicBezTo>
                    <a:pt x="128" y="63"/>
                    <a:pt x="128" y="63"/>
                    <a:pt x="128" y="63"/>
                  </a:cubicBezTo>
                  <a:cubicBezTo>
                    <a:pt x="128" y="31"/>
                    <a:pt x="128" y="31"/>
                    <a:pt x="128" y="31"/>
                  </a:cubicBezTo>
                  <a:cubicBezTo>
                    <a:pt x="153" y="32"/>
                    <a:pt x="153" y="32"/>
                    <a:pt x="153" y="32"/>
                  </a:cubicBezTo>
                  <a:cubicBezTo>
                    <a:pt x="153" y="63"/>
                    <a:pt x="153" y="63"/>
                    <a:pt x="153" y="63"/>
                  </a:cubicBezTo>
                  <a:cubicBezTo>
                    <a:pt x="165" y="63"/>
                    <a:pt x="165" y="63"/>
                    <a:pt x="165" y="63"/>
                  </a:cubicBezTo>
                  <a:lnTo>
                    <a:pt x="139" y="102"/>
                  </a:lnTo>
                  <a:close/>
                  <a:moveTo>
                    <a:pt x="208" y="163"/>
                  </a:moveTo>
                  <a:cubicBezTo>
                    <a:pt x="208" y="152"/>
                    <a:pt x="208" y="152"/>
                    <a:pt x="208" y="152"/>
                  </a:cubicBezTo>
                  <a:cubicBezTo>
                    <a:pt x="177" y="152"/>
                    <a:pt x="177" y="152"/>
                    <a:pt x="177" y="152"/>
                  </a:cubicBezTo>
                  <a:cubicBezTo>
                    <a:pt x="177" y="126"/>
                    <a:pt x="177" y="126"/>
                    <a:pt x="177" y="126"/>
                  </a:cubicBezTo>
                  <a:cubicBezTo>
                    <a:pt x="208" y="126"/>
                    <a:pt x="208" y="126"/>
                    <a:pt x="208" y="126"/>
                  </a:cubicBezTo>
                  <a:cubicBezTo>
                    <a:pt x="208" y="114"/>
                    <a:pt x="208" y="114"/>
                    <a:pt x="208" y="114"/>
                  </a:cubicBezTo>
                  <a:cubicBezTo>
                    <a:pt x="248" y="140"/>
                    <a:pt x="248" y="140"/>
                    <a:pt x="248" y="140"/>
                  </a:cubicBezTo>
                  <a:lnTo>
                    <a:pt x="208" y="163"/>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43840" tIns="121920" rIns="243840" bIns="121920" numCol="1" spcCol="0" rtlCol="0" fromWordArt="0" anchor="ctr" anchorCtr="0" forceAA="0" compatLnSpc="1">
              <a:prstTxWarp prst="textNoShape">
                <a:avLst/>
              </a:prstTxWarp>
              <a:noAutofit/>
            </a:bodyPr>
            <a:lstStyle/>
            <a:p>
              <a:pPr algn="ctr" defTabSz="1219088"/>
              <a:endParaRPr lang="zh-CN" altLang="en-US" sz="1600" noProof="1">
                <a:solidFill>
                  <a:schemeClr val="tx1"/>
                </a:solidFill>
                <a:cs typeface="+mn-ea"/>
                <a:sym typeface="+mn-lt"/>
              </a:endParaRPr>
            </a:p>
          </p:txBody>
        </p:sp>
      </p:grpSp>
      <p:cxnSp>
        <p:nvCxnSpPr>
          <p:cNvPr id="82" name="直接连接符 81">
            <a:extLst>
              <a:ext uri="{FF2B5EF4-FFF2-40B4-BE49-F238E27FC236}">
                <a16:creationId xmlns:a16="http://schemas.microsoft.com/office/drawing/2014/main" xmlns="" id="{9019D6B6-85FE-41B5-A470-22F23FE1A1AC}"/>
              </a:ext>
            </a:extLst>
          </p:cNvPr>
          <p:cNvCxnSpPr/>
          <p:nvPr/>
        </p:nvCxnSpPr>
        <p:spPr>
          <a:xfrm>
            <a:off x="4102642" y="4613690"/>
            <a:ext cx="465813" cy="8087"/>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83" name="直接连接符 82">
            <a:extLst>
              <a:ext uri="{FF2B5EF4-FFF2-40B4-BE49-F238E27FC236}">
                <a16:creationId xmlns:a16="http://schemas.microsoft.com/office/drawing/2014/main" xmlns="" id="{194F9AB1-C2B0-48F6-8399-AF1882DFEF06}"/>
              </a:ext>
            </a:extLst>
          </p:cNvPr>
          <p:cNvCxnSpPr/>
          <p:nvPr/>
        </p:nvCxnSpPr>
        <p:spPr>
          <a:xfrm>
            <a:off x="3729584" y="4316830"/>
            <a:ext cx="373058" cy="0"/>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84" name="直接连接符 83">
            <a:extLst>
              <a:ext uri="{FF2B5EF4-FFF2-40B4-BE49-F238E27FC236}">
                <a16:creationId xmlns:a16="http://schemas.microsoft.com/office/drawing/2014/main" xmlns="" id="{39DD1FEF-F7F0-4300-BC3F-883C071A4AA8}"/>
              </a:ext>
            </a:extLst>
          </p:cNvPr>
          <p:cNvCxnSpPr/>
          <p:nvPr/>
        </p:nvCxnSpPr>
        <p:spPr>
          <a:xfrm>
            <a:off x="4108186" y="4316830"/>
            <a:ext cx="0" cy="315133"/>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85" name="直接连接符 84">
            <a:extLst>
              <a:ext uri="{FF2B5EF4-FFF2-40B4-BE49-F238E27FC236}">
                <a16:creationId xmlns:a16="http://schemas.microsoft.com/office/drawing/2014/main" xmlns="" id="{69CD8094-0059-4279-9406-204062756E99}"/>
              </a:ext>
            </a:extLst>
          </p:cNvPr>
          <p:cNvCxnSpPr/>
          <p:nvPr/>
        </p:nvCxnSpPr>
        <p:spPr>
          <a:xfrm>
            <a:off x="3714966" y="5536482"/>
            <a:ext cx="403421" cy="0"/>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86" name="直接连接符 85">
            <a:extLst>
              <a:ext uri="{FF2B5EF4-FFF2-40B4-BE49-F238E27FC236}">
                <a16:creationId xmlns:a16="http://schemas.microsoft.com/office/drawing/2014/main" xmlns="" id="{0B19112F-9AB9-4892-A2CA-26E5618059C3}"/>
              </a:ext>
            </a:extLst>
          </p:cNvPr>
          <p:cNvCxnSpPr/>
          <p:nvPr/>
        </p:nvCxnSpPr>
        <p:spPr>
          <a:xfrm flipH="1">
            <a:off x="4118387" y="5157420"/>
            <a:ext cx="1" cy="392067"/>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sp>
        <p:nvSpPr>
          <p:cNvPr id="87" name="Freeform 6">
            <a:extLst>
              <a:ext uri="{FF2B5EF4-FFF2-40B4-BE49-F238E27FC236}">
                <a16:creationId xmlns:a16="http://schemas.microsoft.com/office/drawing/2014/main" xmlns="" id="{74686061-C5C2-4DD6-8AE6-FC1B0718C3D2}"/>
              </a:ext>
            </a:extLst>
          </p:cNvPr>
          <p:cNvSpPr>
            <a:spLocks/>
          </p:cNvSpPr>
          <p:nvPr/>
        </p:nvSpPr>
        <p:spPr bwMode="auto">
          <a:xfrm>
            <a:off x="5685451" y="5033636"/>
            <a:ext cx="1727070" cy="955944"/>
          </a:xfrm>
          <a:custGeom>
            <a:avLst/>
            <a:gdLst>
              <a:gd name="T0" fmla="*/ 637 w 754"/>
              <a:gd name="T1" fmla="*/ 407 h 415"/>
              <a:gd name="T2" fmla="*/ 92 w 754"/>
              <a:gd name="T3" fmla="*/ 403 h 415"/>
              <a:gd name="T4" fmla="*/ 15 w 754"/>
              <a:gd name="T5" fmla="*/ 290 h 415"/>
              <a:gd name="T6" fmla="*/ 139 w 754"/>
              <a:gd name="T7" fmla="*/ 204 h 415"/>
              <a:gd name="T8" fmla="*/ 287 w 754"/>
              <a:gd name="T9" fmla="*/ 26 h 415"/>
              <a:gd name="T10" fmla="*/ 504 w 754"/>
              <a:gd name="T11" fmla="*/ 122 h 415"/>
              <a:gd name="T12" fmla="*/ 650 w 754"/>
              <a:gd name="T13" fmla="*/ 119 h 415"/>
              <a:gd name="T14" fmla="*/ 678 w 754"/>
              <a:gd name="T15" fmla="*/ 244 h 415"/>
              <a:gd name="T16" fmla="*/ 742 w 754"/>
              <a:gd name="T17" fmla="*/ 336 h 415"/>
              <a:gd name="T18" fmla="*/ 637 w 754"/>
              <a:gd name="T19" fmla="*/ 407 h 415"/>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8992 w 10000"/>
              <a:gd name="connsiteY7" fmla="*/ 5880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054 w 10000"/>
              <a:gd name="connsiteY7" fmla="*/ 5692 h 10000"/>
              <a:gd name="connsiteX8" fmla="*/ 9841 w 10000"/>
              <a:gd name="connsiteY8" fmla="*/ 8096 h 10000"/>
              <a:gd name="connsiteX9" fmla="*/ 8448 w 10000"/>
              <a:gd name="connsiteY9" fmla="*/ 9807 h 10000"/>
              <a:gd name="connsiteX0" fmla="*/ 8299 w 9710"/>
              <a:gd name="connsiteY0" fmla="*/ 9268 h 9273"/>
              <a:gd name="connsiteX1" fmla="*/ 312 w 9710"/>
              <a:gd name="connsiteY1" fmla="*/ 9160 h 9273"/>
              <a:gd name="connsiteX2" fmla="*/ 50 w 9710"/>
              <a:gd name="connsiteY2" fmla="*/ 6449 h 9273"/>
              <a:gd name="connsiteX3" fmla="*/ 1489 w 9710"/>
              <a:gd name="connsiteY3" fmla="*/ 3797 h 9273"/>
              <a:gd name="connsiteX4" fmla="*/ 3657 w 9710"/>
              <a:gd name="connsiteY4" fmla="*/ 88 h 9273"/>
              <a:gd name="connsiteX5" fmla="*/ 6535 w 9710"/>
              <a:gd name="connsiteY5" fmla="*/ 2401 h 9273"/>
              <a:gd name="connsiteX6" fmla="*/ 8472 w 9710"/>
              <a:gd name="connsiteY6" fmla="*/ 2328 h 9273"/>
              <a:gd name="connsiteX7" fmla="*/ 8905 w 9710"/>
              <a:gd name="connsiteY7" fmla="*/ 5153 h 9273"/>
              <a:gd name="connsiteX8" fmla="*/ 9692 w 9710"/>
              <a:gd name="connsiteY8" fmla="*/ 7557 h 9273"/>
              <a:gd name="connsiteX9" fmla="*/ 8299 w 9710"/>
              <a:gd name="connsiteY9" fmla="*/ 9268 h 9273"/>
              <a:gd name="connsiteX0" fmla="*/ 9077 w 9999"/>
              <a:gd name="connsiteY0" fmla="*/ 9995 h 10000"/>
              <a:gd name="connsiteX1" fmla="*/ 321 w 9999"/>
              <a:gd name="connsiteY1" fmla="*/ 9878 h 10000"/>
              <a:gd name="connsiteX2" fmla="*/ 51 w 9999"/>
              <a:gd name="connsiteY2" fmla="*/ 6955 h 10000"/>
              <a:gd name="connsiteX3" fmla="*/ 1533 w 9999"/>
              <a:gd name="connsiteY3" fmla="*/ 4095 h 10000"/>
              <a:gd name="connsiteX4" fmla="*/ 3766 w 9999"/>
              <a:gd name="connsiteY4" fmla="*/ 95 h 10000"/>
              <a:gd name="connsiteX5" fmla="*/ 6730 w 9999"/>
              <a:gd name="connsiteY5" fmla="*/ 2589 h 10000"/>
              <a:gd name="connsiteX6" fmla="*/ 8725 w 9999"/>
              <a:gd name="connsiteY6" fmla="*/ 2511 h 10000"/>
              <a:gd name="connsiteX7" fmla="*/ 9171 w 9999"/>
              <a:gd name="connsiteY7" fmla="*/ 5557 h 10000"/>
              <a:gd name="connsiteX8" fmla="*/ 9981 w 9999"/>
              <a:gd name="connsiteY8" fmla="*/ 8149 h 10000"/>
              <a:gd name="connsiteX9" fmla="*/ 9077 w 9999"/>
              <a:gd name="connsiteY9" fmla="*/ 9995 h 10000"/>
              <a:gd name="connsiteX0" fmla="*/ 8904 w 10000"/>
              <a:gd name="connsiteY0" fmla="*/ 9995 h 10000"/>
              <a:gd name="connsiteX1" fmla="*/ 321 w 10000"/>
              <a:gd name="connsiteY1" fmla="*/ 9878 h 10000"/>
              <a:gd name="connsiteX2" fmla="*/ 51 w 10000"/>
              <a:gd name="connsiteY2" fmla="*/ 6955 h 10000"/>
              <a:gd name="connsiteX3" fmla="*/ 1533 w 10000"/>
              <a:gd name="connsiteY3" fmla="*/ 4095 h 10000"/>
              <a:gd name="connsiteX4" fmla="*/ 3766 w 10000"/>
              <a:gd name="connsiteY4" fmla="*/ 95 h 10000"/>
              <a:gd name="connsiteX5" fmla="*/ 6731 w 10000"/>
              <a:gd name="connsiteY5" fmla="*/ 2589 h 10000"/>
              <a:gd name="connsiteX6" fmla="*/ 8726 w 10000"/>
              <a:gd name="connsiteY6" fmla="*/ 2511 h 10000"/>
              <a:gd name="connsiteX7" fmla="*/ 9172 w 10000"/>
              <a:gd name="connsiteY7" fmla="*/ 5557 h 10000"/>
              <a:gd name="connsiteX8" fmla="*/ 9982 w 10000"/>
              <a:gd name="connsiteY8" fmla="*/ 8149 h 10000"/>
              <a:gd name="connsiteX9" fmla="*/ 8904 w 10000"/>
              <a:gd name="connsiteY9" fmla="*/ 9995 h 10000"/>
              <a:gd name="connsiteX0" fmla="*/ 8904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8904 w 10002"/>
              <a:gd name="connsiteY9" fmla="*/ 9995 h 10000"/>
              <a:gd name="connsiteX0" fmla="*/ 9670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670 w 10002"/>
              <a:gd name="connsiteY9" fmla="*/ 9995 h 10000"/>
              <a:gd name="connsiteX0" fmla="*/ 9703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703 w 10002"/>
              <a:gd name="connsiteY9" fmla="*/ 9995 h 10000"/>
              <a:gd name="connsiteX0" fmla="*/ 9703 w 10002"/>
              <a:gd name="connsiteY0" fmla="*/ 9931 h 9942"/>
              <a:gd name="connsiteX1" fmla="*/ 321 w 10002"/>
              <a:gd name="connsiteY1" fmla="*/ 9878 h 9942"/>
              <a:gd name="connsiteX2" fmla="*/ 51 w 10002"/>
              <a:gd name="connsiteY2" fmla="*/ 6955 h 9942"/>
              <a:gd name="connsiteX3" fmla="*/ 1533 w 10002"/>
              <a:gd name="connsiteY3" fmla="*/ 4095 h 9942"/>
              <a:gd name="connsiteX4" fmla="*/ 3766 w 10002"/>
              <a:gd name="connsiteY4" fmla="*/ 95 h 9942"/>
              <a:gd name="connsiteX5" fmla="*/ 6731 w 10002"/>
              <a:gd name="connsiteY5" fmla="*/ 2589 h 9942"/>
              <a:gd name="connsiteX6" fmla="*/ 8726 w 10002"/>
              <a:gd name="connsiteY6" fmla="*/ 2511 h 9942"/>
              <a:gd name="connsiteX7" fmla="*/ 9266 w 10002"/>
              <a:gd name="connsiteY7" fmla="*/ 5557 h 9942"/>
              <a:gd name="connsiteX8" fmla="*/ 9982 w 10002"/>
              <a:gd name="connsiteY8" fmla="*/ 8149 h 9942"/>
              <a:gd name="connsiteX9" fmla="*/ 9703 w 10002"/>
              <a:gd name="connsiteY9" fmla="*/ 9931 h 99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002" h="9942">
                <a:moveTo>
                  <a:pt x="9703" y="9931"/>
                </a:moveTo>
                <a:lnTo>
                  <a:pt x="321" y="9878"/>
                </a:lnTo>
                <a:cubicBezTo>
                  <a:pt x="321" y="9878"/>
                  <a:pt x="-153" y="9397"/>
                  <a:pt x="51" y="6955"/>
                </a:cubicBezTo>
                <a:cubicBezTo>
                  <a:pt x="283" y="4304"/>
                  <a:pt x="1533" y="4095"/>
                  <a:pt x="1533" y="4095"/>
                </a:cubicBezTo>
                <a:cubicBezTo>
                  <a:pt x="1533" y="4095"/>
                  <a:pt x="1609" y="796"/>
                  <a:pt x="3766" y="95"/>
                </a:cubicBezTo>
                <a:cubicBezTo>
                  <a:pt x="5871" y="-581"/>
                  <a:pt x="6731" y="2589"/>
                  <a:pt x="6731" y="2589"/>
                </a:cubicBezTo>
                <a:cubicBezTo>
                  <a:pt x="6731" y="2589"/>
                  <a:pt x="7810" y="1082"/>
                  <a:pt x="8726" y="2511"/>
                </a:cubicBezTo>
                <a:cubicBezTo>
                  <a:pt x="9490" y="3681"/>
                  <a:pt x="9266" y="5557"/>
                  <a:pt x="9266" y="5557"/>
                </a:cubicBezTo>
                <a:cubicBezTo>
                  <a:pt x="9266" y="5557"/>
                  <a:pt x="10146" y="6278"/>
                  <a:pt x="9982" y="8149"/>
                </a:cubicBezTo>
                <a:cubicBezTo>
                  <a:pt x="9804" y="10203"/>
                  <a:pt x="9703" y="9931"/>
                  <a:pt x="9703" y="9931"/>
                </a:cubicBezTo>
                <a:close/>
              </a:path>
            </a:pathLst>
          </a:custGeom>
          <a:noFill/>
          <a:ln w="19050" cap="flat">
            <a:solidFill>
              <a:srgbClr val="00B0F0"/>
            </a:solidFill>
            <a:prstDash val="solid"/>
            <a:miter lim="800000"/>
            <a:headEnd/>
            <a:tailEnd/>
          </a:ln>
        </p:spPr>
        <p:txBody>
          <a:bodyPr vert="horz" wrap="square" lIns="91416" tIns="45708" rIns="91416" bIns="45708" numCol="1" anchor="t" anchorCtr="0" compatLnSpc="1">
            <a:prstTxWarp prst="textNoShape">
              <a:avLst/>
            </a:prstTxWarp>
          </a:bodyPr>
          <a:lstStyle/>
          <a:p>
            <a:pPr defTabSz="914373">
              <a:defRPr/>
            </a:pPr>
            <a:endParaRPr lang="zh-CN" altLang="en-US" sz="1600" kern="0">
              <a:cs typeface="+mn-ea"/>
              <a:sym typeface="+mn-lt"/>
            </a:endParaRPr>
          </a:p>
        </p:txBody>
      </p:sp>
      <p:sp>
        <p:nvSpPr>
          <p:cNvPr id="88" name="矩形 87">
            <a:extLst>
              <a:ext uri="{FF2B5EF4-FFF2-40B4-BE49-F238E27FC236}">
                <a16:creationId xmlns:a16="http://schemas.microsoft.com/office/drawing/2014/main" xmlns="" id="{F1AF3898-8428-4CB1-A070-AF5F0E7918DB}"/>
              </a:ext>
            </a:extLst>
          </p:cNvPr>
          <p:cNvSpPr/>
          <p:nvPr/>
        </p:nvSpPr>
        <p:spPr>
          <a:xfrm>
            <a:off x="5906981" y="5242462"/>
            <a:ext cx="1194917" cy="338554"/>
          </a:xfrm>
          <a:prstGeom prst="rect">
            <a:avLst/>
          </a:prstGeom>
        </p:spPr>
        <p:txBody>
          <a:bodyPr wrap="square">
            <a:spAutoFit/>
          </a:bodyPr>
          <a:lstStyle/>
          <a:p>
            <a:pPr algn="ctr" defTabSz="914373"/>
            <a:r>
              <a:rPr lang="en-US" altLang="zh-CN" sz="1600" kern="0" dirty="0">
                <a:cs typeface="+mn-ea"/>
                <a:sym typeface="+mn-lt"/>
              </a:rPr>
              <a:t>DC Fabric</a:t>
            </a:r>
          </a:p>
        </p:txBody>
      </p:sp>
      <p:grpSp>
        <p:nvGrpSpPr>
          <p:cNvPr id="89" name="组合 58">
            <a:extLst>
              <a:ext uri="{FF2B5EF4-FFF2-40B4-BE49-F238E27FC236}">
                <a16:creationId xmlns:a16="http://schemas.microsoft.com/office/drawing/2014/main" xmlns="" id="{3C3E40EB-3435-45D0-8CA4-7B6A0F350CB7}"/>
              </a:ext>
            </a:extLst>
          </p:cNvPr>
          <p:cNvGrpSpPr/>
          <p:nvPr/>
        </p:nvGrpSpPr>
        <p:grpSpPr>
          <a:xfrm>
            <a:off x="6133585" y="5557382"/>
            <a:ext cx="314408" cy="337526"/>
            <a:chOff x="6389297" y="1972462"/>
            <a:chExt cx="3812876" cy="3623095"/>
          </a:xfrm>
        </p:grpSpPr>
        <p:grpSp>
          <p:nvGrpSpPr>
            <p:cNvPr id="90" name="组合 103">
              <a:extLst>
                <a:ext uri="{FF2B5EF4-FFF2-40B4-BE49-F238E27FC236}">
                  <a16:creationId xmlns:a16="http://schemas.microsoft.com/office/drawing/2014/main" xmlns="" id="{2F486083-81BD-4EFD-AE22-1F4768E9E957}"/>
                </a:ext>
              </a:extLst>
            </p:cNvPr>
            <p:cNvGrpSpPr/>
            <p:nvPr/>
          </p:nvGrpSpPr>
          <p:grpSpPr>
            <a:xfrm>
              <a:off x="6389297" y="1972462"/>
              <a:ext cx="3812876" cy="3623095"/>
              <a:chOff x="2682814" y="2216988"/>
              <a:chExt cx="3812876" cy="3623095"/>
            </a:xfrm>
          </p:grpSpPr>
          <p:sp>
            <p:nvSpPr>
              <p:cNvPr id="93" name="八边形 92">
                <a:extLst>
                  <a:ext uri="{FF2B5EF4-FFF2-40B4-BE49-F238E27FC236}">
                    <a16:creationId xmlns:a16="http://schemas.microsoft.com/office/drawing/2014/main" xmlns="" id="{659F2B99-0043-4F96-809D-6EC1DDE81174}"/>
                  </a:ext>
                </a:extLst>
              </p:cNvPr>
              <p:cNvSpPr/>
              <p:nvPr/>
            </p:nvSpPr>
            <p:spPr>
              <a:xfrm>
                <a:off x="2812211" y="2346385"/>
                <a:ext cx="3554083" cy="3364302"/>
              </a:xfrm>
              <a:prstGeom prst="octagon">
                <a:avLst/>
              </a:prstGeom>
              <a:no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94" name="椭圆 93">
                <a:extLst>
                  <a:ext uri="{FF2B5EF4-FFF2-40B4-BE49-F238E27FC236}">
                    <a16:creationId xmlns:a16="http://schemas.microsoft.com/office/drawing/2014/main" xmlns="" id="{A7B8FA21-0380-407E-A196-96BBCC523B6D}"/>
                  </a:ext>
                </a:extLst>
              </p:cNvPr>
              <p:cNvSpPr/>
              <p:nvPr/>
            </p:nvSpPr>
            <p:spPr>
              <a:xfrm>
                <a:off x="3657600" y="2216988"/>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95" name="椭圆 94">
                <a:extLst>
                  <a:ext uri="{FF2B5EF4-FFF2-40B4-BE49-F238E27FC236}">
                    <a16:creationId xmlns:a16="http://schemas.microsoft.com/office/drawing/2014/main" xmlns="" id="{D453B52B-0796-41BB-8135-74496F64700F}"/>
                  </a:ext>
                </a:extLst>
              </p:cNvPr>
              <p:cNvSpPr/>
              <p:nvPr/>
            </p:nvSpPr>
            <p:spPr>
              <a:xfrm>
                <a:off x="5244861" y="558129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96" name="椭圆 95">
                <a:extLst>
                  <a:ext uri="{FF2B5EF4-FFF2-40B4-BE49-F238E27FC236}">
                    <a16:creationId xmlns:a16="http://schemas.microsoft.com/office/drawing/2014/main" xmlns="" id="{6FC3B332-8A18-4CA0-8D28-7C1A1B221014}"/>
                  </a:ext>
                </a:extLst>
              </p:cNvPr>
              <p:cNvSpPr/>
              <p:nvPr/>
            </p:nvSpPr>
            <p:spPr>
              <a:xfrm>
                <a:off x="5244861" y="2216988"/>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97" name="椭圆 96">
                <a:extLst>
                  <a:ext uri="{FF2B5EF4-FFF2-40B4-BE49-F238E27FC236}">
                    <a16:creationId xmlns:a16="http://schemas.microsoft.com/office/drawing/2014/main" xmlns="" id="{F13D2DF6-8D8F-45C6-83FD-A2793416316C}"/>
                  </a:ext>
                </a:extLst>
              </p:cNvPr>
              <p:cNvSpPr/>
              <p:nvPr/>
            </p:nvSpPr>
            <p:spPr>
              <a:xfrm>
                <a:off x="3657600" y="5581289"/>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98" name="椭圆 97">
                <a:extLst>
                  <a:ext uri="{FF2B5EF4-FFF2-40B4-BE49-F238E27FC236}">
                    <a16:creationId xmlns:a16="http://schemas.microsoft.com/office/drawing/2014/main" xmlns="" id="{716BBB44-33C4-49CB-A485-1C5B2BBFED32}"/>
                  </a:ext>
                </a:extLst>
              </p:cNvPr>
              <p:cNvSpPr/>
              <p:nvPr/>
            </p:nvSpPr>
            <p:spPr>
              <a:xfrm>
                <a:off x="2682814" y="4537491"/>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99" name="椭圆 98">
                <a:extLst>
                  <a:ext uri="{FF2B5EF4-FFF2-40B4-BE49-F238E27FC236}">
                    <a16:creationId xmlns:a16="http://schemas.microsoft.com/office/drawing/2014/main" xmlns="" id="{1E2DE540-7DB8-4C58-8E33-5D6C7BC35EA8}"/>
                  </a:ext>
                </a:extLst>
              </p:cNvPr>
              <p:cNvSpPr/>
              <p:nvPr/>
            </p:nvSpPr>
            <p:spPr>
              <a:xfrm>
                <a:off x="2682814" y="319177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00" name="椭圆 99">
                <a:extLst>
                  <a:ext uri="{FF2B5EF4-FFF2-40B4-BE49-F238E27FC236}">
                    <a16:creationId xmlns:a16="http://schemas.microsoft.com/office/drawing/2014/main" xmlns="" id="{90A5A2BD-797B-4FCC-8ABF-15BEB69DAD53}"/>
                  </a:ext>
                </a:extLst>
              </p:cNvPr>
              <p:cNvSpPr/>
              <p:nvPr/>
            </p:nvSpPr>
            <p:spPr>
              <a:xfrm>
                <a:off x="6236897" y="319177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01" name="椭圆 100">
                <a:extLst>
                  <a:ext uri="{FF2B5EF4-FFF2-40B4-BE49-F238E27FC236}">
                    <a16:creationId xmlns:a16="http://schemas.microsoft.com/office/drawing/2014/main" xmlns="" id="{3BBF6363-FFAE-44DF-964B-A28A226F8950}"/>
                  </a:ext>
                </a:extLst>
              </p:cNvPr>
              <p:cNvSpPr/>
              <p:nvPr/>
            </p:nvSpPr>
            <p:spPr>
              <a:xfrm>
                <a:off x="6236897" y="4597872"/>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cxnSp>
            <p:nvCxnSpPr>
              <p:cNvPr id="102" name="直接连接符 101">
                <a:extLst>
                  <a:ext uri="{FF2B5EF4-FFF2-40B4-BE49-F238E27FC236}">
                    <a16:creationId xmlns:a16="http://schemas.microsoft.com/office/drawing/2014/main" xmlns="" id="{36A334F8-DC9E-49AC-9BAA-F5E0DAC66D55}"/>
                  </a:ext>
                </a:extLst>
              </p:cNvPr>
              <p:cNvCxnSpPr>
                <a:stCxn id="94" idx="5"/>
                <a:endCxn id="95" idx="1"/>
              </p:cNvCxnSpPr>
              <p:nvPr/>
            </p:nvCxnSpPr>
            <p:spPr>
              <a:xfrm>
                <a:off x="3878494" y="2437882"/>
                <a:ext cx="1404266" cy="3181307"/>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3" name="直接连接符 102">
                <a:extLst>
                  <a:ext uri="{FF2B5EF4-FFF2-40B4-BE49-F238E27FC236}">
                    <a16:creationId xmlns:a16="http://schemas.microsoft.com/office/drawing/2014/main" xmlns="" id="{E1FF1525-F951-497A-A6C8-B14449AF6C45}"/>
                  </a:ext>
                </a:extLst>
              </p:cNvPr>
              <p:cNvCxnSpPr>
                <a:endCxn id="97" idx="7"/>
              </p:cNvCxnSpPr>
              <p:nvPr/>
            </p:nvCxnSpPr>
            <p:spPr>
              <a:xfrm flipH="1">
                <a:off x="3878494" y="2475781"/>
                <a:ext cx="1487137" cy="3143407"/>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4" name="直接连接符 103">
                <a:extLst>
                  <a:ext uri="{FF2B5EF4-FFF2-40B4-BE49-F238E27FC236}">
                    <a16:creationId xmlns:a16="http://schemas.microsoft.com/office/drawing/2014/main" xmlns="" id="{142B7C48-4B3E-4506-BBDD-6C435D1A140C}"/>
                  </a:ext>
                </a:extLst>
              </p:cNvPr>
              <p:cNvCxnSpPr/>
              <p:nvPr/>
            </p:nvCxnSpPr>
            <p:spPr>
              <a:xfrm flipH="1">
                <a:off x="2941607" y="3321166"/>
                <a:ext cx="3424687" cy="0"/>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5" name="直接连接符 104">
                <a:extLst>
                  <a:ext uri="{FF2B5EF4-FFF2-40B4-BE49-F238E27FC236}">
                    <a16:creationId xmlns:a16="http://schemas.microsoft.com/office/drawing/2014/main" xmlns="" id="{B2F6D11A-CB57-4F66-B294-888E59AAF2F4}"/>
                  </a:ext>
                </a:extLst>
              </p:cNvPr>
              <p:cNvCxnSpPr>
                <a:endCxn id="99" idx="5"/>
              </p:cNvCxnSpPr>
              <p:nvPr/>
            </p:nvCxnSpPr>
            <p:spPr>
              <a:xfrm flipH="1" flipV="1">
                <a:off x="2903708" y="3412664"/>
                <a:ext cx="3333189" cy="1254224"/>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6" name="直接连接符 105">
                <a:extLst>
                  <a:ext uri="{FF2B5EF4-FFF2-40B4-BE49-F238E27FC236}">
                    <a16:creationId xmlns:a16="http://schemas.microsoft.com/office/drawing/2014/main" xmlns="" id="{4C415624-34EF-488D-84E1-838FF18002C5}"/>
                  </a:ext>
                </a:extLst>
              </p:cNvPr>
              <p:cNvCxnSpPr>
                <a:endCxn id="98" idx="6"/>
              </p:cNvCxnSpPr>
              <p:nvPr/>
            </p:nvCxnSpPr>
            <p:spPr>
              <a:xfrm flipH="1">
                <a:off x="2941607" y="3393716"/>
                <a:ext cx="3295290" cy="1273172"/>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7" name="直接连接符 106">
                <a:extLst>
                  <a:ext uri="{FF2B5EF4-FFF2-40B4-BE49-F238E27FC236}">
                    <a16:creationId xmlns:a16="http://schemas.microsoft.com/office/drawing/2014/main" xmlns="" id="{15F72EEB-4CAB-4A7A-9232-DAD3DED6F2C6}"/>
                  </a:ext>
                </a:extLst>
              </p:cNvPr>
              <p:cNvCxnSpPr/>
              <p:nvPr/>
            </p:nvCxnSpPr>
            <p:spPr>
              <a:xfrm flipH="1">
                <a:off x="2941607" y="4727268"/>
                <a:ext cx="3424687" cy="0"/>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8" name="直接连接符 107">
                <a:extLst>
                  <a:ext uri="{FF2B5EF4-FFF2-40B4-BE49-F238E27FC236}">
                    <a16:creationId xmlns:a16="http://schemas.microsoft.com/office/drawing/2014/main" xmlns="" id="{DEE29EF7-A58F-4698-A31F-552C2749DF11}"/>
                  </a:ext>
                </a:extLst>
              </p:cNvPr>
              <p:cNvCxnSpPr>
                <a:stCxn id="97" idx="0"/>
                <a:endCxn id="94" idx="4"/>
              </p:cNvCxnSpPr>
              <p:nvPr/>
            </p:nvCxnSpPr>
            <p:spPr>
              <a:xfrm flipV="1">
                <a:off x="3786997" y="2475781"/>
                <a:ext cx="0" cy="3105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9" name="直接连接符 108">
                <a:extLst>
                  <a:ext uri="{FF2B5EF4-FFF2-40B4-BE49-F238E27FC236}">
                    <a16:creationId xmlns:a16="http://schemas.microsoft.com/office/drawing/2014/main" xmlns="" id="{DCB08DFF-D3ED-454F-9069-D278C5A93AF7}"/>
                  </a:ext>
                </a:extLst>
              </p:cNvPr>
              <p:cNvCxnSpPr/>
              <p:nvPr/>
            </p:nvCxnSpPr>
            <p:spPr>
              <a:xfrm flipV="1">
                <a:off x="5400137" y="2475781"/>
                <a:ext cx="0" cy="3105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10" name="直接连接符 109">
                <a:extLst>
                  <a:ext uri="{FF2B5EF4-FFF2-40B4-BE49-F238E27FC236}">
                    <a16:creationId xmlns:a16="http://schemas.microsoft.com/office/drawing/2014/main" xmlns="" id="{37E3500D-85C2-4B82-83FC-0CB39991A3CE}"/>
                  </a:ext>
                </a:extLst>
              </p:cNvPr>
              <p:cNvCxnSpPr>
                <a:stCxn id="96" idx="3"/>
                <a:endCxn id="98" idx="7"/>
              </p:cNvCxnSpPr>
              <p:nvPr/>
            </p:nvCxnSpPr>
            <p:spPr>
              <a:xfrm flipH="1">
                <a:off x="2903708" y="2437882"/>
                <a:ext cx="2379052" cy="2137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11" name="直接连接符 110">
                <a:extLst>
                  <a:ext uri="{FF2B5EF4-FFF2-40B4-BE49-F238E27FC236}">
                    <a16:creationId xmlns:a16="http://schemas.microsoft.com/office/drawing/2014/main" xmlns="" id="{B74F2A08-BBA1-43C9-8DB9-76CD0801EBEF}"/>
                  </a:ext>
                </a:extLst>
              </p:cNvPr>
              <p:cNvCxnSpPr>
                <a:stCxn id="100" idx="3"/>
              </p:cNvCxnSpPr>
              <p:nvPr/>
            </p:nvCxnSpPr>
            <p:spPr>
              <a:xfrm flipH="1">
                <a:off x="3722298" y="3412664"/>
                <a:ext cx="2552498" cy="238335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grpSp>
        <p:cxnSp>
          <p:nvCxnSpPr>
            <p:cNvPr id="91" name="直接连接符 90">
              <a:extLst>
                <a:ext uri="{FF2B5EF4-FFF2-40B4-BE49-F238E27FC236}">
                  <a16:creationId xmlns:a16="http://schemas.microsoft.com/office/drawing/2014/main" xmlns="" id="{12378BF0-DBBB-4E18-A5A4-67A5F685B8DE}"/>
                </a:ext>
              </a:extLst>
            </p:cNvPr>
            <p:cNvCxnSpPr>
              <a:endCxn id="94" idx="7"/>
            </p:cNvCxnSpPr>
            <p:nvPr/>
          </p:nvCxnSpPr>
          <p:spPr>
            <a:xfrm flipH="1" flipV="1">
              <a:off x="7584977" y="2010361"/>
              <a:ext cx="2548702" cy="2533285"/>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92" name="直接连接符 91">
              <a:extLst>
                <a:ext uri="{FF2B5EF4-FFF2-40B4-BE49-F238E27FC236}">
                  <a16:creationId xmlns:a16="http://schemas.microsoft.com/office/drawing/2014/main" xmlns="" id="{3775A2EF-3A95-4A13-9B1A-7B62628B0986}"/>
                </a:ext>
              </a:extLst>
            </p:cNvPr>
            <p:cNvCxnSpPr>
              <a:stCxn id="95" idx="1"/>
              <a:endCxn id="99" idx="4"/>
            </p:cNvCxnSpPr>
            <p:nvPr/>
          </p:nvCxnSpPr>
          <p:spPr>
            <a:xfrm flipH="1" flipV="1">
              <a:off x="6518694" y="3206037"/>
              <a:ext cx="2470549" cy="2168626"/>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grpSp>
      <p:sp>
        <p:nvSpPr>
          <p:cNvPr id="121" name="圆角矩形 427">
            <a:extLst>
              <a:ext uri="{FF2B5EF4-FFF2-40B4-BE49-F238E27FC236}">
                <a16:creationId xmlns:a16="http://schemas.microsoft.com/office/drawing/2014/main" xmlns="" id="{EEFD56B2-4317-4A3A-80FE-2691F0F813A5}"/>
              </a:ext>
            </a:extLst>
          </p:cNvPr>
          <p:cNvSpPr/>
          <p:nvPr/>
        </p:nvSpPr>
        <p:spPr>
          <a:xfrm>
            <a:off x="6559380" y="5536482"/>
            <a:ext cx="287505" cy="116621"/>
          </a:xfrm>
          <a:prstGeom prst="roundRect">
            <a:avLst/>
          </a:prstGeom>
          <a:solidFill>
            <a:srgbClr val="00B0F0"/>
          </a:solidFill>
          <a:ln w="190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zh-CN" altLang="en-US" sz="1600" dirty="0">
              <a:solidFill>
                <a:schemeClr val="tx2"/>
              </a:solidFill>
              <a:cs typeface="+mn-ea"/>
              <a:sym typeface="+mn-lt"/>
            </a:endParaRPr>
          </a:p>
        </p:txBody>
      </p:sp>
      <p:grpSp>
        <p:nvGrpSpPr>
          <p:cNvPr id="122" name="组合 94">
            <a:extLst>
              <a:ext uri="{FF2B5EF4-FFF2-40B4-BE49-F238E27FC236}">
                <a16:creationId xmlns:a16="http://schemas.microsoft.com/office/drawing/2014/main" xmlns="" id="{47F12B5F-E849-4D7A-AD9E-E0BD47979E0E}"/>
              </a:ext>
            </a:extLst>
          </p:cNvPr>
          <p:cNvGrpSpPr/>
          <p:nvPr/>
        </p:nvGrpSpPr>
        <p:grpSpPr>
          <a:xfrm>
            <a:off x="6960020" y="5566315"/>
            <a:ext cx="236748" cy="385363"/>
            <a:chOff x="1952864" y="2443060"/>
            <a:chExt cx="439738" cy="671513"/>
          </a:xfrm>
          <a:solidFill>
            <a:srgbClr val="00B0F0"/>
          </a:solidFill>
        </p:grpSpPr>
        <p:sp>
          <p:nvSpPr>
            <p:cNvPr id="123" name="Line 157">
              <a:extLst>
                <a:ext uri="{FF2B5EF4-FFF2-40B4-BE49-F238E27FC236}">
                  <a16:creationId xmlns:a16="http://schemas.microsoft.com/office/drawing/2014/main" xmlns="" id="{18295334-BD3F-4977-9104-81741A6F1C01}"/>
                </a:ext>
              </a:extLst>
            </p:cNvPr>
            <p:cNvSpPr>
              <a:spLocks noChangeShapeType="1"/>
            </p:cNvSpPr>
            <p:nvPr/>
          </p:nvSpPr>
          <p:spPr bwMode="auto">
            <a:xfrm>
              <a:off x="2184639" y="3090760"/>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24" name="Line 158">
              <a:extLst>
                <a:ext uri="{FF2B5EF4-FFF2-40B4-BE49-F238E27FC236}">
                  <a16:creationId xmlns:a16="http://schemas.microsoft.com/office/drawing/2014/main" xmlns="" id="{C1CF64A9-5BD2-4A20-89EE-83BD1D93A108}"/>
                </a:ext>
              </a:extLst>
            </p:cNvPr>
            <p:cNvSpPr>
              <a:spLocks noChangeShapeType="1"/>
            </p:cNvSpPr>
            <p:nvPr/>
          </p:nvSpPr>
          <p:spPr bwMode="auto">
            <a:xfrm>
              <a:off x="2184639" y="3090760"/>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25" name="Freeform 159">
              <a:extLst>
                <a:ext uri="{FF2B5EF4-FFF2-40B4-BE49-F238E27FC236}">
                  <a16:creationId xmlns:a16="http://schemas.microsoft.com/office/drawing/2014/main" xmlns="" id="{5BFDB691-ADE8-4AEA-97D3-B6BA2B7F8D3A}"/>
                </a:ext>
              </a:extLst>
            </p:cNvPr>
            <p:cNvSpPr>
              <a:spLocks noEditPoints="1"/>
            </p:cNvSpPr>
            <p:nvPr/>
          </p:nvSpPr>
          <p:spPr bwMode="auto">
            <a:xfrm>
              <a:off x="1952864" y="2443060"/>
              <a:ext cx="439738" cy="649288"/>
            </a:xfrm>
            <a:custGeom>
              <a:avLst/>
              <a:gdLst>
                <a:gd name="T0" fmla="*/ 226 w 277"/>
                <a:gd name="T1" fmla="*/ 151 h 409"/>
                <a:gd name="T2" fmla="*/ 269 w 277"/>
                <a:gd name="T3" fmla="*/ 122 h 409"/>
                <a:gd name="T4" fmla="*/ 273 w 277"/>
                <a:gd name="T5" fmla="*/ 53 h 409"/>
                <a:gd name="T6" fmla="*/ 245 w 277"/>
                <a:gd name="T7" fmla="*/ 20 h 409"/>
                <a:gd name="T8" fmla="*/ 137 w 277"/>
                <a:gd name="T9" fmla="*/ 0 h 409"/>
                <a:gd name="T10" fmla="*/ 39 w 277"/>
                <a:gd name="T11" fmla="*/ 17 h 409"/>
                <a:gd name="T12" fmla="*/ 2 w 277"/>
                <a:gd name="T13" fmla="*/ 47 h 409"/>
                <a:gd name="T14" fmla="*/ 2 w 277"/>
                <a:gd name="T15" fmla="*/ 117 h 409"/>
                <a:gd name="T16" fmla="*/ 39 w 277"/>
                <a:gd name="T17" fmla="*/ 147 h 409"/>
                <a:gd name="T18" fmla="*/ 137 w 277"/>
                <a:gd name="T19" fmla="*/ 164 h 409"/>
                <a:gd name="T20" fmla="*/ 46 w 277"/>
                <a:gd name="T21" fmla="*/ 122 h 409"/>
                <a:gd name="T22" fmla="*/ 58 w 277"/>
                <a:gd name="T23" fmla="*/ 110 h 409"/>
                <a:gd name="T24" fmla="*/ 69 w 277"/>
                <a:gd name="T25" fmla="*/ 127 h 409"/>
                <a:gd name="T26" fmla="*/ 8 w 277"/>
                <a:gd name="T27" fmla="*/ 50 h 409"/>
                <a:gd name="T28" fmla="*/ 97 w 277"/>
                <a:gd name="T29" fmla="*/ 85 h 409"/>
                <a:gd name="T30" fmla="*/ 200 w 277"/>
                <a:gd name="T31" fmla="*/ 82 h 409"/>
                <a:gd name="T32" fmla="*/ 270 w 277"/>
                <a:gd name="T33" fmla="*/ 50 h 409"/>
                <a:gd name="T34" fmla="*/ 183 w 277"/>
                <a:gd name="T35" fmla="*/ 91 h 409"/>
                <a:gd name="T36" fmla="*/ 75 w 277"/>
                <a:gd name="T37" fmla="*/ 86 h 409"/>
                <a:gd name="T38" fmla="*/ 8 w 277"/>
                <a:gd name="T39" fmla="*/ 50 h 409"/>
                <a:gd name="T40" fmla="*/ 170 w 277"/>
                <a:gd name="T41" fmla="*/ 402 h 409"/>
                <a:gd name="T42" fmla="*/ 276 w 277"/>
                <a:gd name="T43" fmla="*/ 403 h 409"/>
                <a:gd name="T44" fmla="*/ 267 w 277"/>
                <a:gd name="T45" fmla="*/ 391 h 409"/>
                <a:gd name="T46" fmla="*/ 216 w 277"/>
                <a:gd name="T47" fmla="*/ 242 h 409"/>
                <a:gd name="T48" fmla="*/ 265 w 277"/>
                <a:gd name="T49" fmla="*/ 216 h 409"/>
                <a:gd name="T50" fmla="*/ 274 w 277"/>
                <a:gd name="T51" fmla="*/ 148 h 409"/>
                <a:gd name="T52" fmla="*/ 262 w 277"/>
                <a:gd name="T53" fmla="*/ 154 h 409"/>
                <a:gd name="T54" fmla="*/ 188 w 277"/>
                <a:gd name="T55" fmla="*/ 186 h 409"/>
                <a:gd name="T56" fmla="*/ 65 w 277"/>
                <a:gd name="T57" fmla="*/ 182 h 409"/>
                <a:gd name="T58" fmla="*/ 8 w 277"/>
                <a:gd name="T59" fmla="*/ 149 h 409"/>
                <a:gd name="T60" fmla="*/ 0 w 277"/>
                <a:gd name="T61" fmla="*/ 193 h 409"/>
                <a:gd name="T62" fmla="*/ 15 w 277"/>
                <a:gd name="T63" fmla="*/ 221 h 409"/>
                <a:gd name="T64" fmla="*/ 82 w 277"/>
                <a:gd name="T65" fmla="*/ 248 h 409"/>
                <a:gd name="T66" fmla="*/ 63 w 277"/>
                <a:gd name="T67" fmla="*/ 200 h 409"/>
                <a:gd name="T68" fmla="*/ 66 w 277"/>
                <a:gd name="T69" fmla="*/ 220 h 409"/>
                <a:gd name="T70" fmla="*/ 47 w 277"/>
                <a:gd name="T71" fmla="*/ 216 h 409"/>
                <a:gd name="T72" fmla="*/ 58 w 277"/>
                <a:gd name="T73" fmla="*/ 200 h 409"/>
                <a:gd name="T74" fmla="*/ 3 w 277"/>
                <a:gd name="T75" fmla="*/ 394 h 409"/>
                <a:gd name="T76" fmla="*/ 7 w 277"/>
                <a:gd name="T77" fmla="*/ 409 h 409"/>
                <a:gd name="T78" fmla="*/ 105 w 277"/>
                <a:gd name="T79" fmla="*/ 396 h 409"/>
                <a:gd name="T80" fmla="*/ 274 w 277"/>
                <a:gd name="T81" fmla="*/ 231 h 409"/>
                <a:gd name="T82" fmla="*/ 258 w 277"/>
                <a:gd name="T83" fmla="*/ 248 h 409"/>
                <a:gd name="T84" fmla="*/ 164 w 277"/>
                <a:gd name="T85" fmla="*/ 277 h 409"/>
                <a:gd name="T86" fmla="*/ 45 w 277"/>
                <a:gd name="T87" fmla="*/ 263 h 409"/>
                <a:gd name="T88" fmla="*/ 5 w 277"/>
                <a:gd name="T89" fmla="*/ 232 h 409"/>
                <a:gd name="T90" fmla="*/ 0 w 277"/>
                <a:gd name="T91" fmla="*/ 281 h 409"/>
                <a:gd name="T92" fmla="*/ 21 w 277"/>
                <a:gd name="T93" fmla="*/ 313 h 409"/>
                <a:gd name="T94" fmla="*/ 102 w 277"/>
                <a:gd name="T95" fmla="*/ 339 h 409"/>
                <a:gd name="T96" fmla="*/ 138 w 277"/>
                <a:gd name="T97" fmla="*/ 363 h 409"/>
                <a:gd name="T98" fmla="*/ 199 w 277"/>
                <a:gd name="T99" fmla="*/ 334 h 409"/>
                <a:gd name="T100" fmla="*/ 266 w 277"/>
                <a:gd name="T101" fmla="*/ 304 h 409"/>
                <a:gd name="T102" fmla="*/ 58 w 277"/>
                <a:gd name="T103" fmla="*/ 313 h 409"/>
                <a:gd name="T104" fmla="*/ 46 w 277"/>
                <a:gd name="T105" fmla="*/ 301 h 409"/>
                <a:gd name="T106" fmla="*/ 63 w 277"/>
                <a:gd name="T107" fmla="*/ 291 h 409"/>
                <a:gd name="T108" fmla="*/ 66 w 277"/>
                <a:gd name="T109" fmla="*/ 310 h 4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77" h="409">
                  <a:moveTo>
                    <a:pt x="137" y="164"/>
                  </a:moveTo>
                  <a:lnTo>
                    <a:pt x="137" y="164"/>
                  </a:lnTo>
                  <a:lnTo>
                    <a:pt x="166" y="163"/>
                  </a:lnTo>
                  <a:lnTo>
                    <a:pt x="192" y="160"/>
                  </a:lnTo>
                  <a:lnTo>
                    <a:pt x="216" y="154"/>
                  </a:lnTo>
                  <a:lnTo>
                    <a:pt x="226" y="151"/>
                  </a:lnTo>
                  <a:lnTo>
                    <a:pt x="236" y="147"/>
                  </a:lnTo>
                  <a:lnTo>
                    <a:pt x="245" y="142"/>
                  </a:lnTo>
                  <a:lnTo>
                    <a:pt x="253" y="138"/>
                  </a:lnTo>
                  <a:lnTo>
                    <a:pt x="259" y="133"/>
                  </a:lnTo>
                  <a:lnTo>
                    <a:pt x="265" y="128"/>
                  </a:lnTo>
                  <a:lnTo>
                    <a:pt x="269" y="122"/>
                  </a:lnTo>
                  <a:lnTo>
                    <a:pt x="272" y="117"/>
                  </a:lnTo>
                  <a:lnTo>
                    <a:pt x="273" y="110"/>
                  </a:lnTo>
                  <a:lnTo>
                    <a:pt x="274" y="105"/>
                  </a:lnTo>
                  <a:lnTo>
                    <a:pt x="274" y="59"/>
                  </a:lnTo>
                  <a:lnTo>
                    <a:pt x="274" y="59"/>
                  </a:lnTo>
                  <a:lnTo>
                    <a:pt x="273" y="53"/>
                  </a:lnTo>
                  <a:lnTo>
                    <a:pt x="272" y="47"/>
                  </a:lnTo>
                  <a:lnTo>
                    <a:pt x="269" y="41"/>
                  </a:lnTo>
                  <a:lnTo>
                    <a:pt x="265" y="36"/>
                  </a:lnTo>
                  <a:lnTo>
                    <a:pt x="259" y="30"/>
                  </a:lnTo>
                  <a:lnTo>
                    <a:pt x="253" y="26"/>
                  </a:lnTo>
                  <a:lnTo>
                    <a:pt x="245" y="20"/>
                  </a:lnTo>
                  <a:lnTo>
                    <a:pt x="236" y="17"/>
                  </a:lnTo>
                  <a:lnTo>
                    <a:pt x="226" y="13"/>
                  </a:lnTo>
                  <a:lnTo>
                    <a:pt x="216" y="9"/>
                  </a:lnTo>
                  <a:lnTo>
                    <a:pt x="192" y="4"/>
                  </a:lnTo>
                  <a:lnTo>
                    <a:pt x="166" y="1"/>
                  </a:lnTo>
                  <a:lnTo>
                    <a:pt x="137" y="0"/>
                  </a:lnTo>
                  <a:lnTo>
                    <a:pt x="137" y="0"/>
                  </a:lnTo>
                  <a:lnTo>
                    <a:pt x="109" y="1"/>
                  </a:lnTo>
                  <a:lnTo>
                    <a:pt x="82" y="4"/>
                  </a:lnTo>
                  <a:lnTo>
                    <a:pt x="58" y="9"/>
                  </a:lnTo>
                  <a:lnTo>
                    <a:pt x="48" y="13"/>
                  </a:lnTo>
                  <a:lnTo>
                    <a:pt x="39" y="17"/>
                  </a:lnTo>
                  <a:lnTo>
                    <a:pt x="30" y="20"/>
                  </a:lnTo>
                  <a:lnTo>
                    <a:pt x="22" y="26"/>
                  </a:lnTo>
                  <a:lnTo>
                    <a:pt x="15" y="30"/>
                  </a:lnTo>
                  <a:lnTo>
                    <a:pt x="10" y="36"/>
                  </a:lnTo>
                  <a:lnTo>
                    <a:pt x="6" y="41"/>
                  </a:lnTo>
                  <a:lnTo>
                    <a:pt x="2" y="47"/>
                  </a:lnTo>
                  <a:lnTo>
                    <a:pt x="1" y="53"/>
                  </a:lnTo>
                  <a:lnTo>
                    <a:pt x="0" y="59"/>
                  </a:lnTo>
                  <a:lnTo>
                    <a:pt x="0" y="105"/>
                  </a:lnTo>
                  <a:lnTo>
                    <a:pt x="0" y="105"/>
                  </a:lnTo>
                  <a:lnTo>
                    <a:pt x="1" y="110"/>
                  </a:lnTo>
                  <a:lnTo>
                    <a:pt x="2" y="117"/>
                  </a:lnTo>
                  <a:lnTo>
                    <a:pt x="6" y="122"/>
                  </a:lnTo>
                  <a:lnTo>
                    <a:pt x="10" y="128"/>
                  </a:lnTo>
                  <a:lnTo>
                    <a:pt x="15" y="133"/>
                  </a:lnTo>
                  <a:lnTo>
                    <a:pt x="22" y="138"/>
                  </a:lnTo>
                  <a:lnTo>
                    <a:pt x="30" y="142"/>
                  </a:lnTo>
                  <a:lnTo>
                    <a:pt x="39" y="147"/>
                  </a:lnTo>
                  <a:lnTo>
                    <a:pt x="48" y="151"/>
                  </a:lnTo>
                  <a:lnTo>
                    <a:pt x="58" y="154"/>
                  </a:lnTo>
                  <a:lnTo>
                    <a:pt x="82" y="160"/>
                  </a:lnTo>
                  <a:lnTo>
                    <a:pt x="109" y="163"/>
                  </a:lnTo>
                  <a:lnTo>
                    <a:pt x="137" y="164"/>
                  </a:lnTo>
                  <a:lnTo>
                    <a:pt x="137" y="164"/>
                  </a:lnTo>
                  <a:close/>
                  <a:moveTo>
                    <a:pt x="58" y="135"/>
                  </a:moveTo>
                  <a:lnTo>
                    <a:pt x="58" y="135"/>
                  </a:lnTo>
                  <a:lnTo>
                    <a:pt x="54" y="133"/>
                  </a:lnTo>
                  <a:lnTo>
                    <a:pt x="49" y="130"/>
                  </a:lnTo>
                  <a:lnTo>
                    <a:pt x="47" y="127"/>
                  </a:lnTo>
                  <a:lnTo>
                    <a:pt x="46" y="122"/>
                  </a:lnTo>
                  <a:lnTo>
                    <a:pt x="46" y="122"/>
                  </a:lnTo>
                  <a:lnTo>
                    <a:pt x="47" y="118"/>
                  </a:lnTo>
                  <a:lnTo>
                    <a:pt x="49" y="115"/>
                  </a:lnTo>
                  <a:lnTo>
                    <a:pt x="54" y="111"/>
                  </a:lnTo>
                  <a:lnTo>
                    <a:pt x="58" y="110"/>
                  </a:lnTo>
                  <a:lnTo>
                    <a:pt x="58" y="110"/>
                  </a:lnTo>
                  <a:lnTo>
                    <a:pt x="63" y="111"/>
                  </a:lnTo>
                  <a:lnTo>
                    <a:pt x="66" y="115"/>
                  </a:lnTo>
                  <a:lnTo>
                    <a:pt x="69" y="118"/>
                  </a:lnTo>
                  <a:lnTo>
                    <a:pt x="69" y="122"/>
                  </a:lnTo>
                  <a:lnTo>
                    <a:pt x="69" y="122"/>
                  </a:lnTo>
                  <a:lnTo>
                    <a:pt x="69" y="127"/>
                  </a:lnTo>
                  <a:lnTo>
                    <a:pt x="66" y="130"/>
                  </a:lnTo>
                  <a:lnTo>
                    <a:pt x="63" y="133"/>
                  </a:lnTo>
                  <a:lnTo>
                    <a:pt x="58" y="135"/>
                  </a:lnTo>
                  <a:lnTo>
                    <a:pt x="58" y="135"/>
                  </a:lnTo>
                  <a:close/>
                  <a:moveTo>
                    <a:pt x="8" y="50"/>
                  </a:moveTo>
                  <a:lnTo>
                    <a:pt x="8" y="50"/>
                  </a:lnTo>
                  <a:lnTo>
                    <a:pt x="18" y="58"/>
                  </a:lnTo>
                  <a:lnTo>
                    <a:pt x="30" y="65"/>
                  </a:lnTo>
                  <a:lnTo>
                    <a:pt x="44" y="72"/>
                  </a:lnTo>
                  <a:lnTo>
                    <a:pt x="60" y="77"/>
                  </a:lnTo>
                  <a:lnTo>
                    <a:pt x="78" y="82"/>
                  </a:lnTo>
                  <a:lnTo>
                    <a:pt x="97" y="85"/>
                  </a:lnTo>
                  <a:lnTo>
                    <a:pt x="118" y="87"/>
                  </a:lnTo>
                  <a:lnTo>
                    <a:pt x="138" y="87"/>
                  </a:lnTo>
                  <a:lnTo>
                    <a:pt x="138" y="87"/>
                  </a:lnTo>
                  <a:lnTo>
                    <a:pt x="160" y="87"/>
                  </a:lnTo>
                  <a:lnTo>
                    <a:pt x="181" y="85"/>
                  </a:lnTo>
                  <a:lnTo>
                    <a:pt x="200" y="82"/>
                  </a:lnTo>
                  <a:lnTo>
                    <a:pt x="217" y="77"/>
                  </a:lnTo>
                  <a:lnTo>
                    <a:pt x="234" y="72"/>
                  </a:lnTo>
                  <a:lnTo>
                    <a:pt x="248" y="65"/>
                  </a:lnTo>
                  <a:lnTo>
                    <a:pt x="260" y="58"/>
                  </a:lnTo>
                  <a:lnTo>
                    <a:pt x="270" y="50"/>
                  </a:lnTo>
                  <a:lnTo>
                    <a:pt x="270" y="50"/>
                  </a:lnTo>
                  <a:lnTo>
                    <a:pt x="261" y="59"/>
                  </a:lnTo>
                  <a:lnTo>
                    <a:pt x="250" y="68"/>
                  </a:lnTo>
                  <a:lnTo>
                    <a:pt x="236" y="75"/>
                  </a:lnTo>
                  <a:lnTo>
                    <a:pt x="221" y="82"/>
                  </a:lnTo>
                  <a:lnTo>
                    <a:pt x="203" y="86"/>
                  </a:lnTo>
                  <a:lnTo>
                    <a:pt x="183" y="91"/>
                  </a:lnTo>
                  <a:lnTo>
                    <a:pt x="161" y="93"/>
                  </a:lnTo>
                  <a:lnTo>
                    <a:pt x="138" y="94"/>
                  </a:lnTo>
                  <a:lnTo>
                    <a:pt x="138" y="94"/>
                  </a:lnTo>
                  <a:lnTo>
                    <a:pt x="116" y="93"/>
                  </a:lnTo>
                  <a:lnTo>
                    <a:pt x="94" y="91"/>
                  </a:lnTo>
                  <a:lnTo>
                    <a:pt x="75" y="86"/>
                  </a:lnTo>
                  <a:lnTo>
                    <a:pt x="57" y="82"/>
                  </a:lnTo>
                  <a:lnTo>
                    <a:pt x="42" y="75"/>
                  </a:lnTo>
                  <a:lnTo>
                    <a:pt x="28" y="68"/>
                  </a:lnTo>
                  <a:lnTo>
                    <a:pt x="17" y="59"/>
                  </a:lnTo>
                  <a:lnTo>
                    <a:pt x="8" y="50"/>
                  </a:lnTo>
                  <a:lnTo>
                    <a:pt x="8" y="50"/>
                  </a:lnTo>
                  <a:close/>
                  <a:moveTo>
                    <a:pt x="267" y="391"/>
                  </a:moveTo>
                  <a:lnTo>
                    <a:pt x="171" y="391"/>
                  </a:lnTo>
                  <a:lnTo>
                    <a:pt x="171" y="391"/>
                  </a:lnTo>
                  <a:lnTo>
                    <a:pt x="171" y="396"/>
                  </a:lnTo>
                  <a:lnTo>
                    <a:pt x="171" y="396"/>
                  </a:lnTo>
                  <a:lnTo>
                    <a:pt x="170" y="402"/>
                  </a:lnTo>
                  <a:lnTo>
                    <a:pt x="168" y="409"/>
                  </a:lnTo>
                  <a:lnTo>
                    <a:pt x="267" y="409"/>
                  </a:lnTo>
                  <a:lnTo>
                    <a:pt x="267" y="409"/>
                  </a:lnTo>
                  <a:lnTo>
                    <a:pt x="271" y="409"/>
                  </a:lnTo>
                  <a:lnTo>
                    <a:pt x="273" y="407"/>
                  </a:lnTo>
                  <a:lnTo>
                    <a:pt x="276" y="403"/>
                  </a:lnTo>
                  <a:lnTo>
                    <a:pt x="277" y="400"/>
                  </a:lnTo>
                  <a:lnTo>
                    <a:pt x="277" y="400"/>
                  </a:lnTo>
                  <a:lnTo>
                    <a:pt x="276" y="397"/>
                  </a:lnTo>
                  <a:lnTo>
                    <a:pt x="273" y="394"/>
                  </a:lnTo>
                  <a:lnTo>
                    <a:pt x="271" y="391"/>
                  </a:lnTo>
                  <a:lnTo>
                    <a:pt x="267" y="391"/>
                  </a:lnTo>
                  <a:lnTo>
                    <a:pt x="267" y="391"/>
                  </a:lnTo>
                  <a:close/>
                  <a:moveTo>
                    <a:pt x="137" y="253"/>
                  </a:moveTo>
                  <a:lnTo>
                    <a:pt x="137" y="253"/>
                  </a:lnTo>
                  <a:lnTo>
                    <a:pt x="166" y="251"/>
                  </a:lnTo>
                  <a:lnTo>
                    <a:pt x="192" y="248"/>
                  </a:lnTo>
                  <a:lnTo>
                    <a:pt x="216" y="242"/>
                  </a:lnTo>
                  <a:lnTo>
                    <a:pt x="226" y="239"/>
                  </a:lnTo>
                  <a:lnTo>
                    <a:pt x="236" y="236"/>
                  </a:lnTo>
                  <a:lnTo>
                    <a:pt x="245" y="231"/>
                  </a:lnTo>
                  <a:lnTo>
                    <a:pt x="253" y="227"/>
                  </a:lnTo>
                  <a:lnTo>
                    <a:pt x="259" y="221"/>
                  </a:lnTo>
                  <a:lnTo>
                    <a:pt x="265" y="216"/>
                  </a:lnTo>
                  <a:lnTo>
                    <a:pt x="269" y="210"/>
                  </a:lnTo>
                  <a:lnTo>
                    <a:pt x="272" y="205"/>
                  </a:lnTo>
                  <a:lnTo>
                    <a:pt x="273" y="199"/>
                  </a:lnTo>
                  <a:lnTo>
                    <a:pt x="274" y="193"/>
                  </a:lnTo>
                  <a:lnTo>
                    <a:pt x="274" y="148"/>
                  </a:lnTo>
                  <a:lnTo>
                    <a:pt x="274" y="148"/>
                  </a:lnTo>
                  <a:lnTo>
                    <a:pt x="274" y="143"/>
                  </a:lnTo>
                  <a:lnTo>
                    <a:pt x="272" y="139"/>
                  </a:lnTo>
                  <a:lnTo>
                    <a:pt x="272" y="139"/>
                  </a:lnTo>
                  <a:lnTo>
                    <a:pt x="270" y="144"/>
                  </a:lnTo>
                  <a:lnTo>
                    <a:pt x="267" y="149"/>
                  </a:lnTo>
                  <a:lnTo>
                    <a:pt x="262" y="154"/>
                  </a:lnTo>
                  <a:lnTo>
                    <a:pt x="258" y="159"/>
                  </a:lnTo>
                  <a:lnTo>
                    <a:pt x="251" y="163"/>
                  </a:lnTo>
                  <a:lnTo>
                    <a:pt x="245" y="167"/>
                  </a:lnTo>
                  <a:lnTo>
                    <a:pt x="228" y="175"/>
                  </a:lnTo>
                  <a:lnTo>
                    <a:pt x="210" y="182"/>
                  </a:lnTo>
                  <a:lnTo>
                    <a:pt x="188" y="186"/>
                  </a:lnTo>
                  <a:lnTo>
                    <a:pt x="164" y="189"/>
                  </a:lnTo>
                  <a:lnTo>
                    <a:pt x="137" y="191"/>
                  </a:lnTo>
                  <a:lnTo>
                    <a:pt x="137" y="191"/>
                  </a:lnTo>
                  <a:lnTo>
                    <a:pt x="111" y="189"/>
                  </a:lnTo>
                  <a:lnTo>
                    <a:pt x="87" y="186"/>
                  </a:lnTo>
                  <a:lnTo>
                    <a:pt x="65" y="182"/>
                  </a:lnTo>
                  <a:lnTo>
                    <a:pt x="46" y="175"/>
                  </a:lnTo>
                  <a:lnTo>
                    <a:pt x="30" y="167"/>
                  </a:lnTo>
                  <a:lnTo>
                    <a:pt x="23" y="163"/>
                  </a:lnTo>
                  <a:lnTo>
                    <a:pt x="17" y="159"/>
                  </a:lnTo>
                  <a:lnTo>
                    <a:pt x="12" y="154"/>
                  </a:lnTo>
                  <a:lnTo>
                    <a:pt x="8" y="149"/>
                  </a:lnTo>
                  <a:lnTo>
                    <a:pt x="5" y="144"/>
                  </a:lnTo>
                  <a:lnTo>
                    <a:pt x="2" y="139"/>
                  </a:lnTo>
                  <a:lnTo>
                    <a:pt x="2" y="139"/>
                  </a:lnTo>
                  <a:lnTo>
                    <a:pt x="0" y="143"/>
                  </a:lnTo>
                  <a:lnTo>
                    <a:pt x="0" y="148"/>
                  </a:lnTo>
                  <a:lnTo>
                    <a:pt x="0" y="193"/>
                  </a:lnTo>
                  <a:lnTo>
                    <a:pt x="0" y="193"/>
                  </a:lnTo>
                  <a:lnTo>
                    <a:pt x="1" y="199"/>
                  </a:lnTo>
                  <a:lnTo>
                    <a:pt x="2" y="205"/>
                  </a:lnTo>
                  <a:lnTo>
                    <a:pt x="6" y="210"/>
                  </a:lnTo>
                  <a:lnTo>
                    <a:pt x="10" y="216"/>
                  </a:lnTo>
                  <a:lnTo>
                    <a:pt x="15" y="221"/>
                  </a:lnTo>
                  <a:lnTo>
                    <a:pt x="22" y="227"/>
                  </a:lnTo>
                  <a:lnTo>
                    <a:pt x="30" y="231"/>
                  </a:lnTo>
                  <a:lnTo>
                    <a:pt x="39" y="236"/>
                  </a:lnTo>
                  <a:lnTo>
                    <a:pt x="48" y="239"/>
                  </a:lnTo>
                  <a:lnTo>
                    <a:pt x="58" y="242"/>
                  </a:lnTo>
                  <a:lnTo>
                    <a:pt x="82" y="248"/>
                  </a:lnTo>
                  <a:lnTo>
                    <a:pt x="109" y="251"/>
                  </a:lnTo>
                  <a:lnTo>
                    <a:pt x="137" y="253"/>
                  </a:lnTo>
                  <a:lnTo>
                    <a:pt x="137" y="253"/>
                  </a:lnTo>
                  <a:close/>
                  <a:moveTo>
                    <a:pt x="58" y="200"/>
                  </a:moveTo>
                  <a:lnTo>
                    <a:pt x="58" y="200"/>
                  </a:lnTo>
                  <a:lnTo>
                    <a:pt x="63" y="200"/>
                  </a:lnTo>
                  <a:lnTo>
                    <a:pt x="66" y="204"/>
                  </a:lnTo>
                  <a:lnTo>
                    <a:pt x="69" y="207"/>
                  </a:lnTo>
                  <a:lnTo>
                    <a:pt x="69" y="211"/>
                  </a:lnTo>
                  <a:lnTo>
                    <a:pt x="69" y="211"/>
                  </a:lnTo>
                  <a:lnTo>
                    <a:pt x="69" y="216"/>
                  </a:lnTo>
                  <a:lnTo>
                    <a:pt x="66" y="220"/>
                  </a:lnTo>
                  <a:lnTo>
                    <a:pt x="63" y="222"/>
                  </a:lnTo>
                  <a:lnTo>
                    <a:pt x="58" y="223"/>
                  </a:lnTo>
                  <a:lnTo>
                    <a:pt x="58" y="223"/>
                  </a:lnTo>
                  <a:lnTo>
                    <a:pt x="54" y="222"/>
                  </a:lnTo>
                  <a:lnTo>
                    <a:pt x="49" y="220"/>
                  </a:lnTo>
                  <a:lnTo>
                    <a:pt x="47" y="216"/>
                  </a:lnTo>
                  <a:lnTo>
                    <a:pt x="46" y="211"/>
                  </a:lnTo>
                  <a:lnTo>
                    <a:pt x="46" y="211"/>
                  </a:lnTo>
                  <a:lnTo>
                    <a:pt x="47" y="207"/>
                  </a:lnTo>
                  <a:lnTo>
                    <a:pt x="49" y="204"/>
                  </a:lnTo>
                  <a:lnTo>
                    <a:pt x="54" y="200"/>
                  </a:lnTo>
                  <a:lnTo>
                    <a:pt x="58" y="200"/>
                  </a:lnTo>
                  <a:lnTo>
                    <a:pt x="58" y="200"/>
                  </a:lnTo>
                  <a:close/>
                  <a:moveTo>
                    <a:pt x="107" y="391"/>
                  </a:moveTo>
                  <a:lnTo>
                    <a:pt x="10" y="391"/>
                  </a:lnTo>
                  <a:lnTo>
                    <a:pt x="10" y="391"/>
                  </a:lnTo>
                  <a:lnTo>
                    <a:pt x="7" y="391"/>
                  </a:lnTo>
                  <a:lnTo>
                    <a:pt x="3" y="394"/>
                  </a:lnTo>
                  <a:lnTo>
                    <a:pt x="1" y="397"/>
                  </a:lnTo>
                  <a:lnTo>
                    <a:pt x="0" y="400"/>
                  </a:lnTo>
                  <a:lnTo>
                    <a:pt x="0" y="400"/>
                  </a:lnTo>
                  <a:lnTo>
                    <a:pt x="1" y="403"/>
                  </a:lnTo>
                  <a:lnTo>
                    <a:pt x="3" y="407"/>
                  </a:lnTo>
                  <a:lnTo>
                    <a:pt x="7" y="409"/>
                  </a:lnTo>
                  <a:lnTo>
                    <a:pt x="10" y="409"/>
                  </a:lnTo>
                  <a:lnTo>
                    <a:pt x="109" y="409"/>
                  </a:lnTo>
                  <a:lnTo>
                    <a:pt x="109" y="409"/>
                  </a:lnTo>
                  <a:lnTo>
                    <a:pt x="107" y="402"/>
                  </a:lnTo>
                  <a:lnTo>
                    <a:pt x="105" y="396"/>
                  </a:lnTo>
                  <a:lnTo>
                    <a:pt x="105" y="396"/>
                  </a:lnTo>
                  <a:lnTo>
                    <a:pt x="107" y="391"/>
                  </a:lnTo>
                  <a:lnTo>
                    <a:pt x="107" y="391"/>
                  </a:lnTo>
                  <a:close/>
                  <a:moveTo>
                    <a:pt x="274" y="281"/>
                  </a:moveTo>
                  <a:lnTo>
                    <a:pt x="274" y="236"/>
                  </a:lnTo>
                  <a:lnTo>
                    <a:pt x="274" y="236"/>
                  </a:lnTo>
                  <a:lnTo>
                    <a:pt x="274" y="231"/>
                  </a:lnTo>
                  <a:lnTo>
                    <a:pt x="273" y="227"/>
                  </a:lnTo>
                  <a:lnTo>
                    <a:pt x="273" y="227"/>
                  </a:lnTo>
                  <a:lnTo>
                    <a:pt x="270" y="232"/>
                  </a:lnTo>
                  <a:lnTo>
                    <a:pt x="267" y="238"/>
                  </a:lnTo>
                  <a:lnTo>
                    <a:pt x="262" y="242"/>
                  </a:lnTo>
                  <a:lnTo>
                    <a:pt x="258" y="248"/>
                  </a:lnTo>
                  <a:lnTo>
                    <a:pt x="251" y="252"/>
                  </a:lnTo>
                  <a:lnTo>
                    <a:pt x="245" y="256"/>
                  </a:lnTo>
                  <a:lnTo>
                    <a:pt x="228" y="263"/>
                  </a:lnTo>
                  <a:lnTo>
                    <a:pt x="210" y="270"/>
                  </a:lnTo>
                  <a:lnTo>
                    <a:pt x="188" y="274"/>
                  </a:lnTo>
                  <a:lnTo>
                    <a:pt x="164" y="277"/>
                  </a:lnTo>
                  <a:lnTo>
                    <a:pt x="137" y="278"/>
                  </a:lnTo>
                  <a:lnTo>
                    <a:pt x="137" y="278"/>
                  </a:lnTo>
                  <a:lnTo>
                    <a:pt x="111" y="277"/>
                  </a:lnTo>
                  <a:lnTo>
                    <a:pt x="87" y="274"/>
                  </a:lnTo>
                  <a:lnTo>
                    <a:pt x="65" y="270"/>
                  </a:lnTo>
                  <a:lnTo>
                    <a:pt x="45" y="263"/>
                  </a:lnTo>
                  <a:lnTo>
                    <a:pt x="30" y="256"/>
                  </a:lnTo>
                  <a:lnTo>
                    <a:pt x="23" y="252"/>
                  </a:lnTo>
                  <a:lnTo>
                    <a:pt x="17" y="248"/>
                  </a:lnTo>
                  <a:lnTo>
                    <a:pt x="11" y="242"/>
                  </a:lnTo>
                  <a:lnTo>
                    <a:pt x="8" y="238"/>
                  </a:lnTo>
                  <a:lnTo>
                    <a:pt x="5" y="232"/>
                  </a:lnTo>
                  <a:lnTo>
                    <a:pt x="1" y="227"/>
                  </a:lnTo>
                  <a:lnTo>
                    <a:pt x="1" y="227"/>
                  </a:lnTo>
                  <a:lnTo>
                    <a:pt x="0" y="231"/>
                  </a:lnTo>
                  <a:lnTo>
                    <a:pt x="0" y="236"/>
                  </a:lnTo>
                  <a:lnTo>
                    <a:pt x="0" y="281"/>
                  </a:lnTo>
                  <a:lnTo>
                    <a:pt x="0" y="281"/>
                  </a:lnTo>
                  <a:lnTo>
                    <a:pt x="1" y="287"/>
                  </a:lnTo>
                  <a:lnTo>
                    <a:pt x="2" y="293"/>
                  </a:lnTo>
                  <a:lnTo>
                    <a:pt x="6" y="298"/>
                  </a:lnTo>
                  <a:lnTo>
                    <a:pt x="10" y="304"/>
                  </a:lnTo>
                  <a:lnTo>
                    <a:pt x="14" y="309"/>
                  </a:lnTo>
                  <a:lnTo>
                    <a:pt x="21" y="313"/>
                  </a:lnTo>
                  <a:lnTo>
                    <a:pt x="28" y="318"/>
                  </a:lnTo>
                  <a:lnTo>
                    <a:pt x="36" y="322"/>
                  </a:lnTo>
                  <a:lnTo>
                    <a:pt x="45" y="326"/>
                  </a:lnTo>
                  <a:lnTo>
                    <a:pt x="55" y="330"/>
                  </a:lnTo>
                  <a:lnTo>
                    <a:pt x="77" y="335"/>
                  </a:lnTo>
                  <a:lnTo>
                    <a:pt x="102" y="339"/>
                  </a:lnTo>
                  <a:lnTo>
                    <a:pt x="130" y="341"/>
                  </a:lnTo>
                  <a:lnTo>
                    <a:pt x="130" y="364"/>
                  </a:lnTo>
                  <a:lnTo>
                    <a:pt x="130" y="364"/>
                  </a:lnTo>
                  <a:lnTo>
                    <a:pt x="134" y="364"/>
                  </a:lnTo>
                  <a:lnTo>
                    <a:pt x="138" y="363"/>
                  </a:lnTo>
                  <a:lnTo>
                    <a:pt x="138" y="363"/>
                  </a:lnTo>
                  <a:lnTo>
                    <a:pt x="143" y="364"/>
                  </a:lnTo>
                  <a:lnTo>
                    <a:pt x="148" y="364"/>
                  </a:lnTo>
                  <a:lnTo>
                    <a:pt x="148" y="341"/>
                  </a:lnTo>
                  <a:lnTo>
                    <a:pt x="148" y="341"/>
                  </a:lnTo>
                  <a:lnTo>
                    <a:pt x="175" y="339"/>
                  </a:lnTo>
                  <a:lnTo>
                    <a:pt x="199" y="334"/>
                  </a:lnTo>
                  <a:lnTo>
                    <a:pt x="221" y="329"/>
                  </a:lnTo>
                  <a:lnTo>
                    <a:pt x="239" y="322"/>
                  </a:lnTo>
                  <a:lnTo>
                    <a:pt x="247" y="318"/>
                  </a:lnTo>
                  <a:lnTo>
                    <a:pt x="254" y="313"/>
                  </a:lnTo>
                  <a:lnTo>
                    <a:pt x="260" y="308"/>
                  </a:lnTo>
                  <a:lnTo>
                    <a:pt x="266" y="304"/>
                  </a:lnTo>
                  <a:lnTo>
                    <a:pt x="269" y="298"/>
                  </a:lnTo>
                  <a:lnTo>
                    <a:pt x="272" y="293"/>
                  </a:lnTo>
                  <a:lnTo>
                    <a:pt x="273" y="287"/>
                  </a:lnTo>
                  <a:lnTo>
                    <a:pt x="274" y="281"/>
                  </a:lnTo>
                  <a:lnTo>
                    <a:pt x="274" y="281"/>
                  </a:lnTo>
                  <a:close/>
                  <a:moveTo>
                    <a:pt x="58" y="313"/>
                  </a:moveTo>
                  <a:lnTo>
                    <a:pt x="58" y="313"/>
                  </a:lnTo>
                  <a:lnTo>
                    <a:pt x="54" y="312"/>
                  </a:lnTo>
                  <a:lnTo>
                    <a:pt x="49" y="310"/>
                  </a:lnTo>
                  <a:lnTo>
                    <a:pt x="47" y="306"/>
                  </a:lnTo>
                  <a:lnTo>
                    <a:pt x="46" y="301"/>
                  </a:lnTo>
                  <a:lnTo>
                    <a:pt x="46" y="301"/>
                  </a:lnTo>
                  <a:lnTo>
                    <a:pt x="47" y="297"/>
                  </a:lnTo>
                  <a:lnTo>
                    <a:pt x="49" y="294"/>
                  </a:lnTo>
                  <a:lnTo>
                    <a:pt x="54" y="291"/>
                  </a:lnTo>
                  <a:lnTo>
                    <a:pt x="58" y="290"/>
                  </a:lnTo>
                  <a:lnTo>
                    <a:pt x="58" y="290"/>
                  </a:lnTo>
                  <a:lnTo>
                    <a:pt x="63" y="291"/>
                  </a:lnTo>
                  <a:lnTo>
                    <a:pt x="66" y="294"/>
                  </a:lnTo>
                  <a:lnTo>
                    <a:pt x="69" y="297"/>
                  </a:lnTo>
                  <a:lnTo>
                    <a:pt x="69" y="301"/>
                  </a:lnTo>
                  <a:lnTo>
                    <a:pt x="69" y="301"/>
                  </a:lnTo>
                  <a:lnTo>
                    <a:pt x="69" y="306"/>
                  </a:lnTo>
                  <a:lnTo>
                    <a:pt x="66" y="310"/>
                  </a:lnTo>
                  <a:lnTo>
                    <a:pt x="63" y="312"/>
                  </a:lnTo>
                  <a:lnTo>
                    <a:pt x="58" y="313"/>
                  </a:lnTo>
                  <a:lnTo>
                    <a:pt x="58" y="3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26" name="Freeform 160">
              <a:extLst>
                <a:ext uri="{FF2B5EF4-FFF2-40B4-BE49-F238E27FC236}">
                  <a16:creationId xmlns:a16="http://schemas.microsoft.com/office/drawing/2014/main" xmlns="" id="{2028427A-DAEB-4B36-83FE-1B3CD5239E3E}"/>
                </a:ext>
              </a:extLst>
            </p:cNvPr>
            <p:cNvSpPr>
              <a:spLocks/>
            </p:cNvSpPr>
            <p:nvPr/>
          </p:nvSpPr>
          <p:spPr bwMode="auto">
            <a:xfrm>
              <a:off x="2130664" y="3027260"/>
              <a:ext cx="85725" cy="87313"/>
            </a:xfrm>
            <a:custGeom>
              <a:avLst/>
              <a:gdLst>
                <a:gd name="T0" fmla="*/ 54 w 54"/>
                <a:gd name="T1" fmla="*/ 28 h 55"/>
                <a:gd name="T2" fmla="*/ 54 w 54"/>
                <a:gd name="T3" fmla="*/ 28 h 55"/>
                <a:gd name="T4" fmla="*/ 53 w 54"/>
                <a:gd name="T5" fmla="*/ 33 h 55"/>
                <a:gd name="T6" fmla="*/ 52 w 54"/>
                <a:gd name="T7" fmla="*/ 39 h 55"/>
                <a:gd name="T8" fmla="*/ 49 w 54"/>
                <a:gd name="T9" fmla="*/ 43 h 55"/>
                <a:gd name="T10" fmla="*/ 46 w 54"/>
                <a:gd name="T11" fmla="*/ 46 h 55"/>
                <a:gd name="T12" fmla="*/ 42 w 54"/>
                <a:gd name="T13" fmla="*/ 50 h 55"/>
                <a:gd name="T14" fmla="*/ 37 w 54"/>
                <a:gd name="T15" fmla="*/ 53 h 55"/>
                <a:gd name="T16" fmla="*/ 32 w 54"/>
                <a:gd name="T17" fmla="*/ 54 h 55"/>
                <a:gd name="T18" fmla="*/ 26 w 54"/>
                <a:gd name="T19" fmla="*/ 55 h 55"/>
                <a:gd name="T20" fmla="*/ 26 w 54"/>
                <a:gd name="T21" fmla="*/ 55 h 55"/>
                <a:gd name="T22" fmla="*/ 21 w 54"/>
                <a:gd name="T23" fmla="*/ 54 h 55"/>
                <a:gd name="T24" fmla="*/ 17 w 54"/>
                <a:gd name="T25" fmla="*/ 53 h 55"/>
                <a:gd name="T26" fmla="*/ 11 w 54"/>
                <a:gd name="T27" fmla="*/ 50 h 55"/>
                <a:gd name="T28" fmla="*/ 8 w 54"/>
                <a:gd name="T29" fmla="*/ 46 h 55"/>
                <a:gd name="T30" fmla="*/ 4 w 54"/>
                <a:gd name="T31" fmla="*/ 43 h 55"/>
                <a:gd name="T32" fmla="*/ 1 w 54"/>
                <a:gd name="T33" fmla="*/ 39 h 55"/>
                <a:gd name="T34" fmla="*/ 0 w 54"/>
                <a:gd name="T35" fmla="*/ 33 h 55"/>
                <a:gd name="T36" fmla="*/ 0 w 54"/>
                <a:gd name="T37" fmla="*/ 28 h 55"/>
                <a:gd name="T38" fmla="*/ 0 w 54"/>
                <a:gd name="T39" fmla="*/ 28 h 55"/>
                <a:gd name="T40" fmla="*/ 0 w 54"/>
                <a:gd name="T41" fmla="*/ 22 h 55"/>
                <a:gd name="T42" fmla="*/ 1 w 54"/>
                <a:gd name="T43" fmla="*/ 17 h 55"/>
                <a:gd name="T44" fmla="*/ 4 w 54"/>
                <a:gd name="T45" fmla="*/ 12 h 55"/>
                <a:gd name="T46" fmla="*/ 8 w 54"/>
                <a:gd name="T47" fmla="*/ 9 h 55"/>
                <a:gd name="T48" fmla="*/ 11 w 54"/>
                <a:gd name="T49" fmla="*/ 6 h 55"/>
                <a:gd name="T50" fmla="*/ 17 w 54"/>
                <a:gd name="T51" fmla="*/ 3 h 55"/>
                <a:gd name="T52" fmla="*/ 21 w 54"/>
                <a:gd name="T53" fmla="*/ 1 h 55"/>
                <a:gd name="T54" fmla="*/ 26 w 54"/>
                <a:gd name="T55" fmla="*/ 0 h 55"/>
                <a:gd name="T56" fmla="*/ 26 w 54"/>
                <a:gd name="T57" fmla="*/ 0 h 55"/>
                <a:gd name="T58" fmla="*/ 32 w 54"/>
                <a:gd name="T59" fmla="*/ 1 h 55"/>
                <a:gd name="T60" fmla="*/ 37 w 54"/>
                <a:gd name="T61" fmla="*/ 3 h 55"/>
                <a:gd name="T62" fmla="*/ 42 w 54"/>
                <a:gd name="T63" fmla="*/ 6 h 55"/>
                <a:gd name="T64" fmla="*/ 46 w 54"/>
                <a:gd name="T65" fmla="*/ 9 h 55"/>
                <a:gd name="T66" fmla="*/ 49 w 54"/>
                <a:gd name="T67" fmla="*/ 12 h 55"/>
                <a:gd name="T68" fmla="*/ 52 w 54"/>
                <a:gd name="T69" fmla="*/ 17 h 55"/>
                <a:gd name="T70" fmla="*/ 53 w 54"/>
                <a:gd name="T71" fmla="*/ 22 h 55"/>
                <a:gd name="T72" fmla="*/ 54 w 54"/>
                <a:gd name="T73" fmla="*/ 28 h 55"/>
                <a:gd name="T74" fmla="*/ 54 w 54"/>
                <a:gd name="T75" fmla="*/ 28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54" h="55">
                  <a:moveTo>
                    <a:pt x="54" y="28"/>
                  </a:moveTo>
                  <a:lnTo>
                    <a:pt x="54" y="28"/>
                  </a:lnTo>
                  <a:lnTo>
                    <a:pt x="53" y="33"/>
                  </a:lnTo>
                  <a:lnTo>
                    <a:pt x="52" y="39"/>
                  </a:lnTo>
                  <a:lnTo>
                    <a:pt x="49" y="43"/>
                  </a:lnTo>
                  <a:lnTo>
                    <a:pt x="46" y="46"/>
                  </a:lnTo>
                  <a:lnTo>
                    <a:pt x="42" y="50"/>
                  </a:lnTo>
                  <a:lnTo>
                    <a:pt x="37" y="53"/>
                  </a:lnTo>
                  <a:lnTo>
                    <a:pt x="32" y="54"/>
                  </a:lnTo>
                  <a:lnTo>
                    <a:pt x="26" y="55"/>
                  </a:lnTo>
                  <a:lnTo>
                    <a:pt x="26" y="55"/>
                  </a:lnTo>
                  <a:lnTo>
                    <a:pt x="21" y="54"/>
                  </a:lnTo>
                  <a:lnTo>
                    <a:pt x="17" y="53"/>
                  </a:lnTo>
                  <a:lnTo>
                    <a:pt x="11" y="50"/>
                  </a:lnTo>
                  <a:lnTo>
                    <a:pt x="8" y="46"/>
                  </a:lnTo>
                  <a:lnTo>
                    <a:pt x="4" y="43"/>
                  </a:lnTo>
                  <a:lnTo>
                    <a:pt x="1" y="39"/>
                  </a:lnTo>
                  <a:lnTo>
                    <a:pt x="0" y="33"/>
                  </a:lnTo>
                  <a:lnTo>
                    <a:pt x="0" y="28"/>
                  </a:lnTo>
                  <a:lnTo>
                    <a:pt x="0" y="28"/>
                  </a:lnTo>
                  <a:lnTo>
                    <a:pt x="0" y="22"/>
                  </a:lnTo>
                  <a:lnTo>
                    <a:pt x="1" y="17"/>
                  </a:lnTo>
                  <a:lnTo>
                    <a:pt x="4" y="12"/>
                  </a:lnTo>
                  <a:lnTo>
                    <a:pt x="8" y="9"/>
                  </a:lnTo>
                  <a:lnTo>
                    <a:pt x="11" y="6"/>
                  </a:lnTo>
                  <a:lnTo>
                    <a:pt x="17" y="3"/>
                  </a:lnTo>
                  <a:lnTo>
                    <a:pt x="21" y="1"/>
                  </a:lnTo>
                  <a:lnTo>
                    <a:pt x="26" y="0"/>
                  </a:lnTo>
                  <a:lnTo>
                    <a:pt x="26" y="0"/>
                  </a:lnTo>
                  <a:lnTo>
                    <a:pt x="32" y="1"/>
                  </a:lnTo>
                  <a:lnTo>
                    <a:pt x="37" y="3"/>
                  </a:lnTo>
                  <a:lnTo>
                    <a:pt x="42" y="6"/>
                  </a:lnTo>
                  <a:lnTo>
                    <a:pt x="46" y="9"/>
                  </a:lnTo>
                  <a:lnTo>
                    <a:pt x="49" y="12"/>
                  </a:lnTo>
                  <a:lnTo>
                    <a:pt x="52" y="17"/>
                  </a:lnTo>
                  <a:lnTo>
                    <a:pt x="53" y="22"/>
                  </a:lnTo>
                  <a:lnTo>
                    <a:pt x="54" y="28"/>
                  </a:lnTo>
                  <a:lnTo>
                    <a:pt x="54" y="2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grpSp>
        <p:nvGrpSpPr>
          <p:cNvPr id="127" name="组合 387">
            <a:extLst>
              <a:ext uri="{FF2B5EF4-FFF2-40B4-BE49-F238E27FC236}">
                <a16:creationId xmlns:a16="http://schemas.microsoft.com/office/drawing/2014/main" xmlns="" id="{0D462109-8684-4263-8F76-80294EAAF4AE}"/>
              </a:ext>
            </a:extLst>
          </p:cNvPr>
          <p:cNvGrpSpPr/>
          <p:nvPr/>
        </p:nvGrpSpPr>
        <p:grpSpPr>
          <a:xfrm>
            <a:off x="5769338" y="5592512"/>
            <a:ext cx="292119" cy="304893"/>
            <a:chOff x="4622166" y="3061494"/>
            <a:chExt cx="489584" cy="615667"/>
          </a:xfrm>
          <a:solidFill>
            <a:srgbClr val="00B0F0"/>
          </a:solidFill>
        </p:grpSpPr>
        <p:grpSp>
          <p:nvGrpSpPr>
            <p:cNvPr id="128" name="组合 376">
              <a:extLst>
                <a:ext uri="{FF2B5EF4-FFF2-40B4-BE49-F238E27FC236}">
                  <a16:creationId xmlns:a16="http://schemas.microsoft.com/office/drawing/2014/main" xmlns="" id="{252A7F20-074A-4AB6-BF23-16C25682EA77}"/>
                </a:ext>
              </a:extLst>
            </p:cNvPr>
            <p:cNvGrpSpPr/>
            <p:nvPr/>
          </p:nvGrpSpPr>
          <p:grpSpPr>
            <a:xfrm>
              <a:off x="4622166" y="3467100"/>
              <a:ext cx="489584" cy="210061"/>
              <a:chOff x="3298897" y="4095287"/>
              <a:chExt cx="1257750" cy="591162"/>
            </a:xfrm>
            <a:grpFill/>
          </p:grpSpPr>
          <p:sp>
            <p:nvSpPr>
              <p:cNvPr id="135" name="Freeform 13">
                <a:extLst>
                  <a:ext uri="{FF2B5EF4-FFF2-40B4-BE49-F238E27FC236}">
                    <a16:creationId xmlns:a16="http://schemas.microsoft.com/office/drawing/2014/main" xmlns="" id="{682EB80C-47C1-4C8E-965F-02AEF62E5A1B}"/>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sp>
            <p:nvSpPr>
              <p:cNvPr id="136" name="Freeform 13">
                <a:extLst>
                  <a:ext uri="{FF2B5EF4-FFF2-40B4-BE49-F238E27FC236}">
                    <a16:creationId xmlns:a16="http://schemas.microsoft.com/office/drawing/2014/main" xmlns="" id="{AFF51986-3114-439E-A6A8-AD2C95842F6F}"/>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grpSp>
        <p:grpSp>
          <p:nvGrpSpPr>
            <p:cNvPr id="129" name="组合 379">
              <a:extLst>
                <a:ext uri="{FF2B5EF4-FFF2-40B4-BE49-F238E27FC236}">
                  <a16:creationId xmlns:a16="http://schemas.microsoft.com/office/drawing/2014/main" xmlns="" id="{3B67131C-151B-43F3-B2E7-AC2A7B2FE37F}"/>
                </a:ext>
              </a:extLst>
            </p:cNvPr>
            <p:cNvGrpSpPr/>
            <p:nvPr/>
          </p:nvGrpSpPr>
          <p:grpSpPr>
            <a:xfrm>
              <a:off x="4622166" y="3263900"/>
              <a:ext cx="489584" cy="210061"/>
              <a:chOff x="3298897" y="4095287"/>
              <a:chExt cx="1257750" cy="591162"/>
            </a:xfrm>
            <a:grpFill/>
          </p:grpSpPr>
          <p:sp>
            <p:nvSpPr>
              <p:cNvPr id="133" name="Freeform 13">
                <a:extLst>
                  <a:ext uri="{FF2B5EF4-FFF2-40B4-BE49-F238E27FC236}">
                    <a16:creationId xmlns:a16="http://schemas.microsoft.com/office/drawing/2014/main" xmlns="" id="{477D734E-2915-435E-84BE-174DD2F1DB9B}"/>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sp>
            <p:nvSpPr>
              <p:cNvPr id="134" name="Freeform 13">
                <a:extLst>
                  <a:ext uri="{FF2B5EF4-FFF2-40B4-BE49-F238E27FC236}">
                    <a16:creationId xmlns:a16="http://schemas.microsoft.com/office/drawing/2014/main" xmlns="" id="{C47523CF-2F98-49E0-BB59-45F89EECCB6F}"/>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grpSp>
        <p:grpSp>
          <p:nvGrpSpPr>
            <p:cNvPr id="130" name="组合 388">
              <a:extLst>
                <a:ext uri="{FF2B5EF4-FFF2-40B4-BE49-F238E27FC236}">
                  <a16:creationId xmlns:a16="http://schemas.microsoft.com/office/drawing/2014/main" xmlns="" id="{EDE062E9-B1DE-487F-9BC4-981F331809EE}"/>
                </a:ext>
              </a:extLst>
            </p:cNvPr>
            <p:cNvGrpSpPr/>
            <p:nvPr/>
          </p:nvGrpSpPr>
          <p:grpSpPr>
            <a:xfrm>
              <a:off x="4622166" y="3061494"/>
              <a:ext cx="489584" cy="210061"/>
              <a:chOff x="3298897" y="4095287"/>
              <a:chExt cx="1257750" cy="591162"/>
            </a:xfrm>
            <a:grpFill/>
          </p:grpSpPr>
          <p:sp>
            <p:nvSpPr>
              <p:cNvPr id="131" name="Freeform 13">
                <a:extLst>
                  <a:ext uri="{FF2B5EF4-FFF2-40B4-BE49-F238E27FC236}">
                    <a16:creationId xmlns:a16="http://schemas.microsoft.com/office/drawing/2014/main" xmlns="" id="{8F661D35-567A-48C8-92D6-7B20986A34CA}"/>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sp>
            <p:nvSpPr>
              <p:cNvPr id="132" name="Freeform 13">
                <a:extLst>
                  <a:ext uri="{FF2B5EF4-FFF2-40B4-BE49-F238E27FC236}">
                    <a16:creationId xmlns:a16="http://schemas.microsoft.com/office/drawing/2014/main" xmlns="" id="{6A47FBAE-9C60-459A-BE30-4A692252F920}"/>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grpSp>
      </p:grpSp>
      <p:sp>
        <p:nvSpPr>
          <p:cNvPr id="137" name="Freeform 6">
            <a:extLst>
              <a:ext uri="{FF2B5EF4-FFF2-40B4-BE49-F238E27FC236}">
                <a16:creationId xmlns:a16="http://schemas.microsoft.com/office/drawing/2014/main" xmlns="" id="{7BD5F8AF-7FF8-40FE-A472-0F65AFF8C7AD}"/>
              </a:ext>
            </a:extLst>
          </p:cNvPr>
          <p:cNvSpPr>
            <a:spLocks/>
          </p:cNvSpPr>
          <p:nvPr/>
        </p:nvSpPr>
        <p:spPr bwMode="auto">
          <a:xfrm>
            <a:off x="5688981" y="3745649"/>
            <a:ext cx="1727070" cy="955944"/>
          </a:xfrm>
          <a:custGeom>
            <a:avLst/>
            <a:gdLst>
              <a:gd name="T0" fmla="*/ 637 w 754"/>
              <a:gd name="T1" fmla="*/ 407 h 415"/>
              <a:gd name="T2" fmla="*/ 92 w 754"/>
              <a:gd name="T3" fmla="*/ 403 h 415"/>
              <a:gd name="T4" fmla="*/ 15 w 754"/>
              <a:gd name="T5" fmla="*/ 290 h 415"/>
              <a:gd name="T6" fmla="*/ 139 w 754"/>
              <a:gd name="T7" fmla="*/ 204 h 415"/>
              <a:gd name="T8" fmla="*/ 287 w 754"/>
              <a:gd name="T9" fmla="*/ 26 h 415"/>
              <a:gd name="T10" fmla="*/ 504 w 754"/>
              <a:gd name="T11" fmla="*/ 122 h 415"/>
              <a:gd name="T12" fmla="*/ 650 w 754"/>
              <a:gd name="T13" fmla="*/ 119 h 415"/>
              <a:gd name="T14" fmla="*/ 678 w 754"/>
              <a:gd name="T15" fmla="*/ 244 h 415"/>
              <a:gd name="T16" fmla="*/ 742 w 754"/>
              <a:gd name="T17" fmla="*/ 336 h 415"/>
              <a:gd name="T18" fmla="*/ 637 w 754"/>
              <a:gd name="T19" fmla="*/ 407 h 415"/>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8992 w 10000"/>
              <a:gd name="connsiteY7" fmla="*/ 5880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054 w 10000"/>
              <a:gd name="connsiteY7" fmla="*/ 5692 h 10000"/>
              <a:gd name="connsiteX8" fmla="*/ 9841 w 10000"/>
              <a:gd name="connsiteY8" fmla="*/ 8096 h 10000"/>
              <a:gd name="connsiteX9" fmla="*/ 8448 w 10000"/>
              <a:gd name="connsiteY9" fmla="*/ 9807 h 10000"/>
              <a:gd name="connsiteX0" fmla="*/ 8299 w 9710"/>
              <a:gd name="connsiteY0" fmla="*/ 9268 h 9273"/>
              <a:gd name="connsiteX1" fmla="*/ 312 w 9710"/>
              <a:gd name="connsiteY1" fmla="*/ 9160 h 9273"/>
              <a:gd name="connsiteX2" fmla="*/ 50 w 9710"/>
              <a:gd name="connsiteY2" fmla="*/ 6449 h 9273"/>
              <a:gd name="connsiteX3" fmla="*/ 1489 w 9710"/>
              <a:gd name="connsiteY3" fmla="*/ 3797 h 9273"/>
              <a:gd name="connsiteX4" fmla="*/ 3657 w 9710"/>
              <a:gd name="connsiteY4" fmla="*/ 88 h 9273"/>
              <a:gd name="connsiteX5" fmla="*/ 6535 w 9710"/>
              <a:gd name="connsiteY5" fmla="*/ 2401 h 9273"/>
              <a:gd name="connsiteX6" fmla="*/ 8472 w 9710"/>
              <a:gd name="connsiteY6" fmla="*/ 2328 h 9273"/>
              <a:gd name="connsiteX7" fmla="*/ 8905 w 9710"/>
              <a:gd name="connsiteY7" fmla="*/ 5153 h 9273"/>
              <a:gd name="connsiteX8" fmla="*/ 9692 w 9710"/>
              <a:gd name="connsiteY8" fmla="*/ 7557 h 9273"/>
              <a:gd name="connsiteX9" fmla="*/ 8299 w 9710"/>
              <a:gd name="connsiteY9" fmla="*/ 9268 h 9273"/>
              <a:gd name="connsiteX0" fmla="*/ 9077 w 9999"/>
              <a:gd name="connsiteY0" fmla="*/ 9995 h 10000"/>
              <a:gd name="connsiteX1" fmla="*/ 321 w 9999"/>
              <a:gd name="connsiteY1" fmla="*/ 9878 h 10000"/>
              <a:gd name="connsiteX2" fmla="*/ 51 w 9999"/>
              <a:gd name="connsiteY2" fmla="*/ 6955 h 10000"/>
              <a:gd name="connsiteX3" fmla="*/ 1533 w 9999"/>
              <a:gd name="connsiteY3" fmla="*/ 4095 h 10000"/>
              <a:gd name="connsiteX4" fmla="*/ 3766 w 9999"/>
              <a:gd name="connsiteY4" fmla="*/ 95 h 10000"/>
              <a:gd name="connsiteX5" fmla="*/ 6730 w 9999"/>
              <a:gd name="connsiteY5" fmla="*/ 2589 h 10000"/>
              <a:gd name="connsiteX6" fmla="*/ 8725 w 9999"/>
              <a:gd name="connsiteY6" fmla="*/ 2511 h 10000"/>
              <a:gd name="connsiteX7" fmla="*/ 9171 w 9999"/>
              <a:gd name="connsiteY7" fmla="*/ 5557 h 10000"/>
              <a:gd name="connsiteX8" fmla="*/ 9981 w 9999"/>
              <a:gd name="connsiteY8" fmla="*/ 8149 h 10000"/>
              <a:gd name="connsiteX9" fmla="*/ 9077 w 9999"/>
              <a:gd name="connsiteY9" fmla="*/ 9995 h 10000"/>
              <a:gd name="connsiteX0" fmla="*/ 8904 w 10000"/>
              <a:gd name="connsiteY0" fmla="*/ 9995 h 10000"/>
              <a:gd name="connsiteX1" fmla="*/ 321 w 10000"/>
              <a:gd name="connsiteY1" fmla="*/ 9878 h 10000"/>
              <a:gd name="connsiteX2" fmla="*/ 51 w 10000"/>
              <a:gd name="connsiteY2" fmla="*/ 6955 h 10000"/>
              <a:gd name="connsiteX3" fmla="*/ 1533 w 10000"/>
              <a:gd name="connsiteY3" fmla="*/ 4095 h 10000"/>
              <a:gd name="connsiteX4" fmla="*/ 3766 w 10000"/>
              <a:gd name="connsiteY4" fmla="*/ 95 h 10000"/>
              <a:gd name="connsiteX5" fmla="*/ 6731 w 10000"/>
              <a:gd name="connsiteY5" fmla="*/ 2589 h 10000"/>
              <a:gd name="connsiteX6" fmla="*/ 8726 w 10000"/>
              <a:gd name="connsiteY6" fmla="*/ 2511 h 10000"/>
              <a:gd name="connsiteX7" fmla="*/ 9172 w 10000"/>
              <a:gd name="connsiteY7" fmla="*/ 5557 h 10000"/>
              <a:gd name="connsiteX8" fmla="*/ 9982 w 10000"/>
              <a:gd name="connsiteY8" fmla="*/ 8149 h 10000"/>
              <a:gd name="connsiteX9" fmla="*/ 8904 w 10000"/>
              <a:gd name="connsiteY9" fmla="*/ 9995 h 10000"/>
              <a:gd name="connsiteX0" fmla="*/ 8904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8904 w 10002"/>
              <a:gd name="connsiteY9" fmla="*/ 9995 h 10000"/>
              <a:gd name="connsiteX0" fmla="*/ 9670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670 w 10002"/>
              <a:gd name="connsiteY9" fmla="*/ 9995 h 10000"/>
              <a:gd name="connsiteX0" fmla="*/ 9703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703 w 10002"/>
              <a:gd name="connsiteY9" fmla="*/ 9995 h 10000"/>
              <a:gd name="connsiteX0" fmla="*/ 9703 w 10002"/>
              <a:gd name="connsiteY0" fmla="*/ 9931 h 9942"/>
              <a:gd name="connsiteX1" fmla="*/ 321 w 10002"/>
              <a:gd name="connsiteY1" fmla="*/ 9878 h 9942"/>
              <a:gd name="connsiteX2" fmla="*/ 51 w 10002"/>
              <a:gd name="connsiteY2" fmla="*/ 6955 h 9942"/>
              <a:gd name="connsiteX3" fmla="*/ 1533 w 10002"/>
              <a:gd name="connsiteY3" fmla="*/ 4095 h 9942"/>
              <a:gd name="connsiteX4" fmla="*/ 3766 w 10002"/>
              <a:gd name="connsiteY4" fmla="*/ 95 h 9942"/>
              <a:gd name="connsiteX5" fmla="*/ 6731 w 10002"/>
              <a:gd name="connsiteY5" fmla="*/ 2589 h 9942"/>
              <a:gd name="connsiteX6" fmla="*/ 8726 w 10002"/>
              <a:gd name="connsiteY6" fmla="*/ 2511 h 9942"/>
              <a:gd name="connsiteX7" fmla="*/ 9266 w 10002"/>
              <a:gd name="connsiteY7" fmla="*/ 5557 h 9942"/>
              <a:gd name="connsiteX8" fmla="*/ 9982 w 10002"/>
              <a:gd name="connsiteY8" fmla="*/ 8149 h 9942"/>
              <a:gd name="connsiteX9" fmla="*/ 9703 w 10002"/>
              <a:gd name="connsiteY9" fmla="*/ 9931 h 99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002" h="9942">
                <a:moveTo>
                  <a:pt x="9703" y="9931"/>
                </a:moveTo>
                <a:lnTo>
                  <a:pt x="321" y="9878"/>
                </a:lnTo>
                <a:cubicBezTo>
                  <a:pt x="321" y="9878"/>
                  <a:pt x="-153" y="9397"/>
                  <a:pt x="51" y="6955"/>
                </a:cubicBezTo>
                <a:cubicBezTo>
                  <a:pt x="283" y="4304"/>
                  <a:pt x="1533" y="4095"/>
                  <a:pt x="1533" y="4095"/>
                </a:cubicBezTo>
                <a:cubicBezTo>
                  <a:pt x="1533" y="4095"/>
                  <a:pt x="1609" y="796"/>
                  <a:pt x="3766" y="95"/>
                </a:cubicBezTo>
                <a:cubicBezTo>
                  <a:pt x="5871" y="-581"/>
                  <a:pt x="6731" y="2589"/>
                  <a:pt x="6731" y="2589"/>
                </a:cubicBezTo>
                <a:cubicBezTo>
                  <a:pt x="6731" y="2589"/>
                  <a:pt x="7810" y="1082"/>
                  <a:pt x="8726" y="2511"/>
                </a:cubicBezTo>
                <a:cubicBezTo>
                  <a:pt x="9490" y="3681"/>
                  <a:pt x="9266" y="5557"/>
                  <a:pt x="9266" y="5557"/>
                </a:cubicBezTo>
                <a:cubicBezTo>
                  <a:pt x="9266" y="5557"/>
                  <a:pt x="10146" y="6278"/>
                  <a:pt x="9982" y="8149"/>
                </a:cubicBezTo>
                <a:cubicBezTo>
                  <a:pt x="9804" y="10203"/>
                  <a:pt x="9703" y="9931"/>
                  <a:pt x="9703" y="9931"/>
                </a:cubicBezTo>
                <a:close/>
              </a:path>
            </a:pathLst>
          </a:custGeom>
          <a:noFill/>
          <a:ln w="19050" cap="flat">
            <a:solidFill>
              <a:srgbClr val="00B0F0"/>
            </a:solidFill>
            <a:prstDash val="solid"/>
            <a:miter lim="800000"/>
            <a:headEnd/>
            <a:tailEnd/>
          </a:ln>
        </p:spPr>
        <p:txBody>
          <a:bodyPr vert="horz" wrap="square" lIns="91416" tIns="45708" rIns="91416" bIns="45708" numCol="1" anchor="t" anchorCtr="0" compatLnSpc="1">
            <a:prstTxWarp prst="textNoShape">
              <a:avLst/>
            </a:prstTxWarp>
          </a:bodyPr>
          <a:lstStyle/>
          <a:p>
            <a:pPr defTabSz="914373">
              <a:defRPr/>
            </a:pPr>
            <a:endParaRPr lang="zh-CN" altLang="en-US" sz="1600" kern="0">
              <a:cs typeface="+mn-ea"/>
              <a:sym typeface="+mn-lt"/>
            </a:endParaRPr>
          </a:p>
        </p:txBody>
      </p:sp>
      <p:sp>
        <p:nvSpPr>
          <p:cNvPr id="138" name="矩形 137">
            <a:extLst>
              <a:ext uri="{FF2B5EF4-FFF2-40B4-BE49-F238E27FC236}">
                <a16:creationId xmlns:a16="http://schemas.microsoft.com/office/drawing/2014/main" xmlns="" id="{481DB040-A84F-487A-87AD-308D09B91345}"/>
              </a:ext>
            </a:extLst>
          </p:cNvPr>
          <p:cNvSpPr/>
          <p:nvPr/>
        </p:nvSpPr>
        <p:spPr>
          <a:xfrm>
            <a:off x="5910510" y="3954475"/>
            <a:ext cx="1194917" cy="338554"/>
          </a:xfrm>
          <a:prstGeom prst="rect">
            <a:avLst/>
          </a:prstGeom>
        </p:spPr>
        <p:txBody>
          <a:bodyPr wrap="square">
            <a:spAutoFit/>
          </a:bodyPr>
          <a:lstStyle/>
          <a:p>
            <a:pPr algn="ctr" defTabSz="914373"/>
            <a:r>
              <a:rPr lang="en-US" altLang="zh-CN" sz="1600" kern="0" dirty="0">
                <a:cs typeface="+mn-ea"/>
                <a:sym typeface="+mn-lt"/>
              </a:rPr>
              <a:t>DC Fabric</a:t>
            </a:r>
          </a:p>
        </p:txBody>
      </p:sp>
      <p:grpSp>
        <p:nvGrpSpPr>
          <p:cNvPr id="139" name="组合 58">
            <a:extLst>
              <a:ext uri="{FF2B5EF4-FFF2-40B4-BE49-F238E27FC236}">
                <a16:creationId xmlns:a16="http://schemas.microsoft.com/office/drawing/2014/main" xmlns="" id="{180744BF-7989-485A-82F8-EDA07F5A69CD}"/>
              </a:ext>
            </a:extLst>
          </p:cNvPr>
          <p:cNvGrpSpPr/>
          <p:nvPr/>
        </p:nvGrpSpPr>
        <p:grpSpPr>
          <a:xfrm>
            <a:off x="6126724" y="4269395"/>
            <a:ext cx="314408" cy="337526"/>
            <a:chOff x="6389297" y="1972462"/>
            <a:chExt cx="3812876" cy="3623095"/>
          </a:xfrm>
        </p:grpSpPr>
        <p:grpSp>
          <p:nvGrpSpPr>
            <p:cNvPr id="140" name="组合 103">
              <a:extLst>
                <a:ext uri="{FF2B5EF4-FFF2-40B4-BE49-F238E27FC236}">
                  <a16:creationId xmlns:a16="http://schemas.microsoft.com/office/drawing/2014/main" xmlns="" id="{F153ADF0-6D37-4E30-8915-51A66AA96D9A}"/>
                </a:ext>
              </a:extLst>
            </p:cNvPr>
            <p:cNvGrpSpPr/>
            <p:nvPr/>
          </p:nvGrpSpPr>
          <p:grpSpPr>
            <a:xfrm>
              <a:off x="6389297" y="1972462"/>
              <a:ext cx="3812876" cy="3623095"/>
              <a:chOff x="2682814" y="2216988"/>
              <a:chExt cx="3812876" cy="3623095"/>
            </a:xfrm>
          </p:grpSpPr>
          <p:sp>
            <p:nvSpPr>
              <p:cNvPr id="143" name="八边形 142">
                <a:extLst>
                  <a:ext uri="{FF2B5EF4-FFF2-40B4-BE49-F238E27FC236}">
                    <a16:creationId xmlns:a16="http://schemas.microsoft.com/office/drawing/2014/main" xmlns="" id="{77D59B88-7813-4D41-B639-B9C5BCEEC5B9}"/>
                  </a:ext>
                </a:extLst>
              </p:cNvPr>
              <p:cNvSpPr/>
              <p:nvPr/>
            </p:nvSpPr>
            <p:spPr>
              <a:xfrm>
                <a:off x="2812211" y="2346385"/>
                <a:ext cx="3554083" cy="3364302"/>
              </a:xfrm>
              <a:prstGeom prst="octagon">
                <a:avLst/>
              </a:prstGeom>
              <a:no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44" name="椭圆 143">
                <a:extLst>
                  <a:ext uri="{FF2B5EF4-FFF2-40B4-BE49-F238E27FC236}">
                    <a16:creationId xmlns:a16="http://schemas.microsoft.com/office/drawing/2014/main" xmlns="" id="{E3FCA612-975B-4EF1-BAFB-6B7A3E415D5E}"/>
                  </a:ext>
                </a:extLst>
              </p:cNvPr>
              <p:cNvSpPr/>
              <p:nvPr/>
            </p:nvSpPr>
            <p:spPr>
              <a:xfrm>
                <a:off x="3657600" y="2216988"/>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45" name="椭圆 144">
                <a:extLst>
                  <a:ext uri="{FF2B5EF4-FFF2-40B4-BE49-F238E27FC236}">
                    <a16:creationId xmlns:a16="http://schemas.microsoft.com/office/drawing/2014/main" xmlns="" id="{20FC2A58-3F2B-4790-8129-662DD4CDC59E}"/>
                  </a:ext>
                </a:extLst>
              </p:cNvPr>
              <p:cNvSpPr/>
              <p:nvPr/>
            </p:nvSpPr>
            <p:spPr>
              <a:xfrm>
                <a:off x="5244861" y="558129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46" name="椭圆 145">
                <a:extLst>
                  <a:ext uri="{FF2B5EF4-FFF2-40B4-BE49-F238E27FC236}">
                    <a16:creationId xmlns:a16="http://schemas.microsoft.com/office/drawing/2014/main" xmlns="" id="{367858DA-887A-4BFE-B23E-8813871220F1}"/>
                  </a:ext>
                </a:extLst>
              </p:cNvPr>
              <p:cNvSpPr/>
              <p:nvPr/>
            </p:nvSpPr>
            <p:spPr>
              <a:xfrm>
                <a:off x="5244861" y="2216988"/>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47" name="椭圆 146">
                <a:extLst>
                  <a:ext uri="{FF2B5EF4-FFF2-40B4-BE49-F238E27FC236}">
                    <a16:creationId xmlns:a16="http://schemas.microsoft.com/office/drawing/2014/main" xmlns="" id="{5811EAFD-6EA7-4AE0-8025-FF386D5D06B5}"/>
                  </a:ext>
                </a:extLst>
              </p:cNvPr>
              <p:cNvSpPr/>
              <p:nvPr/>
            </p:nvSpPr>
            <p:spPr>
              <a:xfrm>
                <a:off x="3657600" y="5581289"/>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48" name="椭圆 147">
                <a:extLst>
                  <a:ext uri="{FF2B5EF4-FFF2-40B4-BE49-F238E27FC236}">
                    <a16:creationId xmlns:a16="http://schemas.microsoft.com/office/drawing/2014/main" xmlns="" id="{D5B68ABE-FE4B-4CB7-85B7-89FFD9969B6E}"/>
                  </a:ext>
                </a:extLst>
              </p:cNvPr>
              <p:cNvSpPr/>
              <p:nvPr/>
            </p:nvSpPr>
            <p:spPr>
              <a:xfrm>
                <a:off x="2682814" y="4537491"/>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49" name="椭圆 148">
                <a:extLst>
                  <a:ext uri="{FF2B5EF4-FFF2-40B4-BE49-F238E27FC236}">
                    <a16:creationId xmlns:a16="http://schemas.microsoft.com/office/drawing/2014/main" xmlns="" id="{1881E0A2-7399-44CC-99B4-B85DDCD770A6}"/>
                  </a:ext>
                </a:extLst>
              </p:cNvPr>
              <p:cNvSpPr/>
              <p:nvPr/>
            </p:nvSpPr>
            <p:spPr>
              <a:xfrm>
                <a:off x="2682814" y="319177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50" name="椭圆 149">
                <a:extLst>
                  <a:ext uri="{FF2B5EF4-FFF2-40B4-BE49-F238E27FC236}">
                    <a16:creationId xmlns:a16="http://schemas.microsoft.com/office/drawing/2014/main" xmlns="" id="{BD19CFE1-8A66-41DA-A9DC-D19E3D5A6802}"/>
                  </a:ext>
                </a:extLst>
              </p:cNvPr>
              <p:cNvSpPr/>
              <p:nvPr/>
            </p:nvSpPr>
            <p:spPr>
              <a:xfrm>
                <a:off x="6236897" y="319177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sp>
            <p:nvSpPr>
              <p:cNvPr id="151" name="椭圆 150">
                <a:extLst>
                  <a:ext uri="{FF2B5EF4-FFF2-40B4-BE49-F238E27FC236}">
                    <a16:creationId xmlns:a16="http://schemas.microsoft.com/office/drawing/2014/main" xmlns="" id="{4D0A42F6-9B11-4B24-9DBE-2933DD4AA154}"/>
                  </a:ext>
                </a:extLst>
              </p:cNvPr>
              <p:cNvSpPr/>
              <p:nvPr/>
            </p:nvSpPr>
            <p:spPr>
              <a:xfrm>
                <a:off x="6236897" y="4597872"/>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a:solidFill>
                    <a:schemeClr val="tx1"/>
                  </a:solidFill>
                  <a:cs typeface="+mn-ea"/>
                  <a:sym typeface="+mn-lt"/>
                </a:endParaRPr>
              </a:p>
            </p:txBody>
          </p:sp>
          <p:cxnSp>
            <p:nvCxnSpPr>
              <p:cNvPr id="152" name="直接连接符 151">
                <a:extLst>
                  <a:ext uri="{FF2B5EF4-FFF2-40B4-BE49-F238E27FC236}">
                    <a16:creationId xmlns:a16="http://schemas.microsoft.com/office/drawing/2014/main" xmlns="" id="{2F3B4974-6291-44D5-AFE7-85CD8ED034C9}"/>
                  </a:ext>
                </a:extLst>
              </p:cNvPr>
              <p:cNvCxnSpPr>
                <a:stCxn id="144" idx="5"/>
                <a:endCxn id="145" idx="1"/>
              </p:cNvCxnSpPr>
              <p:nvPr/>
            </p:nvCxnSpPr>
            <p:spPr>
              <a:xfrm>
                <a:off x="3878494" y="2437882"/>
                <a:ext cx="1404266" cy="3181307"/>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3" name="直接连接符 152">
                <a:extLst>
                  <a:ext uri="{FF2B5EF4-FFF2-40B4-BE49-F238E27FC236}">
                    <a16:creationId xmlns:a16="http://schemas.microsoft.com/office/drawing/2014/main" xmlns="" id="{27C98BE4-A24E-423F-B41B-C2656B2D4BC1}"/>
                  </a:ext>
                </a:extLst>
              </p:cNvPr>
              <p:cNvCxnSpPr>
                <a:endCxn id="147" idx="7"/>
              </p:cNvCxnSpPr>
              <p:nvPr/>
            </p:nvCxnSpPr>
            <p:spPr>
              <a:xfrm flipH="1">
                <a:off x="3878494" y="2475781"/>
                <a:ext cx="1487137" cy="3143407"/>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4" name="直接连接符 153">
                <a:extLst>
                  <a:ext uri="{FF2B5EF4-FFF2-40B4-BE49-F238E27FC236}">
                    <a16:creationId xmlns:a16="http://schemas.microsoft.com/office/drawing/2014/main" xmlns="" id="{0D0AEBE0-9B78-465B-AF67-2093888A840B}"/>
                  </a:ext>
                </a:extLst>
              </p:cNvPr>
              <p:cNvCxnSpPr/>
              <p:nvPr/>
            </p:nvCxnSpPr>
            <p:spPr>
              <a:xfrm flipH="1">
                <a:off x="2941607" y="3321166"/>
                <a:ext cx="3424687" cy="0"/>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5" name="直接连接符 154">
                <a:extLst>
                  <a:ext uri="{FF2B5EF4-FFF2-40B4-BE49-F238E27FC236}">
                    <a16:creationId xmlns:a16="http://schemas.microsoft.com/office/drawing/2014/main" xmlns="" id="{7FFA6510-166B-4EA6-BA34-EE7064BD137A}"/>
                  </a:ext>
                </a:extLst>
              </p:cNvPr>
              <p:cNvCxnSpPr>
                <a:endCxn id="149" idx="5"/>
              </p:cNvCxnSpPr>
              <p:nvPr/>
            </p:nvCxnSpPr>
            <p:spPr>
              <a:xfrm flipH="1" flipV="1">
                <a:off x="2903708" y="3412664"/>
                <a:ext cx="3333189" cy="1254224"/>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6" name="直接连接符 155">
                <a:extLst>
                  <a:ext uri="{FF2B5EF4-FFF2-40B4-BE49-F238E27FC236}">
                    <a16:creationId xmlns:a16="http://schemas.microsoft.com/office/drawing/2014/main" xmlns="" id="{C57234F2-CC28-4C98-BAFB-7F71997746F7}"/>
                  </a:ext>
                </a:extLst>
              </p:cNvPr>
              <p:cNvCxnSpPr>
                <a:endCxn id="148" idx="6"/>
              </p:cNvCxnSpPr>
              <p:nvPr/>
            </p:nvCxnSpPr>
            <p:spPr>
              <a:xfrm flipH="1">
                <a:off x="2941607" y="3393716"/>
                <a:ext cx="3295290" cy="1273172"/>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7" name="直接连接符 156">
                <a:extLst>
                  <a:ext uri="{FF2B5EF4-FFF2-40B4-BE49-F238E27FC236}">
                    <a16:creationId xmlns:a16="http://schemas.microsoft.com/office/drawing/2014/main" xmlns="" id="{F6A9F4B9-9907-4302-8175-56DC95726EE5}"/>
                  </a:ext>
                </a:extLst>
              </p:cNvPr>
              <p:cNvCxnSpPr/>
              <p:nvPr/>
            </p:nvCxnSpPr>
            <p:spPr>
              <a:xfrm flipH="1">
                <a:off x="2941607" y="4727268"/>
                <a:ext cx="3424687" cy="0"/>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8" name="直接连接符 157">
                <a:extLst>
                  <a:ext uri="{FF2B5EF4-FFF2-40B4-BE49-F238E27FC236}">
                    <a16:creationId xmlns:a16="http://schemas.microsoft.com/office/drawing/2014/main" xmlns="" id="{AE2E565E-4661-41BA-841A-17E234356271}"/>
                  </a:ext>
                </a:extLst>
              </p:cNvPr>
              <p:cNvCxnSpPr>
                <a:stCxn id="147" idx="0"/>
                <a:endCxn id="144" idx="4"/>
              </p:cNvCxnSpPr>
              <p:nvPr/>
            </p:nvCxnSpPr>
            <p:spPr>
              <a:xfrm flipV="1">
                <a:off x="3786997" y="2475781"/>
                <a:ext cx="0" cy="3105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9" name="直接连接符 158">
                <a:extLst>
                  <a:ext uri="{FF2B5EF4-FFF2-40B4-BE49-F238E27FC236}">
                    <a16:creationId xmlns:a16="http://schemas.microsoft.com/office/drawing/2014/main" xmlns="" id="{12A49F97-7475-4826-A73F-45A848BD96A1}"/>
                  </a:ext>
                </a:extLst>
              </p:cNvPr>
              <p:cNvCxnSpPr/>
              <p:nvPr/>
            </p:nvCxnSpPr>
            <p:spPr>
              <a:xfrm flipV="1">
                <a:off x="5400137" y="2475781"/>
                <a:ext cx="0" cy="3105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60" name="直接连接符 159">
                <a:extLst>
                  <a:ext uri="{FF2B5EF4-FFF2-40B4-BE49-F238E27FC236}">
                    <a16:creationId xmlns:a16="http://schemas.microsoft.com/office/drawing/2014/main" xmlns="" id="{F9D4452C-4D4D-4E41-B67B-818A757375B9}"/>
                  </a:ext>
                </a:extLst>
              </p:cNvPr>
              <p:cNvCxnSpPr>
                <a:stCxn id="146" idx="3"/>
                <a:endCxn id="148" idx="7"/>
              </p:cNvCxnSpPr>
              <p:nvPr/>
            </p:nvCxnSpPr>
            <p:spPr>
              <a:xfrm flipH="1">
                <a:off x="2903708" y="2437882"/>
                <a:ext cx="2379052" cy="2137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61" name="直接连接符 160">
                <a:extLst>
                  <a:ext uri="{FF2B5EF4-FFF2-40B4-BE49-F238E27FC236}">
                    <a16:creationId xmlns:a16="http://schemas.microsoft.com/office/drawing/2014/main" xmlns="" id="{272BE5CE-84D9-48EC-9E37-B6849982A2C4}"/>
                  </a:ext>
                </a:extLst>
              </p:cNvPr>
              <p:cNvCxnSpPr>
                <a:stCxn id="150" idx="3"/>
              </p:cNvCxnSpPr>
              <p:nvPr/>
            </p:nvCxnSpPr>
            <p:spPr>
              <a:xfrm flipH="1">
                <a:off x="3722298" y="3412664"/>
                <a:ext cx="2552498" cy="238335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grpSp>
        <p:cxnSp>
          <p:nvCxnSpPr>
            <p:cNvPr id="141" name="直接连接符 140">
              <a:extLst>
                <a:ext uri="{FF2B5EF4-FFF2-40B4-BE49-F238E27FC236}">
                  <a16:creationId xmlns:a16="http://schemas.microsoft.com/office/drawing/2014/main" xmlns="" id="{AFB33763-64C7-41C8-9748-8BC2CBC710E8}"/>
                </a:ext>
              </a:extLst>
            </p:cNvPr>
            <p:cNvCxnSpPr>
              <a:endCxn id="144" idx="7"/>
            </p:cNvCxnSpPr>
            <p:nvPr/>
          </p:nvCxnSpPr>
          <p:spPr>
            <a:xfrm flipH="1" flipV="1">
              <a:off x="7584977" y="2010361"/>
              <a:ext cx="2548702" cy="2533285"/>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42" name="直接连接符 141">
              <a:extLst>
                <a:ext uri="{FF2B5EF4-FFF2-40B4-BE49-F238E27FC236}">
                  <a16:creationId xmlns:a16="http://schemas.microsoft.com/office/drawing/2014/main" xmlns="" id="{FEA2B6A7-67F7-4900-A0B1-E3A87A127FFA}"/>
                </a:ext>
              </a:extLst>
            </p:cNvPr>
            <p:cNvCxnSpPr>
              <a:stCxn id="145" idx="1"/>
              <a:endCxn id="149" idx="4"/>
            </p:cNvCxnSpPr>
            <p:nvPr/>
          </p:nvCxnSpPr>
          <p:spPr>
            <a:xfrm flipH="1" flipV="1">
              <a:off x="6518694" y="3206037"/>
              <a:ext cx="2470549" cy="2168626"/>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grpSp>
      <p:grpSp>
        <p:nvGrpSpPr>
          <p:cNvPr id="162" name="组合 195">
            <a:extLst>
              <a:ext uri="{FF2B5EF4-FFF2-40B4-BE49-F238E27FC236}">
                <a16:creationId xmlns:a16="http://schemas.microsoft.com/office/drawing/2014/main" xmlns="" id="{E122533A-738E-4BA5-B9EA-FA7BB93F9A60}"/>
              </a:ext>
            </a:extLst>
          </p:cNvPr>
          <p:cNvGrpSpPr>
            <a:grpSpLocks noChangeAspect="1"/>
          </p:cNvGrpSpPr>
          <p:nvPr/>
        </p:nvGrpSpPr>
        <p:grpSpPr>
          <a:xfrm>
            <a:off x="6552639" y="4379787"/>
            <a:ext cx="290238" cy="268952"/>
            <a:chOff x="171393" y="3704832"/>
            <a:chExt cx="325829" cy="302898"/>
          </a:xfrm>
        </p:grpSpPr>
        <p:grpSp>
          <p:nvGrpSpPr>
            <p:cNvPr id="163" name="组合 923">
              <a:extLst>
                <a:ext uri="{FF2B5EF4-FFF2-40B4-BE49-F238E27FC236}">
                  <a16:creationId xmlns:a16="http://schemas.microsoft.com/office/drawing/2014/main" xmlns="" id="{A6E32FE0-9605-4A65-A512-393BDF155DA0}"/>
                </a:ext>
              </a:extLst>
            </p:cNvPr>
            <p:cNvGrpSpPr/>
            <p:nvPr/>
          </p:nvGrpSpPr>
          <p:grpSpPr>
            <a:xfrm>
              <a:off x="336339" y="3704832"/>
              <a:ext cx="160883" cy="299720"/>
              <a:chOff x="5046989" y="3939464"/>
              <a:chExt cx="185575" cy="402656"/>
            </a:xfrm>
          </p:grpSpPr>
          <p:sp>
            <p:nvSpPr>
              <p:cNvPr id="165" name="圆角矩形 471">
                <a:extLst>
                  <a:ext uri="{FF2B5EF4-FFF2-40B4-BE49-F238E27FC236}">
                    <a16:creationId xmlns:a16="http://schemas.microsoft.com/office/drawing/2014/main" xmlns="" id="{412873A1-645B-470E-8A42-03BDE7D0167F}"/>
                  </a:ext>
                </a:extLst>
              </p:cNvPr>
              <p:cNvSpPr/>
              <p:nvPr/>
            </p:nvSpPr>
            <p:spPr bwMode="auto">
              <a:xfrm>
                <a:off x="5046989" y="3939464"/>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a:lnSpc>
                    <a:spcPct val="140000"/>
                  </a:lnSpc>
                  <a:buClr>
                    <a:srgbClr val="CC9900"/>
                  </a:buClr>
                  <a:buSzPct val="60000"/>
                </a:pPr>
                <a:endParaRPr lang="zh-CN" altLang="en-US" sz="1600" b="1" dirty="0">
                  <a:cs typeface="+mn-ea"/>
                  <a:sym typeface="+mn-lt"/>
                </a:endParaRPr>
              </a:p>
            </p:txBody>
          </p:sp>
          <p:sp>
            <p:nvSpPr>
              <p:cNvPr id="167" name="圆角矩形 473">
                <a:extLst>
                  <a:ext uri="{FF2B5EF4-FFF2-40B4-BE49-F238E27FC236}">
                    <a16:creationId xmlns:a16="http://schemas.microsoft.com/office/drawing/2014/main" xmlns="" id="{22571AB9-5583-4B9F-A0FA-4BD899828E9E}"/>
                  </a:ext>
                </a:extLst>
              </p:cNvPr>
              <p:cNvSpPr/>
              <p:nvPr/>
            </p:nvSpPr>
            <p:spPr bwMode="auto">
              <a:xfrm>
                <a:off x="5046989" y="4077482"/>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a:lnSpc>
                    <a:spcPct val="140000"/>
                  </a:lnSpc>
                  <a:buClr>
                    <a:srgbClr val="CC9900"/>
                  </a:buClr>
                  <a:buSzPct val="60000"/>
                </a:pPr>
                <a:endParaRPr lang="zh-CN" altLang="en-US" sz="1600" b="1" dirty="0">
                  <a:cs typeface="+mn-ea"/>
                  <a:sym typeface="+mn-lt"/>
                </a:endParaRPr>
              </a:p>
            </p:txBody>
          </p:sp>
          <p:sp>
            <p:nvSpPr>
              <p:cNvPr id="168" name="圆角矩形 474">
                <a:extLst>
                  <a:ext uri="{FF2B5EF4-FFF2-40B4-BE49-F238E27FC236}">
                    <a16:creationId xmlns:a16="http://schemas.microsoft.com/office/drawing/2014/main" xmlns="" id="{53EAF2FC-EAA7-49E7-B5AA-19D36EE4350C}"/>
                  </a:ext>
                </a:extLst>
              </p:cNvPr>
              <p:cNvSpPr/>
              <p:nvPr/>
            </p:nvSpPr>
            <p:spPr bwMode="auto">
              <a:xfrm>
                <a:off x="5046989" y="4220121"/>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a:lnSpc>
                    <a:spcPct val="140000"/>
                  </a:lnSpc>
                  <a:buClr>
                    <a:srgbClr val="CC9900"/>
                  </a:buClr>
                  <a:buSzPct val="60000"/>
                </a:pPr>
                <a:endParaRPr lang="zh-CN" altLang="en-US" sz="1600" b="1" dirty="0">
                  <a:cs typeface="+mn-ea"/>
                  <a:sym typeface="+mn-lt"/>
                </a:endParaRPr>
              </a:p>
            </p:txBody>
          </p:sp>
        </p:grpSp>
        <p:sp>
          <p:nvSpPr>
            <p:cNvPr id="164" name="Freeform 151">
              <a:extLst>
                <a:ext uri="{FF2B5EF4-FFF2-40B4-BE49-F238E27FC236}">
                  <a16:creationId xmlns:a16="http://schemas.microsoft.com/office/drawing/2014/main" xmlns="" id="{B05599D4-9B9A-435F-A20C-BC408B56B586}"/>
                </a:ext>
              </a:extLst>
            </p:cNvPr>
            <p:cNvSpPr>
              <a:spLocks noEditPoints="1"/>
            </p:cNvSpPr>
            <p:nvPr/>
          </p:nvSpPr>
          <p:spPr bwMode="auto">
            <a:xfrm>
              <a:off x="171393" y="3707174"/>
              <a:ext cx="155004" cy="300556"/>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00B0F0"/>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dirty="0">
                <a:cs typeface="+mn-ea"/>
                <a:sym typeface="+mn-lt"/>
              </a:endParaRPr>
            </a:p>
          </p:txBody>
        </p:sp>
      </p:grpSp>
      <p:sp>
        <p:nvSpPr>
          <p:cNvPr id="171" name="圆角矩形 477">
            <a:extLst>
              <a:ext uri="{FF2B5EF4-FFF2-40B4-BE49-F238E27FC236}">
                <a16:creationId xmlns:a16="http://schemas.microsoft.com/office/drawing/2014/main" xmlns="" id="{8529F2B7-6BBF-4E42-8161-2CB004CD8C70}"/>
              </a:ext>
            </a:extLst>
          </p:cNvPr>
          <p:cNvSpPr/>
          <p:nvPr/>
        </p:nvSpPr>
        <p:spPr>
          <a:xfrm>
            <a:off x="6552519" y="4248495"/>
            <a:ext cx="287505" cy="116621"/>
          </a:xfrm>
          <a:prstGeom prst="roundRect">
            <a:avLst/>
          </a:prstGeom>
          <a:solidFill>
            <a:srgbClr val="00B0F0"/>
          </a:solidFill>
          <a:ln w="190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zh-CN" altLang="en-US" sz="1600" dirty="0">
              <a:solidFill>
                <a:schemeClr val="tx2"/>
              </a:solidFill>
              <a:cs typeface="+mn-ea"/>
              <a:sym typeface="+mn-lt"/>
            </a:endParaRPr>
          </a:p>
        </p:txBody>
      </p:sp>
      <p:grpSp>
        <p:nvGrpSpPr>
          <p:cNvPr id="172" name="组合 94">
            <a:extLst>
              <a:ext uri="{FF2B5EF4-FFF2-40B4-BE49-F238E27FC236}">
                <a16:creationId xmlns:a16="http://schemas.microsoft.com/office/drawing/2014/main" xmlns="" id="{71FEB463-D7AD-4364-8379-38EDB2E7E4D1}"/>
              </a:ext>
            </a:extLst>
          </p:cNvPr>
          <p:cNvGrpSpPr/>
          <p:nvPr/>
        </p:nvGrpSpPr>
        <p:grpSpPr>
          <a:xfrm>
            <a:off x="6953159" y="4278328"/>
            <a:ext cx="236748" cy="385363"/>
            <a:chOff x="1952864" y="2443060"/>
            <a:chExt cx="439738" cy="671513"/>
          </a:xfrm>
          <a:solidFill>
            <a:srgbClr val="00B0F0"/>
          </a:solidFill>
        </p:grpSpPr>
        <p:sp>
          <p:nvSpPr>
            <p:cNvPr id="173" name="Line 157">
              <a:extLst>
                <a:ext uri="{FF2B5EF4-FFF2-40B4-BE49-F238E27FC236}">
                  <a16:creationId xmlns:a16="http://schemas.microsoft.com/office/drawing/2014/main" xmlns="" id="{5708C119-E17D-4AEA-8FA4-2D382212816B}"/>
                </a:ext>
              </a:extLst>
            </p:cNvPr>
            <p:cNvSpPr>
              <a:spLocks noChangeShapeType="1"/>
            </p:cNvSpPr>
            <p:nvPr/>
          </p:nvSpPr>
          <p:spPr bwMode="auto">
            <a:xfrm>
              <a:off x="2184639" y="3090760"/>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74" name="Line 158">
              <a:extLst>
                <a:ext uri="{FF2B5EF4-FFF2-40B4-BE49-F238E27FC236}">
                  <a16:creationId xmlns:a16="http://schemas.microsoft.com/office/drawing/2014/main" xmlns="" id="{32071BBA-D1EA-42FE-9FF7-E47D5D76F21D}"/>
                </a:ext>
              </a:extLst>
            </p:cNvPr>
            <p:cNvSpPr>
              <a:spLocks noChangeShapeType="1"/>
            </p:cNvSpPr>
            <p:nvPr/>
          </p:nvSpPr>
          <p:spPr bwMode="auto">
            <a:xfrm>
              <a:off x="2184639" y="3090760"/>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75" name="Freeform 159">
              <a:extLst>
                <a:ext uri="{FF2B5EF4-FFF2-40B4-BE49-F238E27FC236}">
                  <a16:creationId xmlns:a16="http://schemas.microsoft.com/office/drawing/2014/main" xmlns="" id="{36468E32-94CE-4E4B-97D9-C4EF995D6E57}"/>
                </a:ext>
              </a:extLst>
            </p:cNvPr>
            <p:cNvSpPr>
              <a:spLocks noEditPoints="1"/>
            </p:cNvSpPr>
            <p:nvPr/>
          </p:nvSpPr>
          <p:spPr bwMode="auto">
            <a:xfrm>
              <a:off x="1952864" y="2443060"/>
              <a:ext cx="439738" cy="649288"/>
            </a:xfrm>
            <a:custGeom>
              <a:avLst/>
              <a:gdLst>
                <a:gd name="T0" fmla="*/ 226 w 277"/>
                <a:gd name="T1" fmla="*/ 151 h 409"/>
                <a:gd name="T2" fmla="*/ 269 w 277"/>
                <a:gd name="T3" fmla="*/ 122 h 409"/>
                <a:gd name="T4" fmla="*/ 273 w 277"/>
                <a:gd name="T5" fmla="*/ 53 h 409"/>
                <a:gd name="T6" fmla="*/ 245 w 277"/>
                <a:gd name="T7" fmla="*/ 20 h 409"/>
                <a:gd name="T8" fmla="*/ 137 w 277"/>
                <a:gd name="T9" fmla="*/ 0 h 409"/>
                <a:gd name="T10" fmla="*/ 39 w 277"/>
                <a:gd name="T11" fmla="*/ 17 h 409"/>
                <a:gd name="T12" fmla="*/ 2 w 277"/>
                <a:gd name="T13" fmla="*/ 47 h 409"/>
                <a:gd name="T14" fmla="*/ 2 w 277"/>
                <a:gd name="T15" fmla="*/ 117 h 409"/>
                <a:gd name="T16" fmla="*/ 39 w 277"/>
                <a:gd name="T17" fmla="*/ 147 h 409"/>
                <a:gd name="T18" fmla="*/ 137 w 277"/>
                <a:gd name="T19" fmla="*/ 164 h 409"/>
                <a:gd name="T20" fmla="*/ 46 w 277"/>
                <a:gd name="T21" fmla="*/ 122 h 409"/>
                <a:gd name="T22" fmla="*/ 58 w 277"/>
                <a:gd name="T23" fmla="*/ 110 h 409"/>
                <a:gd name="T24" fmla="*/ 69 w 277"/>
                <a:gd name="T25" fmla="*/ 127 h 409"/>
                <a:gd name="T26" fmla="*/ 8 w 277"/>
                <a:gd name="T27" fmla="*/ 50 h 409"/>
                <a:gd name="T28" fmla="*/ 97 w 277"/>
                <a:gd name="T29" fmla="*/ 85 h 409"/>
                <a:gd name="T30" fmla="*/ 200 w 277"/>
                <a:gd name="T31" fmla="*/ 82 h 409"/>
                <a:gd name="T32" fmla="*/ 270 w 277"/>
                <a:gd name="T33" fmla="*/ 50 h 409"/>
                <a:gd name="T34" fmla="*/ 183 w 277"/>
                <a:gd name="T35" fmla="*/ 91 h 409"/>
                <a:gd name="T36" fmla="*/ 75 w 277"/>
                <a:gd name="T37" fmla="*/ 86 h 409"/>
                <a:gd name="T38" fmla="*/ 8 w 277"/>
                <a:gd name="T39" fmla="*/ 50 h 409"/>
                <a:gd name="T40" fmla="*/ 170 w 277"/>
                <a:gd name="T41" fmla="*/ 402 h 409"/>
                <a:gd name="T42" fmla="*/ 276 w 277"/>
                <a:gd name="T43" fmla="*/ 403 h 409"/>
                <a:gd name="T44" fmla="*/ 267 w 277"/>
                <a:gd name="T45" fmla="*/ 391 h 409"/>
                <a:gd name="T46" fmla="*/ 216 w 277"/>
                <a:gd name="T47" fmla="*/ 242 h 409"/>
                <a:gd name="T48" fmla="*/ 265 w 277"/>
                <a:gd name="T49" fmla="*/ 216 h 409"/>
                <a:gd name="T50" fmla="*/ 274 w 277"/>
                <a:gd name="T51" fmla="*/ 148 h 409"/>
                <a:gd name="T52" fmla="*/ 262 w 277"/>
                <a:gd name="T53" fmla="*/ 154 h 409"/>
                <a:gd name="T54" fmla="*/ 188 w 277"/>
                <a:gd name="T55" fmla="*/ 186 h 409"/>
                <a:gd name="T56" fmla="*/ 65 w 277"/>
                <a:gd name="T57" fmla="*/ 182 h 409"/>
                <a:gd name="T58" fmla="*/ 8 w 277"/>
                <a:gd name="T59" fmla="*/ 149 h 409"/>
                <a:gd name="T60" fmla="*/ 0 w 277"/>
                <a:gd name="T61" fmla="*/ 193 h 409"/>
                <a:gd name="T62" fmla="*/ 15 w 277"/>
                <a:gd name="T63" fmla="*/ 221 h 409"/>
                <a:gd name="T64" fmla="*/ 82 w 277"/>
                <a:gd name="T65" fmla="*/ 248 h 409"/>
                <a:gd name="T66" fmla="*/ 63 w 277"/>
                <a:gd name="T67" fmla="*/ 200 h 409"/>
                <a:gd name="T68" fmla="*/ 66 w 277"/>
                <a:gd name="T69" fmla="*/ 220 h 409"/>
                <a:gd name="T70" fmla="*/ 47 w 277"/>
                <a:gd name="T71" fmla="*/ 216 h 409"/>
                <a:gd name="T72" fmla="*/ 58 w 277"/>
                <a:gd name="T73" fmla="*/ 200 h 409"/>
                <a:gd name="T74" fmla="*/ 3 w 277"/>
                <a:gd name="T75" fmla="*/ 394 h 409"/>
                <a:gd name="T76" fmla="*/ 7 w 277"/>
                <a:gd name="T77" fmla="*/ 409 h 409"/>
                <a:gd name="T78" fmla="*/ 105 w 277"/>
                <a:gd name="T79" fmla="*/ 396 h 409"/>
                <a:gd name="T80" fmla="*/ 274 w 277"/>
                <a:gd name="T81" fmla="*/ 231 h 409"/>
                <a:gd name="T82" fmla="*/ 258 w 277"/>
                <a:gd name="T83" fmla="*/ 248 h 409"/>
                <a:gd name="T84" fmla="*/ 164 w 277"/>
                <a:gd name="T85" fmla="*/ 277 h 409"/>
                <a:gd name="T86" fmla="*/ 45 w 277"/>
                <a:gd name="T87" fmla="*/ 263 h 409"/>
                <a:gd name="T88" fmla="*/ 5 w 277"/>
                <a:gd name="T89" fmla="*/ 232 h 409"/>
                <a:gd name="T90" fmla="*/ 0 w 277"/>
                <a:gd name="T91" fmla="*/ 281 h 409"/>
                <a:gd name="T92" fmla="*/ 21 w 277"/>
                <a:gd name="T93" fmla="*/ 313 h 409"/>
                <a:gd name="T94" fmla="*/ 102 w 277"/>
                <a:gd name="T95" fmla="*/ 339 h 409"/>
                <a:gd name="T96" fmla="*/ 138 w 277"/>
                <a:gd name="T97" fmla="*/ 363 h 409"/>
                <a:gd name="T98" fmla="*/ 199 w 277"/>
                <a:gd name="T99" fmla="*/ 334 h 409"/>
                <a:gd name="T100" fmla="*/ 266 w 277"/>
                <a:gd name="T101" fmla="*/ 304 h 409"/>
                <a:gd name="T102" fmla="*/ 58 w 277"/>
                <a:gd name="T103" fmla="*/ 313 h 409"/>
                <a:gd name="T104" fmla="*/ 46 w 277"/>
                <a:gd name="T105" fmla="*/ 301 h 409"/>
                <a:gd name="T106" fmla="*/ 63 w 277"/>
                <a:gd name="T107" fmla="*/ 291 h 409"/>
                <a:gd name="T108" fmla="*/ 66 w 277"/>
                <a:gd name="T109" fmla="*/ 310 h 4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77" h="409">
                  <a:moveTo>
                    <a:pt x="137" y="164"/>
                  </a:moveTo>
                  <a:lnTo>
                    <a:pt x="137" y="164"/>
                  </a:lnTo>
                  <a:lnTo>
                    <a:pt x="166" y="163"/>
                  </a:lnTo>
                  <a:lnTo>
                    <a:pt x="192" y="160"/>
                  </a:lnTo>
                  <a:lnTo>
                    <a:pt x="216" y="154"/>
                  </a:lnTo>
                  <a:lnTo>
                    <a:pt x="226" y="151"/>
                  </a:lnTo>
                  <a:lnTo>
                    <a:pt x="236" y="147"/>
                  </a:lnTo>
                  <a:lnTo>
                    <a:pt x="245" y="142"/>
                  </a:lnTo>
                  <a:lnTo>
                    <a:pt x="253" y="138"/>
                  </a:lnTo>
                  <a:lnTo>
                    <a:pt x="259" y="133"/>
                  </a:lnTo>
                  <a:lnTo>
                    <a:pt x="265" y="128"/>
                  </a:lnTo>
                  <a:lnTo>
                    <a:pt x="269" y="122"/>
                  </a:lnTo>
                  <a:lnTo>
                    <a:pt x="272" y="117"/>
                  </a:lnTo>
                  <a:lnTo>
                    <a:pt x="273" y="110"/>
                  </a:lnTo>
                  <a:lnTo>
                    <a:pt x="274" y="105"/>
                  </a:lnTo>
                  <a:lnTo>
                    <a:pt x="274" y="59"/>
                  </a:lnTo>
                  <a:lnTo>
                    <a:pt x="274" y="59"/>
                  </a:lnTo>
                  <a:lnTo>
                    <a:pt x="273" y="53"/>
                  </a:lnTo>
                  <a:lnTo>
                    <a:pt x="272" y="47"/>
                  </a:lnTo>
                  <a:lnTo>
                    <a:pt x="269" y="41"/>
                  </a:lnTo>
                  <a:lnTo>
                    <a:pt x="265" y="36"/>
                  </a:lnTo>
                  <a:lnTo>
                    <a:pt x="259" y="30"/>
                  </a:lnTo>
                  <a:lnTo>
                    <a:pt x="253" y="26"/>
                  </a:lnTo>
                  <a:lnTo>
                    <a:pt x="245" y="20"/>
                  </a:lnTo>
                  <a:lnTo>
                    <a:pt x="236" y="17"/>
                  </a:lnTo>
                  <a:lnTo>
                    <a:pt x="226" y="13"/>
                  </a:lnTo>
                  <a:lnTo>
                    <a:pt x="216" y="9"/>
                  </a:lnTo>
                  <a:lnTo>
                    <a:pt x="192" y="4"/>
                  </a:lnTo>
                  <a:lnTo>
                    <a:pt x="166" y="1"/>
                  </a:lnTo>
                  <a:lnTo>
                    <a:pt x="137" y="0"/>
                  </a:lnTo>
                  <a:lnTo>
                    <a:pt x="137" y="0"/>
                  </a:lnTo>
                  <a:lnTo>
                    <a:pt x="109" y="1"/>
                  </a:lnTo>
                  <a:lnTo>
                    <a:pt x="82" y="4"/>
                  </a:lnTo>
                  <a:lnTo>
                    <a:pt x="58" y="9"/>
                  </a:lnTo>
                  <a:lnTo>
                    <a:pt x="48" y="13"/>
                  </a:lnTo>
                  <a:lnTo>
                    <a:pt x="39" y="17"/>
                  </a:lnTo>
                  <a:lnTo>
                    <a:pt x="30" y="20"/>
                  </a:lnTo>
                  <a:lnTo>
                    <a:pt x="22" y="26"/>
                  </a:lnTo>
                  <a:lnTo>
                    <a:pt x="15" y="30"/>
                  </a:lnTo>
                  <a:lnTo>
                    <a:pt x="10" y="36"/>
                  </a:lnTo>
                  <a:lnTo>
                    <a:pt x="6" y="41"/>
                  </a:lnTo>
                  <a:lnTo>
                    <a:pt x="2" y="47"/>
                  </a:lnTo>
                  <a:lnTo>
                    <a:pt x="1" y="53"/>
                  </a:lnTo>
                  <a:lnTo>
                    <a:pt x="0" y="59"/>
                  </a:lnTo>
                  <a:lnTo>
                    <a:pt x="0" y="105"/>
                  </a:lnTo>
                  <a:lnTo>
                    <a:pt x="0" y="105"/>
                  </a:lnTo>
                  <a:lnTo>
                    <a:pt x="1" y="110"/>
                  </a:lnTo>
                  <a:lnTo>
                    <a:pt x="2" y="117"/>
                  </a:lnTo>
                  <a:lnTo>
                    <a:pt x="6" y="122"/>
                  </a:lnTo>
                  <a:lnTo>
                    <a:pt x="10" y="128"/>
                  </a:lnTo>
                  <a:lnTo>
                    <a:pt x="15" y="133"/>
                  </a:lnTo>
                  <a:lnTo>
                    <a:pt x="22" y="138"/>
                  </a:lnTo>
                  <a:lnTo>
                    <a:pt x="30" y="142"/>
                  </a:lnTo>
                  <a:lnTo>
                    <a:pt x="39" y="147"/>
                  </a:lnTo>
                  <a:lnTo>
                    <a:pt x="48" y="151"/>
                  </a:lnTo>
                  <a:lnTo>
                    <a:pt x="58" y="154"/>
                  </a:lnTo>
                  <a:lnTo>
                    <a:pt x="82" y="160"/>
                  </a:lnTo>
                  <a:lnTo>
                    <a:pt x="109" y="163"/>
                  </a:lnTo>
                  <a:lnTo>
                    <a:pt x="137" y="164"/>
                  </a:lnTo>
                  <a:lnTo>
                    <a:pt x="137" y="164"/>
                  </a:lnTo>
                  <a:close/>
                  <a:moveTo>
                    <a:pt x="58" y="135"/>
                  </a:moveTo>
                  <a:lnTo>
                    <a:pt x="58" y="135"/>
                  </a:lnTo>
                  <a:lnTo>
                    <a:pt x="54" y="133"/>
                  </a:lnTo>
                  <a:lnTo>
                    <a:pt x="49" y="130"/>
                  </a:lnTo>
                  <a:lnTo>
                    <a:pt x="47" y="127"/>
                  </a:lnTo>
                  <a:lnTo>
                    <a:pt x="46" y="122"/>
                  </a:lnTo>
                  <a:lnTo>
                    <a:pt x="46" y="122"/>
                  </a:lnTo>
                  <a:lnTo>
                    <a:pt x="47" y="118"/>
                  </a:lnTo>
                  <a:lnTo>
                    <a:pt x="49" y="115"/>
                  </a:lnTo>
                  <a:lnTo>
                    <a:pt x="54" y="111"/>
                  </a:lnTo>
                  <a:lnTo>
                    <a:pt x="58" y="110"/>
                  </a:lnTo>
                  <a:lnTo>
                    <a:pt x="58" y="110"/>
                  </a:lnTo>
                  <a:lnTo>
                    <a:pt x="63" y="111"/>
                  </a:lnTo>
                  <a:lnTo>
                    <a:pt x="66" y="115"/>
                  </a:lnTo>
                  <a:lnTo>
                    <a:pt x="69" y="118"/>
                  </a:lnTo>
                  <a:lnTo>
                    <a:pt x="69" y="122"/>
                  </a:lnTo>
                  <a:lnTo>
                    <a:pt x="69" y="122"/>
                  </a:lnTo>
                  <a:lnTo>
                    <a:pt x="69" y="127"/>
                  </a:lnTo>
                  <a:lnTo>
                    <a:pt x="66" y="130"/>
                  </a:lnTo>
                  <a:lnTo>
                    <a:pt x="63" y="133"/>
                  </a:lnTo>
                  <a:lnTo>
                    <a:pt x="58" y="135"/>
                  </a:lnTo>
                  <a:lnTo>
                    <a:pt x="58" y="135"/>
                  </a:lnTo>
                  <a:close/>
                  <a:moveTo>
                    <a:pt x="8" y="50"/>
                  </a:moveTo>
                  <a:lnTo>
                    <a:pt x="8" y="50"/>
                  </a:lnTo>
                  <a:lnTo>
                    <a:pt x="18" y="58"/>
                  </a:lnTo>
                  <a:lnTo>
                    <a:pt x="30" y="65"/>
                  </a:lnTo>
                  <a:lnTo>
                    <a:pt x="44" y="72"/>
                  </a:lnTo>
                  <a:lnTo>
                    <a:pt x="60" y="77"/>
                  </a:lnTo>
                  <a:lnTo>
                    <a:pt x="78" y="82"/>
                  </a:lnTo>
                  <a:lnTo>
                    <a:pt x="97" y="85"/>
                  </a:lnTo>
                  <a:lnTo>
                    <a:pt x="118" y="87"/>
                  </a:lnTo>
                  <a:lnTo>
                    <a:pt x="138" y="87"/>
                  </a:lnTo>
                  <a:lnTo>
                    <a:pt x="138" y="87"/>
                  </a:lnTo>
                  <a:lnTo>
                    <a:pt x="160" y="87"/>
                  </a:lnTo>
                  <a:lnTo>
                    <a:pt x="181" y="85"/>
                  </a:lnTo>
                  <a:lnTo>
                    <a:pt x="200" y="82"/>
                  </a:lnTo>
                  <a:lnTo>
                    <a:pt x="217" y="77"/>
                  </a:lnTo>
                  <a:lnTo>
                    <a:pt x="234" y="72"/>
                  </a:lnTo>
                  <a:lnTo>
                    <a:pt x="248" y="65"/>
                  </a:lnTo>
                  <a:lnTo>
                    <a:pt x="260" y="58"/>
                  </a:lnTo>
                  <a:lnTo>
                    <a:pt x="270" y="50"/>
                  </a:lnTo>
                  <a:lnTo>
                    <a:pt x="270" y="50"/>
                  </a:lnTo>
                  <a:lnTo>
                    <a:pt x="261" y="59"/>
                  </a:lnTo>
                  <a:lnTo>
                    <a:pt x="250" y="68"/>
                  </a:lnTo>
                  <a:lnTo>
                    <a:pt x="236" y="75"/>
                  </a:lnTo>
                  <a:lnTo>
                    <a:pt x="221" y="82"/>
                  </a:lnTo>
                  <a:lnTo>
                    <a:pt x="203" y="86"/>
                  </a:lnTo>
                  <a:lnTo>
                    <a:pt x="183" y="91"/>
                  </a:lnTo>
                  <a:lnTo>
                    <a:pt x="161" y="93"/>
                  </a:lnTo>
                  <a:lnTo>
                    <a:pt x="138" y="94"/>
                  </a:lnTo>
                  <a:lnTo>
                    <a:pt x="138" y="94"/>
                  </a:lnTo>
                  <a:lnTo>
                    <a:pt x="116" y="93"/>
                  </a:lnTo>
                  <a:lnTo>
                    <a:pt x="94" y="91"/>
                  </a:lnTo>
                  <a:lnTo>
                    <a:pt x="75" y="86"/>
                  </a:lnTo>
                  <a:lnTo>
                    <a:pt x="57" y="82"/>
                  </a:lnTo>
                  <a:lnTo>
                    <a:pt x="42" y="75"/>
                  </a:lnTo>
                  <a:lnTo>
                    <a:pt x="28" y="68"/>
                  </a:lnTo>
                  <a:lnTo>
                    <a:pt x="17" y="59"/>
                  </a:lnTo>
                  <a:lnTo>
                    <a:pt x="8" y="50"/>
                  </a:lnTo>
                  <a:lnTo>
                    <a:pt x="8" y="50"/>
                  </a:lnTo>
                  <a:close/>
                  <a:moveTo>
                    <a:pt x="267" y="391"/>
                  </a:moveTo>
                  <a:lnTo>
                    <a:pt x="171" y="391"/>
                  </a:lnTo>
                  <a:lnTo>
                    <a:pt x="171" y="391"/>
                  </a:lnTo>
                  <a:lnTo>
                    <a:pt x="171" y="396"/>
                  </a:lnTo>
                  <a:lnTo>
                    <a:pt x="171" y="396"/>
                  </a:lnTo>
                  <a:lnTo>
                    <a:pt x="170" y="402"/>
                  </a:lnTo>
                  <a:lnTo>
                    <a:pt x="168" y="409"/>
                  </a:lnTo>
                  <a:lnTo>
                    <a:pt x="267" y="409"/>
                  </a:lnTo>
                  <a:lnTo>
                    <a:pt x="267" y="409"/>
                  </a:lnTo>
                  <a:lnTo>
                    <a:pt x="271" y="409"/>
                  </a:lnTo>
                  <a:lnTo>
                    <a:pt x="273" y="407"/>
                  </a:lnTo>
                  <a:lnTo>
                    <a:pt x="276" y="403"/>
                  </a:lnTo>
                  <a:lnTo>
                    <a:pt x="277" y="400"/>
                  </a:lnTo>
                  <a:lnTo>
                    <a:pt x="277" y="400"/>
                  </a:lnTo>
                  <a:lnTo>
                    <a:pt x="276" y="397"/>
                  </a:lnTo>
                  <a:lnTo>
                    <a:pt x="273" y="394"/>
                  </a:lnTo>
                  <a:lnTo>
                    <a:pt x="271" y="391"/>
                  </a:lnTo>
                  <a:lnTo>
                    <a:pt x="267" y="391"/>
                  </a:lnTo>
                  <a:lnTo>
                    <a:pt x="267" y="391"/>
                  </a:lnTo>
                  <a:close/>
                  <a:moveTo>
                    <a:pt x="137" y="253"/>
                  </a:moveTo>
                  <a:lnTo>
                    <a:pt x="137" y="253"/>
                  </a:lnTo>
                  <a:lnTo>
                    <a:pt x="166" y="251"/>
                  </a:lnTo>
                  <a:lnTo>
                    <a:pt x="192" y="248"/>
                  </a:lnTo>
                  <a:lnTo>
                    <a:pt x="216" y="242"/>
                  </a:lnTo>
                  <a:lnTo>
                    <a:pt x="226" y="239"/>
                  </a:lnTo>
                  <a:lnTo>
                    <a:pt x="236" y="236"/>
                  </a:lnTo>
                  <a:lnTo>
                    <a:pt x="245" y="231"/>
                  </a:lnTo>
                  <a:lnTo>
                    <a:pt x="253" y="227"/>
                  </a:lnTo>
                  <a:lnTo>
                    <a:pt x="259" y="221"/>
                  </a:lnTo>
                  <a:lnTo>
                    <a:pt x="265" y="216"/>
                  </a:lnTo>
                  <a:lnTo>
                    <a:pt x="269" y="210"/>
                  </a:lnTo>
                  <a:lnTo>
                    <a:pt x="272" y="205"/>
                  </a:lnTo>
                  <a:lnTo>
                    <a:pt x="273" y="199"/>
                  </a:lnTo>
                  <a:lnTo>
                    <a:pt x="274" y="193"/>
                  </a:lnTo>
                  <a:lnTo>
                    <a:pt x="274" y="148"/>
                  </a:lnTo>
                  <a:lnTo>
                    <a:pt x="274" y="148"/>
                  </a:lnTo>
                  <a:lnTo>
                    <a:pt x="274" y="143"/>
                  </a:lnTo>
                  <a:lnTo>
                    <a:pt x="272" y="139"/>
                  </a:lnTo>
                  <a:lnTo>
                    <a:pt x="272" y="139"/>
                  </a:lnTo>
                  <a:lnTo>
                    <a:pt x="270" y="144"/>
                  </a:lnTo>
                  <a:lnTo>
                    <a:pt x="267" y="149"/>
                  </a:lnTo>
                  <a:lnTo>
                    <a:pt x="262" y="154"/>
                  </a:lnTo>
                  <a:lnTo>
                    <a:pt x="258" y="159"/>
                  </a:lnTo>
                  <a:lnTo>
                    <a:pt x="251" y="163"/>
                  </a:lnTo>
                  <a:lnTo>
                    <a:pt x="245" y="167"/>
                  </a:lnTo>
                  <a:lnTo>
                    <a:pt x="228" y="175"/>
                  </a:lnTo>
                  <a:lnTo>
                    <a:pt x="210" y="182"/>
                  </a:lnTo>
                  <a:lnTo>
                    <a:pt x="188" y="186"/>
                  </a:lnTo>
                  <a:lnTo>
                    <a:pt x="164" y="189"/>
                  </a:lnTo>
                  <a:lnTo>
                    <a:pt x="137" y="191"/>
                  </a:lnTo>
                  <a:lnTo>
                    <a:pt x="137" y="191"/>
                  </a:lnTo>
                  <a:lnTo>
                    <a:pt x="111" y="189"/>
                  </a:lnTo>
                  <a:lnTo>
                    <a:pt x="87" y="186"/>
                  </a:lnTo>
                  <a:lnTo>
                    <a:pt x="65" y="182"/>
                  </a:lnTo>
                  <a:lnTo>
                    <a:pt x="46" y="175"/>
                  </a:lnTo>
                  <a:lnTo>
                    <a:pt x="30" y="167"/>
                  </a:lnTo>
                  <a:lnTo>
                    <a:pt x="23" y="163"/>
                  </a:lnTo>
                  <a:lnTo>
                    <a:pt x="17" y="159"/>
                  </a:lnTo>
                  <a:lnTo>
                    <a:pt x="12" y="154"/>
                  </a:lnTo>
                  <a:lnTo>
                    <a:pt x="8" y="149"/>
                  </a:lnTo>
                  <a:lnTo>
                    <a:pt x="5" y="144"/>
                  </a:lnTo>
                  <a:lnTo>
                    <a:pt x="2" y="139"/>
                  </a:lnTo>
                  <a:lnTo>
                    <a:pt x="2" y="139"/>
                  </a:lnTo>
                  <a:lnTo>
                    <a:pt x="0" y="143"/>
                  </a:lnTo>
                  <a:lnTo>
                    <a:pt x="0" y="148"/>
                  </a:lnTo>
                  <a:lnTo>
                    <a:pt x="0" y="193"/>
                  </a:lnTo>
                  <a:lnTo>
                    <a:pt x="0" y="193"/>
                  </a:lnTo>
                  <a:lnTo>
                    <a:pt x="1" y="199"/>
                  </a:lnTo>
                  <a:lnTo>
                    <a:pt x="2" y="205"/>
                  </a:lnTo>
                  <a:lnTo>
                    <a:pt x="6" y="210"/>
                  </a:lnTo>
                  <a:lnTo>
                    <a:pt x="10" y="216"/>
                  </a:lnTo>
                  <a:lnTo>
                    <a:pt x="15" y="221"/>
                  </a:lnTo>
                  <a:lnTo>
                    <a:pt x="22" y="227"/>
                  </a:lnTo>
                  <a:lnTo>
                    <a:pt x="30" y="231"/>
                  </a:lnTo>
                  <a:lnTo>
                    <a:pt x="39" y="236"/>
                  </a:lnTo>
                  <a:lnTo>
                    <a:pt x="48" y="239"/>
                  </a:lnTo>
                  <a:lnTo>
                    <a:pt x="58" y="242"/>
                  </a:lnTo>
                  <a:lnTo>
                    <a:pt x="82" y="248"/>
                  </a:lnTo>
                  <a:lnTo>
                    <a:pt x="109" y="251"/>
                  </a:lnTo>
                  <a:lnTo>
                    <a:pt x="137" y="253"/>
                  </a:lnTo>
                  <a:lnTo>
                    <a:pt x="137" y="253"/>
                  </a:lnTo>
                  <a:close/>
                  <a:moveTo>
                    <a:pt x="58" y="200"/>
                  </a:moveTo>
                  <a:lnTo>
                    <a:pt x="58" y="200"/>
                  </a:lnTo>
                  <a:lnTo>
                    <a:pt x="63" y="200"/>
                  </a:lnTo>
                  <a:lnTo>
                    <a:pt x="66" y="204"/>
                  </a:lnTo>
                  <a:lnTo>
                    <a:pt x="69" y="207"/>
                  </a:lnTo>
                  <a:lnTo>
                    <a:pt x="69" y="211"/>
                  </a:lnTo>
                  <a:lnTo>
                    <a:pt x="69" y="211"/>
                  </a:lnTo>
                  <a:lnTo>
                    <a:pt x="69" y="216"/>
                  </a:lnTo>
                  <a:lnTo>
                    <a:pt x="66" y="220"/>
                  </a:lnTo>
                  <a:lnTo>
                    <a:pt x="63" y="222"/>
                  </a:lnTo>
                  <a:lnTo>
                    <a:pt x="58" y="223"/>
                  </a:lnTo>
                  <a:lnTo>
                    <a:pt x="58" y="223"/>
                  </a:lnTo>
                  <a:lnTo>
                    <a:pt x="54" y="222"/>
                  </a:lnTo>
                  <a:lnTo>
                    <a:pt x="49" y="220"/>
                  </a:lnTo>
                  <a:lnTo>
                    <a:pt x="47" y="216"/>
                  </a:lnTo>
                  <a:lnTo>
                    <a:pt x="46" y="211"/>
                  </a:lnTo>
                  <a:lnTo>
                    <a:pt x="46" y="211"/>
                  </a:lnTo>
                  <a:lnTo>
                    <a:pt x="47" y="207"/>
                  </a:lnTo>
                  <a:lnTo>
                    <a:pt x="49" y="204"/>
                  </a:lnTo>
                  <a:lnTo>
                    <a:pt x="54" y="200"/>
                  </a:lnTo>
                  <a:lnTo>
                    <a:pt x="58" y="200"/>
                  </a:lnTo>
                  <a:lnTo>
                    <a:pt x="58" y="200"/>
                  </a:lnTo>
                  <a:close/>
                  <a:moveTo>
                    <a:pt x="107" y="391"/>
                  </a:moveTo>
                  <a:lnTo>
                    <a:pt x="10" y="391"/>
                  </a:lnTo>
                  <a:lnTo>
                    <a:pt x="10" y="391"/>
                  </a:lnTo>
                  <a:lnTo>
                    <a:pt x="7" y="391"/>
                  </a:lnTo>
                  <a:lnTo>
                    <a:pt x="3" y="394"/>
                  </a:lnTo>
                  <a:lnTo>
                    <a:pt x="1" y="397"/>
                  </a:lnTo>
                  <a:lnTo>
                    <a:pt x="0" y="400"/>
                  </a:lnTo>
                  <a:lnTo>
                    <a:pt x="0" y="400"/>
                  </a:lnTo>
                  <a:lnTo>
                    <a:pt x="1" y="403"/>
                  </a:lnTo>
                  <a:lnTo>
                    <a:pt x="3" y="407"/>
                  </a:lnTo>
                  <a:lnTo>
                    <a:pt x="7" y="409"/>
                  </a:lnTo>
                  <a:lnTo>
                    <a:pt x="10" y="409"/>
                  </a:lnTo>
                  <a:lnTo>
                    <a:pt x="109" y="409"/>
                  </a:lnTo>
                  <a:lnTo>
                    <a:pt x="109" y="409"/>
                  </a:lnTo>
                  <a:lnTo>
                    <a:pt x="107" y="402"/>
                  </a:lnTo>
                  <a:lnTo>
                    <a:pt x="105" y="396"/>
                  </a:lnTo>
                  <a:lnTo>
                    <a:pt x="105" y="396"/>
                  </a:lnTo>
                  <a:lnTo>
                    <a:pt x="107" y="391"/>
                  </a:lnTo>
                  <a:lnTo>
                    <a:pt x="107" y="391"/>
                  </a:lnTo>
                  <a:close/>
                  <a:moveTo>
                    <a:pt x="274" y="281"/>
                  </a:moveTo>
                  <a:lnTo>
                    <a:pt x="274" y="236"/>
                  </a:lnTo>
                  <a:lnTo>
                    <a:pt x="274" y="236"/>
                  </a:lnTo>
                  <a:lnTo>
                    <a:pt x="274" y="231"/>
                  </a:lnTo>
                  <a:lnTo>
                    <a:pt x="273" y="227"/>
                  </a:lnTo>
                  <a:lnTo>
                    <a:pt x="273" y="227"/>
                  </a:lnTo>
                  <a:lnTo>
                    <a:pt x="270" y="232"/>
                  </a:lnTo>
                  <a:lnTo>
                    <a:pt x="267" y="238"/>
                  </a:lnTo>
                  <a:lnTo>
                    <a:pt x="262" y="242"/>
                  </a:lnTo>
                  <a:lnTo>
                    <a:pt x="258" y="248"/>
                  </a:lnTo>
                  <a:lnTo>
                    <a:pt x="251" y="252"/>
                  </a:lnTo>
                  <a:lnTo>
                    <a:pt x="245" y="256"/>
                  </a:lnTo>
                  <a:lnTo>
                    <a:pt x="228" y="263"/>
                  </a:lnTo>
                  <a:lnTo>
                    <a:pt x="210" y="270"/>
                  </a:lnTo>
                  <a:lnTo>
                    <a:pt x="188" y="274"/>
                  </a:lnTo>
                  <a:lnTo>
                    <a:pt x="164" y="277"/>
                  </a:lnTo>
                  <a:lnTo>
                    <a:pt x="137" y="278"/>
                  </a:lnTo>
                  <a:lnTo>
                    <a:pt x="137" y="278"/>
                  </a:lnTo>
                  <a:lnTo>
                    <a:pt x="111" y="277"/>
                  </a:lnTo>
                  <a:lnTo>
                    <a:pt x="87" y="274"/>
                  </a:lnTo>
                  <a:lnTo>
                    <a:pt x="65" y="270"/>
                  </a:lnTo>
                  <a:lnTo>
                    <a:pt x="45" y="263"/>
                  </a:lnTo>
                  <a:lnTo>
                    <a:pt x="30" y="256"/>
                  </a:lnTo>
                  <a:lnTo>
                    <a:pt x="23" y="252"/>
                  </a:lnTo>
                  <a:lnTo>
                    <a:pt x="17" y="248"/>
                  </a:lnTo>
                  <a:lnTo>
                    <a:pt x="11" y="242"/>
                  </a:lnTo>
                  <a:lnTo>
                    <a:pt x="8" y="238"/>
                  </a:lnTo>
                  <a:lnTo>
                    <a:pt x="5" y="232"/>
                  </a:lnTo>
                  <a:lnTo>
                    <a:pt x="1" y="227"/>
                  </a:lnTo>
                  <a:lnTo>
                    <a:pt x="1" y="227"/>
                  </a:lnTo>
                  <a:lnTo>
                    <a:pt x="0" y="231"/>
                  </a:lnTo>
                  <a:lnTo>
                    <a:pt x="0" y="236"/>
                  </a:lnTo>
                  <a:lnTo>
                    <a:pt x="0" y="281"/>
                  </a:lnTo>
                  <a:lnTo>
                    <a:pt x="0" y="281"/>
                  </a:lnTo>
                  <a:lnTo>
                    <a:pt x="1" y="287"/>
                  </a:lnTo>
                  <a:lnTo>
                    <a:pt x="2" y="293"/>
                  </a:lnTo>
                  <a:lnTo>
                    <a:pt x="6" y="298"/>
                  </a:lnTo>
                  <a:lnTo>
                    <a:pt x="10" y="304"/>
                  </a:lnTo>
                  <a:lnTo>
                    <a:pt x="14" y="309"/>
                  </a:lnTo>
                  <a:lnTo>
                    <a:pt x="21" y="313"/>
                  </a:lnTo>
                  <a:lnTo>
                    <a:pt x="28" y="318"/>
                  </a:lnTo>
                  <a:lnTo>
                    <a:pt x="36" y="322"/>
                  </a:lnTo>
                  <a:lnTo>
                    <a:pt x="45" y="326"/>
                  </a:lnTo>
                  <a:lnTo>
                    <a:pt x="55" y="330"/>
                  </a:lnTo>
                  <a:lnTo>
                    <a:pt x="77" y="335"/>
                  </a:lnTo>
                  <a:lnTo>
                    <a:pt x="102" y="339"/>
                  </a:lnTo>
                  <a:lnTo>
                    <a:pt x="130" y="341"/>
                  </a:lnTo>
                  <a:lnTo>
                    <a:pt x="130" y="364"/>
                  </a:lnTo>
                  <a:lnTo>
                    <a:pt x="130" y="364"/>
                  </a:lnTo>
                  <a:lnTo>
                    <a:pt x="134" y="364"/>
                  </a:lnTo>
                  <a:lnTo>
                    <a:pt x="138" y="363"/>
                  </a:lnTo>
                  <a:lnTo>
                    <a:pt x="138" y="363"/>
                  </a:lnTo>
                  <a:lnTo>
                    <a:pt x="143" y="364"/>
                  </a:lnTo>
                  <a:lnTo>
                    <a:pt x="148" y="364"/>
                  </a:lnTo>
                  <a:lnTo>
                    <a:pt x="148" y="341"/>
                  </a:lnTo>
                  <a:lnTo>
                    <a:pt x="148" y="341"/>
                  </a:lnTo>
                  <a:lnTo>
                    <a:pt x="175" y="339"/>
                  </a:lnTo>
                  <a:lnTo>
                    <a:pt x="199" y="334"/>
                  </a:lnTo>
                  <a:lnTo>
                    <a:pt x="221" y="329"/>
                  </a:lnTo>
                  <a:lnTo>
                    <a:pt x="239" y="322"/>
                  </a:lnTo>
                  <a:lnTo>
                    <a:pt x="247" y="318"/>
                  </a:lnTo>
                  <a:lnTo>
                    <a:pt x="254" y="313"/>
                  </a:lnTo>
                  <a:lnTo>
                    <a:pt x="260" y="308"/>
                  </a:lnTo>
                  <a:lnTo>
                    <a:pt x="266" y="304"/>
                  </a:lnTo>
                  <a:lnTo>
                    <a:pt x="269" y="298"/>
                  </a:lnTo>
                  <a:lnTo>
                    <a:pt x="272" y="293"/>
                  </a:lnTo>
                  <a:lnTo>
                    <a:pt x="273" y="287"/>
                  </a:lnTo>
                  <a:lnTo>
                    <a:pt x="274" y="281"/>
                  </a:lnTo>
                  <a:lnTo>
                    <a:pt x="274" y="281"/>
                  </a:lnTo>
                  <a:close/>
                  <a:moveTo>
                    <a:pt x="58" y="313"/>
                  </a:moveTo>
                  <a:lnTo>
                    <a:pt x="58" y="313"/>
                  </a:lnTo>
                  <a:lnTo>
                    <a:pt x="54" y="312"/>
                  </a:lnTo>
                  <a:lnTo>
                    <a:pt x="49" y="310"/>
                  </a:lnTo>
                  <a:lnTo>
                    <a:pt x="47" y="306"/>
                  </a:lnTo>
                  <a:lnTo>
                    <a:pt x="46" y="301"/>
                  </a:lnTo>
                  <a:lnTo>
                    <a:pt x="46" y="301"/>
                  </a:lnTo>
                  <a:lnTo>
                    <a:pt x="47" y="297"/>
                  </a:lnTo>
                  <a:lnTo>
                    <a:pt x="49" y="294"/>
                  </a:lnTo>
                  <a:lnTo>
                    <a:pt x="54" y="291"/>
                  </a:lnTo>
                  <a:lnTo>
                    <a:pt x="58" y="290"/>
                  </a:lnTo>
                  <a:lnTo>
                    <a:pt x="58" y="290"/>
                  </a:lnTo>
                  <a:lnTo>
                    <a:pt x="63" y="291"/>
                  </a:lnTo>
                  <a:lnTo>
                    <a:pt x="66" y="294"/>
                  </a:lnTo>
                  <a:lnTo>
                    <a:pt x="69" y="297"/>
                  </a:lnTo>
                  <a:lnTo>
                    <a:pt x="69" y="301"/>
                  </a:lnTo>
                  <a:lnTo>
                    <a:pt x="69" y="301"/>
                  </a:lnTo>
                  <a:lnTo>
                    <a:pt x="69" y="306"/>
                  </a:lnTo>
                  <a:lnTo>
                    <a:pt x="66" y="310"/>
                  </a:lnTo>
                  <a:lnTo>
                    <a:pt x="63" y="312"/>
                  </a:lnTo>
                  <a:lnTo>
                    <a:pt x="58" y="313"/>
                  </a:lnTo>
                  <a:lnTo>
                    <a:pt x="58" y="3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76" name="Freeform 160">
              <a:extLst>
                <a:ext uri="{FF2B5EF4-FFF2-40B4-BE49-F238E27FC236}">
                  <a16:creationId xmlns:a16="http://schemas.microsoft.com/office/drawing/2014/main" xmlns="" id="{3BD142D9-5A28-4C77-96F3-AA58C36A1F66}"/>
                </a:ext>
              </a:extLst>
            </p:cNvPr>
            <p:cNvSpPr>
              <a:spLocks/>
            </p:cNvSpPr>
            <p:nvPr/>
          </p:nvSpPr>
          <p:spPr bwMode="auto">
            <a:xfrm>
              <a:off x="2130664" y="3027260"/>
              <a:ext cx="85725" cy="87313"/>
            </a:xfrm>
            <a:custGeom>
              <a:avLst/>
              <a:gdLst>
                <a:gd name="T0" fmla="*/ 54 w 54"/>
                <a:gd name="T1" fmla="*/ 28 h 55"/>
                <a:gd name="T2" fmla="*/ 54 w 54"/>
                <a:gd name="T3" fmla="*/ 28 h 55"/>
                <a:gd name="T4" fmla="*/ 53 w 54"/>
                <a:gd name="T5" fmla="*/ 33 h 55"/>
                <a:gd name="T6" fmla="*/ 52 w 54"/>
                <a:gd name="T7" fmla="*/ 39 h 55"/>
                <a:gd name="T8" fmla="*/ 49 w 54"/>
                <a:gd name="T9" fmla="*/ 43 h 55"/>
                <a:gd name="T10" fmla="*/ 46 w 54"/>
                <a:gd name="T11" fmla="*/ 46 h 55"/>
                <a:gd name="T12" fmla="*/ 42 w 54"/>
                <a:gd name="T13" fmla="*/ 50 h 55"/>
                <a:gd name="T14" fmla="*/ 37 w 54"/>
                <a:gd name="T15" fmla="*/ 53 h 55"/>
                <a:gd name="T16" fmla="*/ 32 w 54"/>
                <a:gd name="T17" fmla="*/ 54 h 55"/>
                <a:gd name="T18" fmla="*/ 26 w 54"/>
                <a:gd name="T19" fmla="*/ 55 h 55"/>
                <a:gd name="T20" fmla="*/ 26 w 54"/>
                <a:gd name="T21" fmla="*/ 55 h 55"/>
                <a:gd name="T22" fmla="*/ 21 w 54"/>
                <a:gd name="T23" fmla="*/ 54 h 55"/>
                <a:gd name="T24" fmla="*/ 17 w 54"/>
                <a:gd name="T25" fmla="*/ 53 h 55"/>
                <a:gd name="T26" fmla="*/ 11 w 54"/>
                <a:gd name="T27" fmla="*/ 50 h 55"/>
                <a:gd name="T28" fmla="*/ 8 w 54"/>
                <a:gd name="T29" fmla="*/ 46 h 55"/>
                <a:gd name="T30" fmla="*/ 4 w 54"/>
                <a:gd name="T31" fmla="*/ 43 h 55"/>
                <a:gd name="T32" fmla="*/ 1 w 54"/>
                <a:gd name="T33" fmla="*/ 39 h 55"/>
                <a:gd name="T34" fmla="*/ 0 w 54"/>
                <a:gd name="T35" fmla="*/ 33 h 55"/>
                <a:gd name="T36" fmla="*/ 0 w 54"/>
                <a:gd name="T37" fmla="*/ 28 h 55"/>
                <a:gd name="T38" fmla="*/ 0 w 54"/>
                <a:gd name="T39" fmla="*/ 28 h 55"/>
                <a:gd name="T40" fmla="*/ 0 w 54"/>
                <a:gd name="T41" fmla="*/ 22 h 55"/>
                <a:gd name="T42" fmla="*/ 1 w 54"/>
                <a:gd name="T43" fmla="*/ 17 h 55"/>
                <a:gd name="T44" fmla="*/ 4 w 54"/>
                <a:gd name="T45" fmla="*/ 12 h 55"/>
                <a:gd name="T46" fmla="*/ 8 w 54"/>
                <a:gd name="T47" fmla="*/ 9 h 55"/>
                <a:gd name="T48" fmla="*/ 11 w 54"/>
                <a:gd name="T49" fmla="*/ 6 h 55"/>
                <a:gd name="T50" fmla="*/ 17 w 54"/>
                <a:gd name="T51" fmla="*/ 3 h 55"/>
                <a:gd name="T52" fmla="*/ 21 w 54"/>
                <a:gd name="T53" fmla="*/ 1 h 55"/>
                <a:gd name="T54" fmla="*/ 26 w 54"/>
                <a:gd name="T55" fmla="*/ 0 h 55"/>
                <a:gd name="T56" fmla="*/ 26 w 54"/>
                <a:gd name="T57" fmla="*/ 0 h 55"/>
                <a:gd name="T58" fmla="*/ 32 w 54"/>
                <a:gd name="T59" fmla="*/ 1 h 55"/>
                <a:gd name="T60" fmla="*/ 37 w 54"/>
                <a:gd name="T61" fmla="*/ 3 h 55"/>
                <a:gd name="T62" fmla="*/ 42 w 54"/>
                <a:gd name="T63" fmla="*/ 6 h 55"/>
                <a:gd name="T64" fmla="*/ 46 w 54"/>
                <a:gd name="T65" fmla="*/ 9 h 55"/>
                <a:gd name="T66" fmla="*/ 49 w 54"/>
                <a:gd name="T67" fmla="*/ 12 h 55"/>
                <a:gd name="T68" fmla="*/ 52 w 54"/>
                <a:gd name="T69" fmla="*/ 17 h 55"/>
                <a:gd name="T70" fmla="*/ 53 w 54"/>
                <a:gd name="T71" fmla="*/ 22 h 55"/>
                <a:gd name="T72" fmla="*/ 54 w 54"/>
                <a:gd name="T73" fmla="*/ 28 h 55"/>
                <a:gd name="T74" fmla="*/ 54 w 54"/>
                <a:gd name="T75" fmla="*/ 28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54" h="55">
                  <a:moveTo>
                    <a:pt x="54" y="28"/>
                  </a:moveTo>
                  <a:lnTo>
                    <a:pt x="54" y="28"/>
                  </a:lnTo>
                  <a:lnTo>
                    <a:pt x="53" y="33"/>
                  </a:lnTo>
                  <a:lnTo>
                    <a:pt x="52" y="39"/>
                  </a:lnTo>
                  <a:lnTo>
                    <a:pt x="49" y="43"/>
                  </a:lnTo>
                  <a:lnTo>
                    <a:pt x="46" y="46"/>
                  </a:lnTo>
                  <a:lnTo>
                    <a:pt x="42" y="50"/>
                  </a:lnTo>
                  <a:lnTo>
                    <a:pt x="37" y="53"/>
                  </a:lnTo>
                  <a:lnTo>
                    <a:pt x="32" y="54"/>
                  </a:lnTo>
                  <a:lnTo>
                    <a:pt x="26" y="55"/>
                  </a:lnTo>
                  <a:lnTo>
                    <a:pt x="26" y="55"/>
                  </a:lnTo>
                  <a:lnTo>
                    <a:pt x="21" y="54"/>
                  </a:lnTo>
                  <a:lnTo>
                    <a:pt x="17" y="53"/>
                  </a:lnTo>
                  <a:lnTo>
                    <a:pt x="11" y="50"/>
                  </a:lnTo>
                  <a:lnTo>
                    <a:pt x="8" y="46"/>
                  </a:lnTo>
                  <a:lnTo>
                    <a:pt x="4" y="43"/>
                  </a:lnTo>
                  <a:lnTo>
                    <a:pt x="1" y="39"/>
                  </a:lnTo>
                  <a:lnTo>
                    <a:pt x="0" y="33"/>
                  </a:lnTo>
                  <a:lnTo>
                    <a:pt x="0" y="28"/>
                  </a:lnTo>
                  <a:lnTo>
                    <a:pt x="0" y="28"/>
                  </a:lnTo>
                  <a:lnTo>
                    <a:pt x="0" y="22"/>
                  </a:lnTo>
                  <a:lnTo>
                    <a:pt x="1" y="17"/>
                  </a:lnTo>
                  <a:lnTo>
                    <a:pt x="4" y="12"/>
                  </a:lnTo>
                  <a:lnTo>
                    <a:pt x="8" y="9"/>
                  </a:lnTo>
                  <a:lnTo>
                    <a:pt x="11" y="6"/>
                  </a:lnTo>
                  <a:lnTo>
                    <a:pt x="17" y="3"/>
                  </a:lnTo>
                  <a:lnTo>
                    <a:pt x="21" y="1"/>
                  </a:lnTo>
                  <a:lnTo>
                    <a:pt x="26" y="0"/>
                  </a:lnTo>
                  <a:lnTo>
                    <a:pt x="26" y="0"/>
                  </a:lnTo>
                  <a:lnTo>
                    <a:pt x="32" y="1"/>
                  </a:lnTo>
                  <a:lnTo>
                    <a:pt x="37" y="3"/>
                  </a:lnTo>
                  <a:lnTo>
                    <a:pt x="42" y="6"/>
                  </a:lnTo>
                  <a:lnTo>
                    <a:pt x="46" y="9"/>
                  </a:lnTo>
                  <a:lnTo>
                    <a:pt x="49" y="12"/>
                  </a:lnTo>
                  <a:lnTo>
                    <a:pt x="52" y="17"/>
                  </a:lnTo>
                  <a:lnTo>
                    <a:pt x="53" y="22"/>
                  </a:lnTo>
                  <a:lnTo>
                    <a:pt x="54" y="28"/>
                  </a:lnTo>
                  <a:lnTo>
                    <a:pt x="54" y="2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grpSp>
        <p:nvGrpSpPr>
          <p:cNvPr id="177" name="组合 387">
            <a:extLst>
              <a:ext uri="{FF2B5EF4-FFF2-40B4-BE49-F238E27FC236}">
                <a16:creationId xmlns:a16="http://schemas.microsoft.com/office/drawing/2014/main" xmlns="" id="{D5E254E9-FF88-46F7-B68A-EAE9124CA28E}"/>
              </a:ext>
            </a:extLst>
          </p:cNvPr>
          <p:cNvGrpSpPr/>
          <p:nvPr/>
        </p:nvGrpSpPr>
        <p:grpSpPr>
          <a:xfrm>
            <a:off x="5762476" y="4304524"/>
            <a:ext cx="292119" cy="304893"/>
            <a:chOff x="4622166" y="3061494"/>
            <a:chExt cx="489584" cy="615667"/>
          </a:xfrm>
          <a:solidFill>
            <a:srgbClr val="00B0F0"/>
          </a:solidFill>
        </p:grpSpPr>
        <p:grpSp>
          <p:nvGrpSpPr>
            <p:cNvPr id="178" name="组合 376">
              <a:extLst>
                <a:ext uri="{FF2B5EF4-FFF2-40B4-BE49-F238E27FC236}">
                  <a16:creationId xmlns:a16="http://schemas.microsoft.com/office/drawing/2014/main" xmlns="" id="{C6A5FB93-FACF-448F-BA9F-F9B6768854AC}"/>
                </a:ext>
              </a:extLst>
            </p:cNvPr>
            <p:cNvGrpSpPr/>
            <p:nvPr/>
          </p:nvGrpSpPr>
          <p:grpSpPr>
            <a:xfrm>
              <a:off x="4622166" y="3467100"/>
              <a:ext cx="489584" cy="210061"/>
              <a:chOff x="3298897" y="4095287"/>
              <a:chExt cx="1257750" cy="591162"/>
            </a:xfrm>
            <a:grpFill/>
          </p:grpSpPr>
          <p:sp>
            <p:nvSpPr>
              <p:cNvPr id="185" name="Freeform 13">
                <a:extLst>
                  <a:ext uri="{FF2B5EF4-FFF2-40B4-BE49-F238E27FC236}">
                    <a16:creationId xmlns:a16="http://schemas.microsoft.com/office/drawing/2014/main" xmlns="" id="{63FAE2B6-D956-4255-9759-7D2E7FBF2E75}"/>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sp>
            <p:nvSpPr>
              <p:cNvPr id="186" name="Freeform 13">
                <a:extLst>
                  <a:ext uri="{FF2B5EF4-FFF2-40B4-BE49-F238E27FC236}">
                    <a16:creationId xmlns:a16="http://schemas.microsoft.com/office/drawing/2014/main" xmlns="" id="{ACFC16CC-9A90-4C50-85D1-BF150810AD4E}"/>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grpSp>
        <p:grpSp>
          <p:nvGrpSpPr>
            <p:cNvPr id="179" name="组合 379">
              <a:extLst>
                <a:ext uri="{FF2B5EF4-FFF2-40B4-BE49-F238E27FC236}">
                  <a16:creationId xmlns:a16="http://schemas.microsoft.com/office/drawing/2014/main" xmlns="" id="{C2E17C0D-E83F-4ABC-804B-75EBF375F1BA}"/>
                </a:ext>
              </a:extLst>
            </p:cNvPr>
            <p:cNvGrpSpPr/>
            <p:nvPr/>
          </p:nvGrpSpPr>
          <p:grpSpPr>
            <a:xfrm>
              <a:off x="4622166" y="3263900"/>
              <a:ext cx="489584" cy="210061"/>
              <a:chOff x="3298897" y="4095287"/>
              <a:chExt cx="1257750" cy="591162"/>
            </a:xfrm>
            <a:grpFill/>
          </p:grpSpPr>
          <p:sp>
            <p:nvSpPr>
              <p:cNvPr id="183" name="Freeform 13">
                <a:extLst>
                  <a:ext uri="{FF2B5EF4-FFF2-40B4-BE49-F238E27FC236}">
                    <a16:creationId xmlns:a16="http://schemas.microsoft.com/office/drawing/2014/main" xmlns="" id="{6F98920B-EA37-46E6-9939-D149509AD147}"/>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sp>
            <p:nvSpPr>
              <p:cNvPr id="184" name="Freeform 13">
                <a:extLst>
                  <a:ext uri="{FF2B5EF4-FFF2-40B4-BE49-F238E27FC236}">
                    <a16:creationId xmlns:a16="http://schemas.microsoft.com/office/drawing/2014/main" xmlns="" id="{A2A4B620-17D5-4BC3-8735-2FA0F595F98B}"/>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grpSp>
        <p:grpSp>
          <p:nvGrpSpPr>
            <p:cNvPr id="180" name="组合 388">
              <a:extLst>
                <a:ext uri="{FF2B5EF4-FFF2-40B4-BE49-F238E27FC236}">
                  <a16:creationId xmlns:a16="http://schemas.microsoft.com/office/drawing/2014/main" xmlns="" id="{EE66373C-4162-47C9-AAB9-97284FD4AF44}"/>
                </a:ext>
              </a:extLst>
            </p:cNvPr>
            <p:cNvGrpSpPr/>
            <p:nvPr/>
          </p:nvGrpSpPr>
          <p:grpSpPr>
            <a:xfrm>
              <a:off x="4622166" y="3061494"/>
              <a:ext cx="489584" cy="210061"/>
              <a:chOff x="3298897" y="4095287"/>
              <a:chExt cx="1257750" cy="591162"/>
            </a:xfrm>
            <a:grpFill/>
          </p:grpSpPr>
          <p:sp>
            <p:nvSpPr>
              <p:cNvPr id="181" name="Freeform 13">
                <a:extLst>
                  <a:ext uri="{FF2B5EF4-FFF2-40B4-BE49-F238E27FC236}">
                    <a16:creationId xmlns:a16="http://schemas.microsoft.com/office/drawing/2014/main" xmlns="" id="{95D2F6F8-4DDF-44DE-BCA7-13279C364A6E}"/>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sp>
            <p:nvSpPr>
              <p:cNvPr id="182" name="Freeform 13">
                <a:extLst>
                  <a:ext uri="{FF2B5EF4-FFF2-40B4-BE49-F238E27FC236}">
                    <a16:creationId xmlns:a16="http://schemas.microsoft.com/office/drawing/2014/main" xmlns="" id="{70184FAA-0274-4653-8984-C5D84996D039}"/>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906">
                  <a:defRPr/>
                </a:pPr>
                <a:endParaRPr lang="zh-CN" altLang="en-US" sz="1600" kern="0" dirty="0">
                  <a:cs typeface="+mn-ea"/>
                  <a:sym typeface="+mn-lt"/>
                </a:endParaRPr>
              </a:p>
            </p:txBody>
          </p:sp>
        </p:grpSp>
      </p:grpSp>
      <p:sp>
        <p:nvSpPr>
          <p:cNvPr id="187" name="圆角矩形 493">
            <a:extLst>
              <a:ext uri="{FF2B5EF4-FFF2-40B4-BE49-F238E27FC236}">
                <a16:creationId xmlns:a16="http://schemas.microsoft.com/office/drawing/2014/main" xmlns="" id="{FCAE0F1F-A8D7-4CFC-806D-0882CD2E6FAE}"/>
              </a:ext>
            </a:extLst>
          </p:cNvPr>
          <p:cNvSpPr/>
          <p:nvPr/>
        </p:nvSpPr>
        <p:spPr bwMode="auto">
          <a:xfrm flipH="1">
            <a:off x="9566377" y="3646207"/>
            <a:ext cx="2101602" cy="2453540"/>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base" hangingPunct="0">
              <a:spcBef>
                <a:spcPct val="0"/>
              </a:spcBef>
              <a:spcAft>
                <a:spcPct val="0"/>
              </a:spcAft>
              <a:buClr>
                <a:srgbClr val="1F497D"/>
              </a:buClr>
            </a:pPr>
            <a:endParaRPr kumimoji="1" lang="en-US" sz="1600" kern="0">
              <a:cs typeface="+mn-ea"/>
              <a:sym typeface="+mn-lt"/>
            </a:endParaRPr>
          </a:p>
        </p:txBody>
      </p:sp>
      <p:sp>
        <p:nvSpPr>
          <p:cNvPr id="188" name="Freeform 116">
            <a:extLst>
              <a:ext uri="{FF2B5EF4-FFF2-40B4-BE49-F238E27FC236}">
                <a16:creationId xmlns:a16="http://schemas.microsoft.com/office/drawing/2014/main" xmlns="" id="{8A1FB3E5-CC45-4A0A-AB15-8D7FC1022C23}"/>
              </a:ext>
            </a:extLst>
          </p:cNvPr>
          <p:cNvSpPr>
            <a:spLocks noEditPoints="1"/>
          </p:cNvSpPr>
          <p:nvPr/>
        </p:nvSpPr>
        <p:spPr bwMode="auto">
          <a:xfrm flipH="1">
            <a:off x="10096611" y="4063816"/>
            <a:ext cx="258834"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89" name="Freeform 116">
            <a:extLst>
              <a:ext uri="{FF2B5EF4-FFF2-40B4-BE49-F238E27FC236}">
                <a16:creationId xmlns:a16="http://schemas.microsoft.com/office/drawing/2014/main" xmlns="" id="{E38A83B7-2B47-486F-83AB-836C9057AFF3}"/>
              </a:ext>
            </a:extLst>
          </p:cNvPr>
          <p:cNvSpPr>
            <a:spLocks noEditPoints="1"/>
          </p:cNvSpPr>
          <p:nvPr/>
        </p:nvSpPr>
        <p:spPr bwMode="auto">
          <a:xfrm flipH="1">
            <a:off x="10084482" y="4449151"/>
            <a:ext cx="258834"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nvGrpSpPr>
          <p:cNvPr id="190" name="组合 594">
            <a:extLst>
              <a:ext uri="{FF2B5EF4-FFF2-40B4-BE49-F238E27FC236}">
                <a16:creationId xmlns:a16="http://schemas.microsoft.com/office/drawing/2014/main" xmlns="" id="{C586B95D-4000-4A7E-B1D7-D111EEDDC3FC}"/>
              </a:ext>
            </a:extLst>
          </p:cNvPr>
          <p:cNvGrpSpPr/>
          <p:nvPr/>
        </p:nvGrpSpPr>
        <p:grpSpPr>
          <a:xfrm flipH="1">
            <a:off x="10600880" y="3949346"/>
            <a:ext cx="124297" cy="110325"/>
            <a:chOff x="10096500" y="3467100"/>
            <a:chExt cx="238125" cy="212725"/>
          </a:xfrm>
          <a:solidFill>
            <a:srgbClr val="00B0F0"/>
          </a:solidFill>
        </p:grpSpPr>
        <p:sp>
          <p:nvSpPr>
            <p:cNvPr id="191" name="Freeform 511">
              <a:extLst>
                <a:ext uri="{FF2B5EF4-FFF2-40B4-BE49-F238E27FC236}">
                  <a16:creationId xmlns:a16="http://schemas.microsoft.com/office/drawing/2014/main" xmlns="" id="{AADD1D13-23C3-436A-A672-357FA8701D58}"/>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92" name="Freeform 512">
              <a:extLst>
                <a:ext uri="{FF2B5EF4-FFF2-40B4-BE49-F238E27FC236}">
                  <a16:creationId xmlns:a16="http://schemas.microsoft.com/office/drawing/2014/main" xmlns="" id="{2A7DE607-7938-4F6F-9938-950D233508AF}"/>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93" name="Freeform 513">
              <a:extLst>
                <a:ext uri="{FF2B5EF4-FFF2-40B4-BE49-F238E27FC236}">
                  <a16:creationId xmlns:a16="http://schemas.microsoft.com/office/drawing/2014/main" xmlns="" id="{9917A06A-1BC7-466C-8549-270549387EED}"/>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94" name="Freeform 515">
              <a:extLst>
                <a:ext uri="{FF2B5EF4-FFF2-40B4-BE49-F238E27FC236}">
                  <a16:creationId xmlns:a16="http://schemas.microsoft.com/office/drawing/2014/main" xmlns="" id="{B687A380-AC06-40CE-8680-E0362E990078}"/>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grpSp>
        <p:nvGrpSpPr>
          <p:cNvPr id="195" name="组合 594">
            <a:extLst>
              <a:ext uri="{FF2B5EF4-FFF2-40B4-BE49-F238E27FC236}">
                <a16:creationId xmlns:a16="http://schemas.microsoft.com/office/drawing/2014/main" xmlns="" id="{130EA3C6-0D4E-4F09-BEFF-EED47353D29E}"/>
              </a:ext>
            </a:extLst>
          </p:cNvPr>
          <p:cNvGrpSpPr/>
          <p:nvPr/>
        </p:nvGrpSpPr>
        <p:grpSpPr>
          <a:xfrm flipH="1">
            <a:off x="10507648" y="4136514"/>
            <a:ext cx="124297" cy="110325"/>
            <a:chOff x="10096500" y="3467100"/>
            <a:chExt cx="238125" cy="212725"/>
          </a:xfrm>
          <a:solidFill>
            <a:srgbClr val="00B0F0"/>
          </a:solidFill>
        </p:grpSpPr>
        <p:sp>
          <p:nvSpPr>
            <p:cNvPr id="196" name="Freeform 511">
              <a:extLst>
                <a:ext uri="{FF2B5EF4-FFF2-40B4-BE49-F238E27FC236}">
                  <a16:creationId xmlns:a16="http://schemas.microsoft.com/office/drawing/2014/main" xmlns="" id="{6F4E42EF-4ADB-4852-B135-EB768747C26B}"/>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97" name="Freeform 512">
              <a:extLst>
                <a:ext uri="{FF2B5EF4-FFF2-40B4-BE49-F238E27FC236}">
                  <a16:creationId xmlns:a16="http://schemas.microsoft.com/office/drawing/2014/main" xmlns="" id="{946BD442-2CCC-4B5B-974B-2BC5E74C148A}"/>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98" name="Freeform 513">
              <a:extLst>
                <a:ext uri="{FF2B5EF4-FFF2-40B4-BE49-F238E27FC236}">
                  <a16:creationId xmlns:a16="http://schemas.microsoft.com/office/drawing/2014/main" xmlns="" id="{D9AAA6E6-0234-4809-A67F-BD3B16C0B779}"/>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199" name="Freeform 515">
              <a:extLst>
                <a:ext uri="{FF2B5EF4-FFF2-40B4-BE49-F238E27FC236}">
                  <a16:creationId xmlns:a16="http://schemas.microsoft.com/office/drawing/2014/main" xmlns="" id="{07D83CD2-FEA8-4D8E-BF97-F4415A286AB4}"/>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grpSp>
        <p:nvGrpSpPr>
          <p:cNvPr id="200" name="组合 594">
            <a:extLst>
              <a:ext uri="{FF2B5EF4-FFF2-40B4-BE49-F238E27FC236}">
                <a16:creationId xmlns:a16="http://schemas.microsoft.com/office/drawing/2014/main" xmlns="" id="{63504E7D-41C5-444B-AA43-0142E6206961}"/>
              </a:ext>
            </a:extLst>
          </p:cNvPr>
          <p:cNvGrpSpPr/>
          <p:nvPr/>
        </p:nvGrpSpPr>
        <p:grpSpPr>
          <a:xfrm flipH="1">
            <a:off x="10611677" y="4323683"/>
            <a:ext cx="124297" cy="110325"/>
            <a:chOff x="10096500" y="3467100"/>
            <a:chExt cx="238125" cy="212725"/>
          </a:xfrm>
          <a:solidFill>
            <a:srgbClr val="00B0F0"/>
          </a:solidFill>
        </p:grpSpPr>
        <p:sp>
          <p:nvSpPr>
            <p:cNvPr id="201" name="Freeform 511">
              <a:extLst>
                <a:ext uri="{FF2B5EF4-FFF2-40B4-BE49-F238E27FC236}">
                  <a16:creationId xmlns:a16="http://schemas.microsoft.com/office/drawing/2014/main" xmlns="" id="{1E23A5F9-A6F1-4175-BB54-A2695AFE5223}"/>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02" name="Freeform 512">
              <a:extLst>
                <a:ext uri="{FF2B5EF4-FFF2-40B4-BE49-F238E27FC236}">
                  <a16:creationId xmlns:a16="http://schemas.microsoft.com/office/drawing/2014/main" xmlns="" id="{2F235E65-AF8D-4DEB-AD68-987A5F69A0E8}"/>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03" name="Freeform 513">
              <a:extLst>
                <a:ext uri="{FF2B5EF4-FFF2-40B4-BE49-F238E27FC236}">
                  <a16:creationId xmlns:a16="http://schemas.microsoft.com/office/drawing/2014/main" xmlns="" id="{0ECDEC22-2640-4B78-B436-DCC033C3A0DD}"/>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04" name="Freeform 515">
              <a:extLst>
                <a:ext uri="{FF2B5EF4-FFF2-40B4-BE49-F238E27FC236}">
                  <a16:creationId xmlns:a16="http://schemas.microsoft.com/office/drawing/2014/main" xmlns="" id="{DC9148D3-56FC-43D0-B0B1-A867C8E61408}"/>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cxnSp>
        <p:nvCxnSpPr>
          <p:cNvPr id="205" name="直接连接符 204">
            <a:extLst>
              <a:ext uri="{FF2B5EF4-FFF2-40B4-BE49-F238E27FC236}">
                <a16:creationId xmlns:a16="http://schemas.microsoft.com/office/drawing/2014/main" xmlns="" id="{8954BAD4-94BC-4632-B4E0-470CEFF1815C}"/>
              </a:ext>
            </a:extLst>
          </p:cNvPr>
          <p:cNvCxnSpPr/>
          <p:nvPr/>
        </p:nvCxnSpPr>
        <p:spPr>
          <a:xfrm flipH="1">
            <a:off x="9707254" y="4300697"/>
            <a:ext cx="175718"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06" name="直接连接符 205">
            <a:extLst>
              <a:ext uri="{FF2B5EF4-FFF2-40B4-BE49-F238E27FC236}">
                <a16:creationId xmlns:a16="http://schemas.microsoft.com/office/drawing/2014/main" xmlns="" id="{3E4FC111-4888-444A-A01B-D45270F72CAC}"/>
              </a:ext>
            </a:extLst>
          </p:cNvPr>
          <p:cNvCxnSpPr/>
          <p:nvPr/>
        </p:nvCxnSpPr>
        <p:spPr>
          <a:xfrm flipH="1">
            <a:off x="9991453" y="4094686"/>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07" name="直接连接符 206">
            <a:extLst>
              <a:ext uri="{FF2B5EF4-FFF2-40B4-BE49-F238E27FC236}">
                <a16:creationId xmlns:a16="http://schemas.microsoft.com/office/drawing/2014/main" xmlns="" id="{5B4B91A0-F664-44F7-83FB-8A586F719EE4}"/>
              </a:ext>
            </a:extLst>
          </p:cNvPr>
          <p:cNvCxnSpPr/>
          <p:nvPr/>
        </p:nvCxnSpPr>
        <p:spPr>
          <a:xfrm flipH="1">
            <a:off x="9985217" y="4479982"/>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08" name="直接连接符 207">
            <a:extLst>
              <a:ext uri="{FF2B5EF4-FFF2-40B4-BE49-F238E27FC236}">
                <a16:creationId xmlns:a16="http://schemas.microsoft.com/office/drawing/2014/main" xmlns="" id="{ED911478-F097-4947-A5BE-3829B0D35848}"/>
              </a:ext>
            </a:extLst>
          </p:cNvPr>
          <p:cNvCxnSpPr/>
          <p:nvPr/>
        </p:nvCxnSpPr>
        <p:spPr>
          <a:xfrm flipH="1">
            <a:off x="10442495" y="4562116"/>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grpSp>
        <p:nvGrpSpPr>
          <p:cNvPr id="209" name="组合 594">
            <a:extLst>
              <a:ext uri="{FF2B5EF4-FFF2-40B4-BE49-F238E27FC236}">
                <a16:creationId xmlns:a16="http://schemas.microsoft.com/office/drawing/2014/main" xmlns="" id="{3D80A9D3-5955-4C31-931F-3B56C94A5783}"/>
              </a:ext>
            </a:extLst>
          </p:cNvPr>
          <p:cNvGrpSpPr/>
          <p:nvPr/>
        </p:nvGrpSpPr>
        <p:grpSpPr>
          <a:xfrm flipH="1">
            <a:off x="10533588" y="4510853"/>
            <a:ext cx="124297" cy="110325"/>
            <a:chOff x="10096500" y="3467100"/>
            <a:chExt cx="238125" cy="212725"/>
          </a:xfrm>
          <a:solidFill>
            <a:srgbClr val="00B0F0"/>
          </a:solidFill>
        </p:grpSpPr>
        <p:sp>
          <p:nvSpPr>
            <p:cNvPr id="210" name="Freeform 511">
              <a:extLst>
                <a:ext uri="{FF2B5EF4-FFF2-40B4-BE49-F238E27FC236}">
                  <a16:creationId xmlns:a16="http://schemas.microsoft.com/office/drawing/2014/main" xmlns="" id="{71D786FE-6A21-4E1D-BA17-AF548FDC74D7}"/>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11" name="Freeform 512">
              <a:extLst>
                <a:ext uri="{FF2B5EF4-FFF2-40B4-BE49-F238E27FC236}">
                  <a16:creationId xmlns:a16="http://schemas.microsoft.com/office/drawing/2014/main" xmlns="" id="{7DD4CCEF-0995-46E8-B5B1-6D2EBF1FB650}"/>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12" name="Freeform 513">
              <a:extLst>
                <a:ext uri="{FF2B5EF4-FFF2-40B4-BE49-F238E27FC236}">
                  <a16:creationId xmlns:a16="http://schemas.microsoft.com/office/drawing/2014/main" xmlns="" id="{9C313CC6-E5EA-42D4-BD82-C3C1FA3785CF}"/>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13" name="Freeform 515">
              <a:extLst>
                <a:ext uri="{FF2B5EF4-FFF2-40B4-BE49-F238E27FC236}">
                  <a16:creationId xmlns:a16="http://schemas.microsoft.com/office/drawing/2014/main" xmlns="" id="{655765ED-5B2B-432A-A9CD-4101858843E9}"/>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cxnSp>
        <p:nvCxnSpPr>
          <p:cNvPr id="214" name="直接连接符 213">
            <a:extLst>
              <a:ext uri="{FF2B5EF4-FFF2-40B4-BE49-F238E27FC236}">
                <a16:creationId xmlns:a16="http://schemas.microsoft.com/office/drawing/2014/main" xmlns="" id="{F50A4F92-848F-475B-BC11-4587B0D80ADB}"/>
              </a:ext>
            </a:extLst>
          </p:cNvPr>
          <p:cNvCxnSpPr/>
          <p:nvPr/>
        </p:nvCxnSpPr>
        <p:spPr>
          <a:xfrm flipH="1">
            <a:off x="10442576" y="4369797"/>
            <a:ext cx="140729"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5" name="直接连接符 214">
            <a:extLst>
              <a:ext uri="{FF2B5EF4-FFF2-40B4-BE49-F238E27FC236}">
                <a16:creationId xmlns:a16="http://schemas.microsoft.com/office/drawing/2014/main" xmlns="" id="{85174CF7-10E8-4095-817C-13893F04CF45}"/>
              </a:ext>
            </a:extLst>
          </p:cNvPr>
          <p:cNvCxnSpPr/>
          <p:nvPr/>
        </p:nvCxnSpPr>
        <p:spPr>
          <a:xfrm flipH="1">
            <a:off x="10442576" y="4005332"/>
            <a:ext cx="140729"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6" name="直接连接符 215">
            <a:extLst>
              <a:ext uri="{FF2B5EF4-FFF2-40B4-BE49-F238E27FC236}">
                <a16:creationId xmlns:a16="http://schemas.microsoft.com/office/drawing/2014/main" xmlns="" id="{132D67BA-6355-4F92-96F3-8FEA568F86A0}"/>
              </a:ext>
            </a:extLst>
          </p:cNvPr>
          <p:cNvCxnSpPr/>
          <p:nvPr/>
        </p:nvCxnSpPr>
        <p:spPr>
          <a:xfrm flipH="1">
            <a:off x="10442495" y="4218400"/>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7" name="直接连接符 216">
            <a:extLst>
              <a:ext uri="{FF2B5EF4-FFF2-40B4-BE49-F238E27FC236}">
                <a16:creationId xmlns:a16="http://schemas.microsoft.com/office/drawing/2014/main" xmlns="" id="{53F44E00-AAA4-480F-A487-A5511D0619AB}"/>
              </a:ext>
            </a:extLst>
          </p:cNvPr>
          <p:cNvCxnSpPr/>
          <p:nvPr/>
        </p:nvCxnSpPr>
        <p:spPr>
          <a:xfrm flipH="1">
            <a:off x="10446427" y="4006234"/>
            <a:ext cx="0" cy="565814"/>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8" name="直接连接符 217">
            <a:extLst>
              <a:ext uri="{FF2B5EF4-FFF2-40B4-BE49-F238E27FC236}">
                <a16:creationId xmlns:a16="http://schemas.microsoft.com/office/drawing/2014/main" xmlns="" id="{98DAE314-8A35-4418-A174-B17348B314CD}"/>
              </a:ext>
            </a:extLst>
          </p:cNvPr>
          <p:cNvCxnSpPr/>
          <p:nvPr/>
        </p:nvCxnSpPr>
        <p:spPr>
          <a:xfrm flipH="1">
            <a:off x="10354635" y="4094686"/>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9" name="直接连接符 218">
            <a:extLst>
              <a:ext uri="{FF2B5EF4-FFF2-40B4-BE49-F238E27FC236}">
                <a16:creationId xmlns:a16="http://schemas.microsoft.com/office/drawing/2014/main" xmlns="" id="{EDFBEC49-918A-48C0-9F93-4D8E926A1828}"/>
              </a:ext>
            </a:extLst>
          </p:cNvPr>
          <p:cNvCxnSpPr/>
          <p:nvPr/>
        </p:nvCxnSpPr>
        <p:spPr>
          <a:xfrm flipH="1">
            <a:off x="10354635" y="4479982"/>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20" name="直接连接符 219">
            <a:extLst>
              <a:ext uri="{FF2B5EF4-FFF2-40B4-BE49-F238E27FC236}">
                <a16:creationId xmlns:a16="http://schemas.microsoft.com/office/drawing/2014/main" xmlns="" id="{D7AA6C88-6339-4B30-9BFD-E94508F8F7A2}"/>
              </a:ext>
            </a:extLst>
          </p:cNvPr>
          <p:cNvCxnSpPr/>
          <p:nvPr/>
        </p:nvCxnSpPr>
        <p:spPr>
          <a:xfrm flipH="1">
            <a:off x="9990277" y="4094728"/>
            <a:ext cx="0" cy="385294"/>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221" name="Freeform 116">
            <a:extLst>
              <a:ext uri="{FF2B5EF4-FFF2-40B4-BE49-F238E27FC236}">
                <a16:creationId xmlns:a16="http://schemas.microsoft.com/office/drawing/2014/main" xmlns="" id="{05731D00-B175-40C1-A65E-32E914C52224}"/>
              </a:ext>
            </a:extLst>
          </p:cNvPr>
          <p:cNvSpPr>
            <a:spLocks noEditPoints="1"/>
          </p:cNvSpPr>
          <p:nvPr/>
        </p:nvSpPr>
        <p:spPr bwMode="auto">
          <a:xfrm flipH="1">
            <a:off x="9915409" y="4269868"/>
            <a:ext cx="258834"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nvGrpSpPr>
          <p:cNvPr id="222" name="组合 594">
            <a:extLst>
              <a:ext uri="{FF2B5EF4-FFF2-40B4-BE49-F238E27FC236}">
                <a16:creationId xmlns:a16="http://schemas.microsoft.com/office/drawing/2014/main" xmlns="" id="{8DA954FE-7A52-4E3F-A49C-E59A160D5E51}"/>
              </a:ext>
            </a:extLst>
          </p:cNvPr>
          <p:cNvGrpSpPr/>
          <p:nvPr/>
        </p:nvGrpSpPr>
        <p:grpSpPr>
          <a:xfrm flipH="1">
            <a:off x="10642893" y="5464387"/>
            <a:ext cx="124297" cy="110325"/>
            <a:chOff x="10096500" y="3467100"/>
            <a:chExt cx="238125" cy="212725"/>
          </a:xfrm>
          <a:solidFill>
            <a:srgbClr val="00B0F0"/>
          </a:solidFill>
        </p:grpSpPr>
        <p:sp>
          <p:nvSpPr>
            <p:cNvPr id="223" name="Freeform 511">
              <a:extLst>
                <a:ext uri="{FF2B5EF4-FFF2-40B4-BE49-F238E27FC236}">
                  <a16:creationId xmlns:a16="http://schemas.microsoft.com/office/drawing/2014/main" xmlns="" id="{EFB29A94-6502-472D-83C6-924AE24451CD}"/>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24" name="Freeform 512">
              <a:extLst>
                <a:ext uri="{FF2B5EF4-FFF2-40B4-BE49-F238E27FC236}">
                  <a16:creationId xmlns:a16="http://schemas.microsoft.com/office/drawing/2014/main" xmlns="" id="{891B52D8-4CD0-49D0-8F87-1CB558A68212}"/>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25" name="Freeform 513">
              <a:extLst>
                <a:ext uri="{FF2B5EF4-FFF2-40B4-BE49-F238E27FC236}">
                  <a16:creationId xmlns:a16="http://schemas.microsoft.com/office/drawing/2014/main" xmlns="" id="{13DB5C3A-A6F0-45F0-86BA-585B4F6F4CE6}"/>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26" name="Freeform 515">
              <a:extLst>
                <a:ext uri="{FF2B5EF4-FFF2-40B4-BE49-F238E27FC236}">
                  <a16:creationId xmlns:a16="http://schemas.microsoft.com/office/drawing/2014/main" xmlns="" id="{F3A31E3B-25B8-458A-A834-E67E326AAA3B}"/>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grpSp>
        <p:nvGrpSpPr>
          <p:cNvPr id="227" name="组合 594">
            <a:extLst>
              <a:ext uri="{FF2B5EF4-FFF2-40B4-BE49-F238E27FC236}">
                <a16:creationId xmlns:a16="http://schemas.microsoft.com/office/drawing/2014/main" xmlns="" id="{F1D1EC88-7215-41B7-A214-F73828034621}"/>
              </a:ext>
            </a:extLst>
          </p:cNvPr>
          <p:cNvGrpSpPr/>
          <p:nvPr/>
        </p:nvGrpSpPr>
        <p:grpSpPr>
          <a:xfrm flipH="1">
            <a:off x="10561455" y="5618843"/>
            <a:ext cx="124297" cy="110325"/>
            <a:chOff x="10096500" y="3467100"/>
            <a:chExt cx="238125" cy="212725"/>
          </a:xfrm>
          <a:solidFill>
            <a:srgbClr val="00B0F0"/>
          </a:solidFill>
        </p:grpSpPr>
        <p:sp>
          <p:nvSpPr>
            <p:cNvPr id="228" name="Freeform 511">
              <a:extLst>
                <a:ext uri="{FF2B5EF4-FFF2-40B4-BE49-F238E27FC236}">
                  <a16:creationId xmlns:a16="http://schemas.microsoft.com/office/drawing/2014/main" xmlns="" id="{3A232E1D-F224-411A-95D5-AD44D0A0BDF7}"/>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29" name="Freeform 512">
              <a:extLst>
                <a:ext uri="{FF2B5EF4-FFF2-40B4-BE49-F238E27FC236}">
                  <a16:creationId xmlns:a16="http://schemas.microsoft.com/office/drawing/2014/main" xmlns="" id="{1DFC7703-A3C9-4623-B7B8-130425F789FD}"/>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30" name="Freeform 513">
              <a:extLst>
                <a:ext uri="{FF2B5EF4-FFF2-40B4-BE49-F238E27FC236}">
                  <a16:creationId xmlns:a16="http://schemas.microsoft.com/office/drawing/2014/main" xmlns="" id="{2C525ACA-5538-45B6-A00B-45D56E76A8E3}"/>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31" name="Freeform 515">
              <a:extLst>
                <a:ext uri="{FF2B5EF4-FFF2-40B4-BE49-F238E27FC236}">
                  <a16:creationId xmlns:a16="http://schemas.microsoft.com/office/drawing/2014/main" xmlns="" id="{DDB7A378-DFBC-44BF-ADC9-47B1A7ACD295}"/>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cxnSp>
        <p:nvCxnSpPr>
          <p:cNvPr id="232" name="直接连接符 231">
            <a:extLst>
              <a:ext uri="{FF2B5EF4-FFF2-40B4-BE49-F238E27FC236}">
                <a16:creationId xmlns:a16="http://schemas.microsoft.com/office/drawing/2014/main" xmlns="" id="{B315C404-7A06-4538-A42C-F15CC36C1EEB}"/>
              </a:ext>
            </a:extLst>
          </p:cNvPr>
          <p:cNvCxnSpPr/>
          <p:nvPr/>
        </p:nvCxnSpPr>
        <p:spPr>
          <a:xfrm flipH="1">
            <a:off x="9738272" y="5593282"/>
            <a:ext cx="175718"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233" name="Freeform 116">
            <a:extLst>
              <a:ext uri="{FF2B5EF4-FFF2-40B4-BE49-F238E27FC236}">
                <a16:creationId xmlns:a16="http://schemas.microsoft.com/office/drawing/2014/main" xmlns="" id="{A075301C-2027-432D-B42D-41C07EABEF7D}"/>
              </a:ext>
            </a:extLst>
          </p:cNvPr>
          <p:cNvSpPr>
            <a:spLocks noEditPoints="1"/>
          </p:cNvSpPr>
          <p:nvPr/>
        </p:nvSpPr>
        <p:spPr bwMode="auto">
          <a:xfrm flipH="1">
            <a:off x="9949282" y="5562452"/>
            <a:ext cx="258834"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cxnSp>
        <p:nvCxnSpPr>
          <p:cNvPr id="234" name="直接连接符 233">
            <a:extLst>
              <a:ext uri="{FF2B5EF4-FFF2-40B4-BE49-F238E27FC236}">
                <a16:creationId xmlns:a16="http://schemas.microsoft.com/office/drawing/2014/main" xmlns="" id="{EC57A526-4F56-4542-990E-36D42B6D5C8C}"/>
              </a:ext>
            </a:extLst>
          </p:cNvPr>
          <p:cNvCxnSpPr/>
          <p:nvPr/>
        </p:nvCxnSpPr>
        <p:spPr>
          <a:xfrm flipH="1">
            <a:off x="10263346" y="5593282"/>
            <a:ext cx="175718"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235" name="矩形 234">
            <a:extLst>
              <a:ext uri="{FF2B5EF4-FFF2-40B4-BE49-F238E27FC236}">
                <a16:creationId xmlns:a16="http://schemas.microsoft.com/office/drawing/2014/main" xmlns="" id="{F894E853-C43F-478B-985D-94CD81F2B413}"/>
              </a:ext>
            </a:extLst>
          </p:cNvPr>
          <p:cNvSpPr/>
          <p:nvPr/>
        </p:nvSpPr>
        <p:spPr>
          <a:xfrm>
            <a:off x="9550934" y="5702548"/>
            <a:ext cx="656119" cy="338554"/>
          </a:xfrm>
          <a:prstGeom prst="rect">
            <a:avLst/>
          </a:prstGeom>
        </p:spPr>
        <p:txBody>
          <a:bodyPr wrap="square">
            <a:spAutoFit/>
          </a:bodyPr>
          <a:lstStyle/>
          <a:p>
            <a:pPr algn="ctr" defTabSz="914373"/>
            <a:r>
              <a:rPr lang="en-US" altLang="zh-CN" sz="1600" kern="0" dirty="0">
                <a:cs typeface="+mn-ea"/>
                <a:sym typeface="+mn-lt"/>
              </a:rPr>
              <a:t>CPE</a:t>
            </a:r>
          </a:p>
        </p:txBody>
      </p:sp>
      <p:sp>
        <p:nvSpPr>
          <p:cNvPr id="236" name="矩形 235">
            <a:extLst>
              <a:ext uri="{FF2B5EF4-FFF2-40B4-BE49-F238E27FC236}">
                <a16:creationId xmlns:a16="http://schemas.microsoft.com/office/drawing/2014/main" xmlns="" id="{F6CB6B80-AF11-4E26-8555-F48118FCDEA2}"/>
              </a:ext>
            </a:extLst>
          </p:cNvPr>
          <p:cNvSpPr/>
          <p:nvPr/>
        </p:nvSpPr>
        <p:spPr>
          <a:xfrm>
            <a:off x="9495895" y="4450845"/>
            <a:ext cx="656119" cy="338554"/>
          </a:xfrm>
          <a:prstGeom prst="rect">
            <a:avLst/>
          </a:prstGeom>
        </p:spPr>
        <p:txBody>
          <a:bodyPr wrap="square">
            <a:spAutoFit/>
          </a:bodyPr>
          <a:lstStyle/>
          <a:p>
            <a:pPr algn="ctr" defTabSz="914373"/>
            <a:r>
              <a:rPr lang="en-US" altLang="zh-CN" sz="1600" kern="0" dirty="0">
                <a:cs typeface="+mn-ea"/>
                <a:sym typeface="+mn-lt"/>
              </a:rPr>
              <a:t>CPE</a:t>
            </a:r>
          </a:p>
        </p:txBody>
      </p:sp>
      <p:grpSp>
        <p:nvGrpSpPr>
          <p:cNvPr id="237" name="组合 167">
            <a:extLst>
              <a:ext uri="{FF2B5EF4-FFF2-40B4-BE49-F238E27FC236}">
                <a16:creationId xmlns:a16="http://schemas.microsoft.com/office/drawing/2014/main" xmlns="" id="{7F8A8A42-531B-4A2F-BAE0-96A29DC0E62F}"/>
              </a:ext>
            </a:extLst>
          </p:cNvPr>
          <p:cNvGrpSpPr/>
          <p:nvPr/>
        </p:nvGrpSpPr>
        <p:grpSpPr>
          <a:xfrm flipH="1">
            <a:off x="9451025" y="4180109"/>
            <a:ext cx="273539" cy="263444"/>
            <a:chOff x="3833193" y="3926598"/>
            <a:chExt cx="611915" cy="593154"/>
          </a:xfrm>
        </p:grpSpPr>
        <p:sp>
          <p:nvSpPr>
            <p:cNvPr id="238" name="椭圆 237">
              <a:extLst>
                <a:ext uri="{FF2B5EF4-FFF2-40B4-BE49-F238E27FC236}">
                  <a16:creationId xmlns:a16="http://schemas.microsoft.com/office/drawing/2014/main" xmlns="" id="{C628C39F-1965-4943-B5F9-83F973BE3138}"/>
                </a:ext>
              </a:extLst>
            </p:cNvPr>
            <p:cNvSpPr/>
            <p:nvPr/>
          </p:nvSpPr>
          <p:spPr bwMode="auto">
            <a:xfrm>
              <a:off x="3833193" y="3926598"/>
              <a:ext cx="593154" cy="593154"/>
            </a:xfrm>
            <a:prstGeom prst="ellipse">
              <a:avLst/>
            </a:prstGeom>
            <a:solidFill>
              <a:schemeClr val="bg1"/>
            </a:solidFill>
            <a:ln>
              <a:noFill/>
            </a:ln>
            <a:effectLst/>
          </p:spPr>
          <p:txBody>
            <a:bodyPr vert="horz" wrap="square" lIns="91440" tIns="45720" rIns="91440" bIns="45720" numCol="1" rtlCol="0" anchor="t" anchorCtr="0" compatLnSpc="1">
              <a:prstTxWarp prst="textNoShape">
                <a:avLst/>
              </a:prstTxWarp>
            </a:bodyPr>
            <a:lstStyle/>
            <a:p>
              <a:pPr defTabSz="914400" fontAlgn="base">
                <a:spcBef>
                  <a:spcPct val="0"/>
                </a:spcBef>
                <a:spcAft>
                  <a:spcPct val="0"/>
                </a:spcAft>
                <a:buClr>
                  <a:srgbClr val="CC9900"/>
                </a:buClr>
              </a:pPr>
              <a:endParaRPr lang="zh-CN" altLang="en-US" sz="1600" dirty="0">
                <a:cs typeface="+mn-ea"/>
                <a:sym typeface="+mn-lt"/>
              </a:endParaRPr>
            </a:p>
          </p:txBody>
        </p:sp>
        <p:sp>
          <p:nvSpPr>
            <p:cNvPr id="239" name="Freeform 26">
              <a:extLst>
                <a:ext uri="{FF2B5EF4-FFF2-40B4-BE49-F238E27FC236}">
                  <a16:creationId xmlns:a16="http://schemas.microsoft.com/office/drawing/2014/main" xmlns="" id="{E74BE1F0-4B74-4836-B3B4-92156579F937}"/>
                </a:ext>
              </a:extLst>
            </p:cNvPr>
            <p:cNvSpPr>
              <a:spLocks noEditPoints="1"/>
            </p:cNvSpPr>
            <p:nvPr/>
          </p:nvSpPr>
          <p:spPr bwMode="auto">
            <a:xfrm>
              <a:off x="3924864" y="3975079"/>
              <a:ext cx="520244" cy="496184"/>
            </a:xfrm>
            <a:custGeom>
              <a:avLst/>
              <a:gdLst/>
              <a:ahLst/>
              <a:cxnLst>
                <a:cxn ang="0">
                  <a:pos x="140" y="0"/>
                </a:cxn>
                <a:cxn ang="0">
                  <a:pos x="0" y="140"/>
                </a:cxn>
                <a:cxn ang="0">
                  <a:pos x="140" y="280"/>
                </a:cxn>
                <a:cxn ang="0">
                  <a:pos x="280" y="140"/>
                </a:cxn>
                <a:cxn ang="0">
                  <a:pos x="140" y="0"/>
                </a:cxn>
                <a:cxn ang="0">
                  <a:pos x="71" y="152"/>
                </a:cxn>
                <a:cxn ang="0">
                  <a:pos x="71" y="163"/>
                </a:cxn>
                <a:cxn ang="0">
                  <a:pos x="31" y="140"/>
                </a:cxn>
                <a:cxn ang="0">
                  <a:pos x="71" y="114"/>
                </a:cxn>
                <a:cxn ang="0">
                  <a:pos x="71" y="126"/>
                </a:cxn>
                <a:cxn ang="0">
                  <a:pos x="102" y="126"/>
                </a:cxn>
                <a:cxn ang="0">
                  <a:pos x="102" y="152"/>
                </a:cxn>
                <a:cxn ang="0">
                  <a:pos x="71" y="152"/>
                </a:cxn>
                <a:cxn ang="0">
                  <a:pos x="153" y="244"/>
                </a:cxn>
                <a:cxn ang="0">
                  <a:pos x="128" y="244"/>
                </a:cxn>
                <a:cxn ang="0">
                  <a:pos x="128" y="212"/>
                </a:cxn>
                <a:cxn ang="0">
                  <a:pos x="116" y="212"/>
                </a:cxn>
                <a:cxn ang="0">
                  <a:pos x="139" y="173"/>
                </a:cxn>
                <a:cxn ang="0">
                  <a:pos x="165" y="213"/>
                </a:cxn>
                <a:cxn ang="0">
                  <a:pos x="153" y="213"/>
                </a:cxn>
                <a:cxn ang="0">
                  <a:pos x="153" y="244"/>
                </a:cxn>
                <a:cxn ang="0">
                  <a:pos x="139" y="102"/>
                </a:cxn>
                <a:cxn ang="0">
                  <a:pos x="116" y="63"/>
                </a:cxn>
                <a:cxn ang="0">
                  <a:pos x="128" y="63"/>
                </a:cxn>
                <a:cxn ang="0">
                  <a:pos x="128" y="31"/>
                </a:cxn>
                <a:cxn ang="0">
                  <a:pos x="153" y="32"/>
                </a:cxn>
                <a:cxn ang="0">
                  <a:pos x="153" y="63"/>
                </a:cxn>
                <a:cxn ang="0">
                  <a:pos x="165" y="63"/>
                </a:cxn>
                <a:cxn ang="0">
                  <a:pos x="139" y="102"/>
                </a:cxn>
                <a:cxn ang="0">
                  <a:pos x="208" y="163"/>
                </a:cxn>
                <a:cxn ang="0">
                  <a:pos x="208" y="152"/>
                </a:cxn>
                <a:cxn ang="0">
                  <a:pos x="177" y="152"/>
                </a:cxn>
                <a:cxn ang="0">
                  <a:pos x="177" y="126"/>
                </a:cxn>
                <a:cxn ang="0">
                  <a:pos x="208" y="126"/>
                </a:cxn>
                <a:cxn ang="0">
                  <a:pos x="208" y="114"/>
                </a:cxn>
                <a:cxn ang="0">
                  <a:pos x="248" y="140"/>
                </a:cxn>
                <a:cxn ang="0">
                  <a:pos x="208" y="163"/>
                </a:cxn>
              </a:cxnLst>
              <a:rect l="0" t="0" r="r" b="b"/>
              <a:pathLst>
                <a:path w="280" h="280">
                  <a:moveTo>
                    <a:pt x="140" y="0"/>
                  </a:moveTo>
                  <a:cubicBezTo>
                    <a:pt x="63" y="0"/>
                    <a:pt x="0" y="63"/>
                    <a:pt x="0" y="140"/>
                  </a:cubicBezTo>
                  <a:cubicBezTo>
                    <a:pt x="0" y="217"/>
                    <a:pt x="63" y="280"/>
                    <a:pt x="140" y="280"/>
                  </a:cubicBezTo>
                  <a:cubicBezTo>
                    <a:pt x="217" y="280"/>
                    <a:pt x="280" y="217"/>
                    <a:pt x="280" y="140"/>
                  </a:cubicBezTo>
                  <a:cubicBezTo>
                    <a:pt x="280" y="63"/>
                    <a:pt x="217" y="0"/>
                    <a:pt x="140" y="0"/>
                  </a:cubicBezTo>
                  <a:close/>
                  <a:moveTo>
                    <a:pt x="71" y="152"/>
                  </a:moveTo>
                  <a:cubicBezTo>
                    <a:pt x="71" y="163"/>
                    <a:pt x="71" y="163"/>
                    <a:pt x="71" y="163"/>
                  </a:cubicBezTo>
                  <a:cubicBezTo>
                    <a:pt x="31" y="140"/>
                    <a:pt x="31" y="140"/>
                    <a:pt x="31" y="140"/>
                  </a:cubicBezTo>
                  <a:cubicBezTo>
                    <a:pt x="71" y="114"/>
                    <a:pt x="71" y="114"/>
                    <a:pt x="71" y="114"/>
                  </a:cubicBezTo>
                  <a:cubicBezTo>
                    <a:pt x="71" y="126"/>
                    <a:pt x="71" y="126"/>
                    <a:pt x="71" y="126"/>
                  </a:cubicBezTo>
                  <a:cubicBezTo>
                    <a:pt x="102" y="126"/>
                    <a:pt x="102" y="126"/>
                    <a:pt x="102" y="126"/>
                  </a:cubicBezTo>
                  <a:cubicBezTo>
                    <a:pt x="102" y="152"/>
                    <a:pt x="102" y="152"/>
                    <a:pt x="102" y="152"/>
                  </a:cubicBezTo>
                  <a:lnTo>
                    <a:pt x="71" y="152"/>
                  </a:lnTo>
                  <a:close/>
                  <a:moveTo>
                    <a:pt x="153" y="244"/>
                  </a:moveTo>
                  <a:cubicBezTo>
                    <a:pt x="128" y="244"/>
                    <a:pt x="128" y="244"/>
                    <a:pt x="128" y="244"/>
                  </a:cubicBezTo>
                  <a:cubicBezTo>
                    <a:pt x="128" y="212"/>
                    <a:pt x="128" y="212"/>
                    <a:pt x="128" y="212"/>
                  </a:cubicBezTo>
                  <a:cubicBezTo>
                    <a:pt x="116" y="212"/>
                    <a:pt x="116" y="212"/>
                    <a:pt x="116" y="212"/>
                  </a:cubicBezTo>
                  <a:cubicBezTo>
                    <a:pt x="139" y="173"/>
                    <a:pt x="139" y="173"/>
                    <a:pt x="139" y="173"/>
                  </a:cubicBezTo>
                  <a:cubicBezTo>
                    <a:pt x="165" y="213"/>
                    <a:pt x="165" y="213"/>
                    <a:pt x="165" y="213"/>
                  </a:cubicBezTo>
                  <a:cubicBezTo>
                    <a:pt x="153" y="213"/>
                    <a:pt x="153" y="213"/>
                    <a:pt x="153" y="213"/>
                  </a:cubicBezTo>
                  <a:lnTo>
                    <a:pt x="153" y="244"/>
                  </a:lnTo>
                  <a:close/>
                  <a:moveTo>
                    <a:pt x="139" y="102"/>
                  </a:moveTo>
                  <a:cubicBezTo>
                    <a:pt x="116" y="63"/>
                    <a:pt x="116" y="63"/>
                    <a:pt x="116" y="63"/>
                  </a:cubicBezTo>
                  <a:cubicBezTo>
                    <a:pt x="128" y="63"/>
                    <a:pt x="128" y="63"/>
                    <a:pt x="128" y="63"/>
                  </a:cubicBezTo>
                  <a:cubicBezTo>
                    <a:pt x="128" y="31"/>
                    <a:pt x="128" y="31"/>
                    <a:pt x="128" y="31"/>
                  </a:cubicBezTo>
                  <a:cubicBezTo>
                    <a:pt x="153" y="32"/>
                    <a:pt x="153" y="32"/>
                    <a:pt x="153" y="32"/>
                  </a:cubicBezTo>
                  <a:cubicBezTo>
                    <a:pt x="153" y="63"/>
                    <a:pt x="153" y="63"/>
                    <a:pt x="153" y="63"/>
                  </a:cubicBezTo>
                  <a:cubicBezTo>
                    <a:pt x="165" y="63"/>
                    <a:pt x="165" y="63"/>
                    <a:pt x="165" y="63"/>
                  </a:cubicBezTo>
                  <a:lnTo>
                    <a:pt x="139" y="102"/>
                  </a:lnTo>
                  <a:close/>
                  <a:moveTo>
                    <a:pt x="208" y="163"/>
                  </a:moveTo>
                  <a:cubicBezTo>
                    <a:pt x="208" y="152"/>
                    <a:pt x="208" y="152"/>
                    <a:pt x="208" y="152"/>
                  </a:cubicBezTo>
                  <a:cubicBezTo>
                    <a:pt x="177" y="152"/>
                    <a:pt x="177" y="152"/>
                    <a:pt x="177" y="152"/>
                  </a:cubicBezTo>
                  <a:cubicBezTo>
                    <a:pt x="177" y="126"/>
                    <a:pt x="177" y="126"/>
                    <a:pt x="177" y="126"/>
                  </a:cubicBezTo>
                  <a:cubicBezTo>
                    <a:pt x="208" y="126"/>
                    <a:pt x="208" y="126"/>
                    <a:pt x="208" y="126"/>
                  </a:cubicBezTo>
                  <a:cubicBezTo>
                    <a:pt x="208" y="114"/>
                    <a:pt x="208" y="114"/>
                    <a:pt x="208" y="114"/>
                  </a:cubicBezTo>
                  <a:cubicBezTo>
                    <a:pt x="248" y="140"/>
                    <a:pt x="248" y="140"/>
                    <a:pt x="248" y="140"/>
                  </a:cubicBezTo>
                  <a:lnTo>
                    <a:pt x="208" y="163"/>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43840" tIns="121920" rIns="243840" bIns="121920" numCol="1" spcCol="0" rtlCol="0" fromWordArt="0" anchor="ctr" anchorCtr="0" forceAA="0" compatLnSpc="1">
              <a:prstTxWarp prst="textNoShape">
                <a:avLst/>
              </a:prstTxWarp>
              <a:noAutofit/>
            </a:bodyPr>
            <a:lstStyle/>
            <a:p>
              <a:pPr algn="ctr" defTabSz="1219088"/>
              <a:endParaRPr lang="zh-CN" altLang="en-US" sz="1600" noProof="1">
                <a:solidFill>
                  <a:schemeClr val="tx1"/>
                </a:solidFill>
                <a:cs typeface="+mn-ea"/>
                <a:sym typeface="+mn-lt"/>
              </a:endParaRPr>
            </a:p>
          </p:txBody>
        </p:sp>
      </p:grpSp>
      <p:grpSp>
        <p:nvGrpSpPr>
          <p:cNvPr id="240" name="组合 167">
            <a:extLst>
              <a:ext uri="{FF2B5EF4-FFF2-40B4-BE49-F238E27FC236}">
                <a16:creationId xmlns:a16="http://schemas.microsoft.com/office/drawing/2014/main" xmlns="" id="{ABFDB194-C388-4E2A-99F6-0FA9C9B37023}"/>
              </a:ext>
            </a:extLst>
          </p:cNvPr>
          <p:cNvGrpSpPr/>
          <p:nvPr/>
        </p:nvGrpSpPr>
        <p:grpSpPr>
          <a:xfrm flipH="1">
            <a:off x="9451415" y="5480705"/>
            <a:ext cx="273539" cy="263444"/>
            <a:chOff x="3833193" y="3926598"/>
            <a:chExt cx="611915" cy="593154"/>
          </a:xfrm>
        </p:grpSpPr>
        <p:sp>
          <p:nvSpPr>
            <p:cNvPr id="241" name="椭圆 240">
              <a:extLst>
                <a:ext uri="{FF2B5EF4-FFF2-40B4-BE49-F238E27FC236}">
                  <a16:creationId xmlns:a16="http://schemas.microsoft.com/office/drawing/2014/main" xmlns="" id="{9246E52D-6771-4195-B51A-38787F6CF1E1}"/>
                </a:ext>
              </a:extLst>
            </p:cNvPr>
            <p:cNvSpPr/>
            <p:nvPr/>
          </p:nvSpPr>
          <p:spPr bwMode="auto">
            <a:xfrm>
              <a:off x="3833193" y="3926598"/>
              <a:ext cx="593154" cy="593154"/>
            </a:xfrm>
            <a:prstGeom prst="ellipse">
              <a:avLst/>
            </a:prstGeom>
            <a:solidFill>
              <a:schemeClr val="bg1"/>
            </a:solidFill>
            <a:ln>
              <a:noFill/>
            </a:ln>
            <a:effectLst/>
          </p:spPr>
          <p:txBody>
            <a:bodyPr vert="horz" wrap="square" lIns="91440" tIns="45720" rIns="91440" bIns="45720" numCol="1" rtlCol="0" anchor="t" anchorCtr="0" compatLnSpc="1">
              <a:prstTxWarp prst="textNoShape">
                <a:avLst/>
              </a:prstTxWarp>
            </a:bodyPr>
            <a:lstStyle/>
            <a:p>
              <a:pPr defTabSz="914400" fontAlgn="base">
                <a:spcBef>
                  <a:spcPct val="0"/>
                </a:spcBef>
                <a:spcAft>
                  <a:spcPct val="0"/>
                </a:spcAft>
                <a:buClr>
                  <a:srgbClr val="CC9900"/>
                </a:buClr>
              </a:pPr>
              <a:endParaRPr lang="zh-CN" altLang="en-US" sz="1600" dirty="0">
                <a:cs typeface="+mn-ea"/>
                <a:sym typeface="+mn-lt"/>
              </a:endParaRPr>
            </a:p>
          </p:txBody>
        </p:sp>
        <p:sp>
          <p:nvSpPr>
            <p:cNvPr id="242" name="Freeform 26">
              <a:extLst>
                <a:ext uri="{FF2B5EF4-FFF2-40B4-BE49-F238E27FC236}">
                  <a16:creationId xmlns:a16="http://schemas.microsoft.com/office/drawing/2014/main" xmlns="" id="{8979F11C-B55D-4AE3-982C-6395529B2538}"/>
                </a:ext>
              </a:extLst>
            </p:cNvPr>
            <p:cNvSpPr>
              <a:spLocks noEditPoints="1"/>
            </p:cNvSpPr>
            <p:nvPr/>
          </p:nvSpPr>
          <p:spPr bwMode="auto">
            <a:xfrm>
              <a:off x="3924864" y="3975079"/>
              <a:ext cx="520244" cy="496184"/>
            </a:xfrm>
            <a:custGeom>
              <a:avLst/>
              <a:gdLst/>
              <a:ahLst/>
              <a:cxnLst>
                <a:cxn ang="0">
                  <a:pos x="140" y="0"/>
                </a:cxn>
                <a:cxn ang="0">
                  <a:pos x="0" y="140"/>
                </a:cxn>
                <a:cxn ang="0">
                  <a:pos x="140" y="280"/>
                </a:cxn>
                <a:cxn ang="0">
                  <a:pos x="280" y="140"/>
                </a:cxn>
                <a:cxn ang="0">
                  <a:pos x="140" y="0"/>
                </a:cxn>
                <a:cxn ang="0">
                  <a:pos x="71" y="152"/>
                </a:cxn>
                <a:cxn ang="0">
                  <a:pos x="71" y="163"/>
                </a:cxn>
                <a:cxn ang="0">
                  <a:pos x="31" y="140"/>
                </a:cxn>
                <a:cxn ang="0">
                  <a:pos x="71" y="114"/>
                </a:cxn>
                <a:cxn ang="0">
                  <a:pos x="71" y="126"/>
                </a:cxn>
                <a:cxn ang="0">
                  <a:pos x="102" y="126"/>
                </a:cxn>
                <a:cxn ang="0">
                  <a:pos x="102" y="152"/>
                </a:cxn>
                <a:cxn ang="0">
                  <a:pos x="71" y="152"/>
                </a:cxn>
                <a:cxn ang="0">
                  <a:pos x="153" y="244"/>
                </a:cxn>
                <a:cxn ang="0">
                  <a:pos x="128" y="244"/>
                </a:cxn>
                <a:cxn ang="0">
                  <a:pos x="128" y="212"/>
                </a:cxn>
                <a:cxn ang="0">
                  <a:pos x="116" y="212"/>
                </a:cxn>
                <a:cxn ang="0">
                  <a:pos x="139" y="173"/>
                </a:cxn>
                <a:cxn ang="0">
                  <a:pos x="165" y="213"/>
                </a:cxn>
                <a:cxn ang="0">
                  <a:pos x="153" y="213"/>
                </a:cxn>
                <a:cxn ang="0">
                  <a:pos x="153" y="244"/>
                </a:cxn>
                <a:cxn ang="0">
                  <a:pos x="139" y="102"/>
                </a:cxn>
                <a:cxn ang="0">
                  <a:pos x="116" y="63"/>
                </a:cxn>
                <a:cxn ang="0">
                  <a:pos x="128" y="63"/>
                </a:cxn>
                <a:cxn ang="0">
                  <a:pos x="128" y="31"/>
                </a:cxn>
                <a:cxn ang="0">
                  <a:pos x="153" y="32"/>
                </a:cxn>
                <a:cxn ang="0">
                  <a:pos x="153" y="63"/>
                </a:cxn>
                <a:cxn ang="0">
                  <a:pos x="165" y="63"/>
                </a:cxn>
                <a:cxn ang="0">
                  <a:pos x="139" y="102"/>
                </a:cxn>
                <a:cxn ang="0">
                  <a:pos x="208" y="163"/>
                </a:cxn>
                <a:cxn ang="0">
                  <a:pos x="208" y="152"/>
                </a:cxn>
                <a:cxn ang="0">
                  <a:pos x="177" y="152"/>
                </a:cxn>
                <a:cxn ang="0">
                  <a:pos x="177" y="126"/>
                </a:cxn>
                <a:cxn ang="0">
                  <a:pos x="208" y="126"/>
                </a:cxn>
                <a:cxn ang="0">
                  <a:pos x="208" y="114"/>
                </a:cxn>
                <a:cxn ang="0">
                  <a:pos x="248" y="140"/>
                </a:cxn>
                <a:cxn ang="0">
                  <a:pos x="208" y="163"/>
                </a:cxn>
              </a:cxnLst>
              <a:rect l="0" t="0" r="r" b="b"/>
              <a:pathLst>
                <a:path w="280" h="280">
                  <a:moveTo>
                    <a:pt x="140" y="0"/>
                  </a:moveTo>
                  <a:cubicBezTo>
                    <a:pt x="63" y="0"/>
                    <a:pt x="0" y="63"/>
                    <a:pt x="0" y="140"/>
                  </a:cubicBezTo>
                  <a:cubicBezTo>
                    <a:pt x="0" y="217"/>
                    <a:pt x="63" y="280"/>
                    <a:pt x="140" y="280"/>
                  </a:cubicBezTo>
                  <a:cubicBezTo>
                    <a:pt x="217" y="280"/>
                    <a:pt x="280" y="217"/>
                    <a:pt x="280" y="140"/>
                  </a:cubicBezTo>
                  <a:cubicBezTo>
                    <a:pt x="280" y="63"/>
                    <a:pt x="217" y="0"/>
                    <a:pt x="140" y="0"/>
                  </a:cubicBezTo>
                  <a:close/>
                  <a:moveTo>
                    <a:pt x="71" y="152"/>
                  </a:moveTo>
                  <a:cubicBezTo>
                    <a:pt x="71" y="163"/>
                    <a:pt x="71" y="163"/>
                    <a:pt x="71" y="163"/>
                  </a:cubicBezTo>
                  <a:cubicBezTo>
                    <a:pt x="31" y="140"/>
                    <a:pt x="31" y="140"/>
                    <a:pt x="31" y="140"/>
                  </a:cubicBezTo>
                  <a:cubicBezTo>
                    <a:pt x="71" y="114"/>
                    <a:pt x="71" y="114"/>
                    <a:pt x="71" y="114"/>
                  </a:cubicBezTo>
                  <a:cubicBezTo>
                    <a:pt x="71" y="126"/>
                    <a:pt x="71" y="126"/>
                    <a:pt x="71" y="126"/>
                  </a:cubicBezTo>
                  <a:cubicBezTo>
                    <a:pt x="102" y="126"/>
                    <a:pt x="102" y="126"/>
                    <a:pt x="102" y="126"/>
                  </a:cubicBezTo>
                  <a:cubicBezTo>
                    <a:pt x="102" y="152"/>
                    <a:pt x="102" y="152"/>
                    <a:pt x="102" y="152"/>
                  </a:cubicBezTo>
                  <a:lnTo>
                    <a:pt x="71" y="152"/>
                  </a:lnTo>
                  <a:close/>
                  <a:moveTo>
                    <a:pt x="153" y="244"/>
                  </a:moveTo>
                  <a:cubicBezTo>
                    <a:pt x="128" y="244"/>
                    <a:pt x="128" y="244"/>
                    <a:pt x="128" y="244"/>
                  </a:cubicBezTo>
                  <a:cubicBezTo>
                    <a:pt x="128" y="212"/>
                    <a:pt x="128" y="212"/>
                    <a:pt x="128" y="212"/>
                  </a:cubicBezTo>
                  <a:cubicBezTo>
                    <a:pt x="116" y="212"/>
                    <a:pt x="116" y="212"/>
                    <a:pt x="116" y="212"/>
                  </a:cubicBezTo>
                  <a:cubicBezTo>
                    <a:pt x="139" y="173"/>
                    <a:pt x="139" y="173"/>
                    <a:pt x="139" y="173"/>
                  </a:cubicBezTo>
                  <a:cubicBezTo>
                    <a:pt x="165" y="213"/>
                    <a:pt x="165" y="213"/>
                    <a:pt x="165" y="213"/>
                  </a:cubicBezTo>
                  <a:cubicBezTo>
                    <a:pt x="153" y="213"/>
                    <a:pt x="153" y="213"/>
                    <a:pt x="153" y="213"/>
                  </a:cubicBezTo>
                  <a:lnTo>
                    <a:pt x="153" y="244"/>
                  </a:lnTo>
                  <a:close/>
                  <a:moveTo>
                    <a:pt x="139" y="102"/>
                  </a:moveTo>
                  <a:cubicBezTo>
                    <a:pt x="116" y="63"/>
                    <a:pt x="116" y="63"/>
                    <a:pt x="116" y="63"/>
                  </a:cubicBezTo>
                  <a:cubicBezTo>
                    <a:pt x="128" y="63"/>
                    <a:pt x="128" y="63"/>
                    <a:pt x="128" y="63"/>
                  </a:cubicBezTo>
                  <a:cubicBezTo>
                    <a:pt x="128" y="31"/>
                    <a:pt x="128" y="31"/>
                    <a:pt x="128" y="31"/>
                  </a:cubicBezTo>
                  <a:cubicBezTo>
                    <a:pt x="153" y="32"/>
                    <a:pt x="153" y="32"/>
                    <a:pt x="153" y="32"/>
                  </a:cubicBezTo>
                  <a:cubicBezTo>
                    <a:pt x="153" y="63"/>
                    <a:pt x="153" y="63"/>
                    <a:pt x="153" y="63"/>
                  </a:cubicBezTo>
                  <a:cubicBezTo>
                    <a:pt x="165" y="63"/>
                    <a:pt x="165" y="63"/>
                    <a:pt x="165" y="63"/>
                  </a:cubicBezTo>
                  <a:lnTo>
                    <a:pt x="139" y="102"/>
                  </a:lnTo>
                  <a:close/>
                  <a:moveTo>
                    <a:pt x="208" y="163"/>
                  </a:moveTo>
                  <a:cubicBezTo>
                    <a:pt x="208" y="152"/>
                    <a:pt x="208" y="152"/>
                    <a:pt x="208" y="152"/>
                  </a:cubicBezTo>
                  <a:cubicBezTo>
                    <a:pt x="177" y="152"/>
                    <a:pt x="177" y="152"/>
                    <a:pt x="177" y="152"/>
                  </a:cubicBezTo>
                  <a:cubicBezTo>
                    <a:pt x="177" y="126"/>
                    <a:pt x="177" y="126"/>
                    <a:pt x="177" y="126"/>
                  </a:cubicBezTo>
                  <a:cubicBezTo>
                    <a:pt x="208" y="126"/>
                    <a:pt x="208" y="126"/>
                    <a:pt x="208" y="126"/>
                  </a:cubicBezTo>
                  <a:cubicBezTo>
                    <a:pt x="208" y="114"/>
                    <a:pt x="208" y="114"/>
                    <a:pt x="208" y="114"/>
                  </a:cubicBezTo>
                  <a:cubicBezTo>
                    <a:pt x="248" y="140"/>
                    <a:pt x="248" y="140"/>
                    <a:pt x="248" y="140"/>
                  </a:cubicBezTo>
                  <a:lnTo>
                    <a:pt x="208" y="163"/>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43840" tIns="121920" rIns="243840" bIns="121920" numCol="1" spcCol="0" rtlCol="0" fromWordArt="0" anchor="ctr" anchorCtr="0" forceAA="0" compatLnSpc="1">
              <a:prstTxWarp prst="textNoShape">
                <a:avLst/>
              </a:prstTxWarp>
              <a:noAutofit/>
            </a:bodyPr>
            <a:lstStyle/>
            <a:p>
              <a:pPr algn="ctr" defTabSz="1219088"/>
              <a:endParaRPr lang="zh-CN" altLang="en-US" sz="1600" noProof="1">
                <a:solidFill>
                  <a:schemeClr val="tx1"/>
                </a:solidFill>
                <a:cs typeface="+mn-ea"/>
                <a:sym typeface="+mn-lt"/>
              </a:endParaRPr>
            </a:p>
          </p:txBody>
        </p:sp>
      </p:grpSp>
      <p:cxnSp>
        <p:nvCxnSpPr>
          <p:cNvPr id="243" name="直接连接符 242">
            <a:extLst>
              <a:ext uri="{FF2B5EF4-FFF2-40B4-BE49-F238E27FC236}">
                <a16:creationId xmlns:a16="http://schemas.microsoft.com/office/drawing/2014/main" xmlns="" id="{E44C690E-03B6-4F7C-9099-AF77D377955A}"/>
              </a:ext>
            </a:extLst>
          </p:cNvPr>
          <p:cNvCxnSpPr/>
          <p:nvPr/>
        </p:nvCxnSpPr>
        <p:spPr>
          <a:xfrm flipH="1" flipV="1">
            <a:off x="8335136" y="4774417"/>
            <a:ext cx="576202" cy="7005"/>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4" name="直接连接符 243">
            <a:extLst>
              <a:ext uri="{FF2B5EF4-FFF2-40B4-BE49-F238E27FC236}">
                <a16:creationId xmlns:a16="http://schemas.microsoft.com/office/drawing/2014/main" xmlns="" id="{CECC77A7-5DC5-40B3-A954-57A36506D35C}"/>
              </a:ext>
            </a:extLst>
          </p:cNvPr>
          <p:cNvCxnSpPr/>
          <p:nvPr/>
        </p:nvCxnSpPr>
        <p:spPr>
          <a:xfrm flipH="1" flipV="1">
            <a:off x="8911338" y="4309710"/>
            <a:ext cx="561023" cy="0"/>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5" name="直接连接符 244">
            <a:extLst>
              <a:ext uri="{FF2B5EF4-FFF2-40B4-BE49-F238E27FC236}">
                <a16:creationId xmlns:a16="http://schemas.microsoft.com/office/drawing/2014/main" xmlns="" id="{964C30A4-557C-4DFF-BAAF-B61BB4C1CA65}"/>
              </a:ext>
            </a:extLst>
          </p:cNvPr>
          <p:cNvCxnSpPr/>
          <p:nvPr/>
        </p:nvCxnSpPr>
        <p:spPr>
          <a:xfrm flipH="1">
            <a:off x="8922358" y="4317737"/>
            <a:ext cx="3109" cy="455825"/>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6" name="直接连接符 245">
            <a:extLst>
              <a:ext uri="{FF2B5EF4-FFF2-40B4-BE49-F238E27FC236}">
                <a16:creationId xmlns:a16="http://schemas.microsoft.com/office/drawing/2014/main" xmlns="" id="{660E07F7-F9B5-428A-B2A0-B25A17504F06}"/>
              </a:ext>
            </a:extLst>
          </p:cNvPr>
          <p:cNvCxnSpPr/>
          <p:nvPr/>
        </p:nvCxnSpPr>
        <p:spPr>
          <a:xfrm flipH="1" flipV="1">
            <a:off x="8935760" y="5624869"/>
            <a:ext cx="519377" cy="2620"/>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7" name="直接连接符 246">
            <a:extLst>
              <a:ext uri="{FF2B5EF4-FFF2-40B4-BE49-F238E27FC236}">
                <a16:creationId xmlns:a16="http://schemas.microsoft.com/office/drawing/2014/main" xmlns="" id="{96E9064A-E2A8-4A4B-B6BA-46D673A1DFEA}"/>
              </a:ext>
            </a:extLst>
          </p:cNvPr>
          <p:cNvCxnSpPr/>
          <p:nvPr/>
        </p:nvCxnSpPr>
        <p:spPr>
          <a:xfrm>
            <a:off x="8935760" y="5171265"/>
            <a:ext cx="0" cy="456224"/>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sp>
        <p:nvSpPr>
          <p:cNvPr id="248" name="Freeform 377">
            <a:extLst>
              <a:ext uri="{FF2B5EF4-FFF2-40B4-BE49-F238E27FC236}">
                <a16:creationId xmlns:a16="http://schemas.microsoft.com/office/drawing/2014/main" xmlns="" id="{C7D747D8-C473-4BDC-8839-5DC8CC8F20A7}"/>
              </a:ext>
            </a:extLst>
          </p:cNvPr>
          <p:cNvSpPr>
            <a:spLocks/>
          </p:cNvSpPr>
          <p:nvPr/>
        </p:nvSpPr>
        <p:spPr bwMode="auto">
          <a:xfrm>
            <a:off x="3332307" y="1504303"/>
            <a:ext cx="34584" cy="217745"/>
          </a:xfrm>
          <a:custGeom>
            <a:avLst/>
            <a:gdLst>
              <a:gd name="T0" fmla="*/ 0 w 57"/>
              <a:gd name="T1" fmla="*/ 6 h 393"/>
              <a:gd name="T2" fmla="*/ 0 w 57"/>
              <a:gd name="T3" fmla="*/ 6 h 393"/>
              <a:gd name="T4" fmla="*/ 0 w 57"/>
              <a:gd name="T5" fmla="*/ 3 h 393"/>
              <a:gd name="T6" fmla="*/ 1 w 57"/>
              <a:gd name="T7" fmla="*/ 0 h 393"/>
              <a:gd name="T8" fmla="*/ 2 w 57"/>
              <a:gd name="T9" fmla="*/ 0 h 393"/>
              <a:gd name="T10" fmla="*/ 3 w 57"/>
              <a:gd name="T11" fmla="*/ 2 h 393"/>
              <a:gd name="T12" fmla="*/ 3 w 57"/>
              <a:gd name="T13" fmla="*/ 2 h 393"/>
              <a:gd name="T14" fmla="*/ 53 w 57"/>
              <a:gd name="T15" fmla="*/ 27 h 393"/>
              <a:gd name="T16" fmla="*/ 53 w 57"/>
              <a:gd name="T17" fmla="*/ 27 h 393"/>
              <a:gd name="T18" fmla="*/ 56 w 57"/>
              <a:gd name="T19" fmla="*/ 29 h 393"/>
              <a:gd name="T20" fmla="*/ 56 w 57"/>
              <a:gd name="T21" fmla="*/ 31 h 393"/>
              <a:gd name="T22" fmla="*/ 57 w 57"/>
              <a:gd name="T23" fmla="*/ 33 h 393"/>
              <a:gd name="T24" fmla="*/ 57 w 57"/>
              <a:gd name="T25" fmla="*/ 33 h 393"/>
              <a:gd name="T26" fmla="*/ 56 w 57"/>
              <a:gd name="T27" fmla="*/ 201 h 393"/>
              <a:gd name="T28" fmla="*/ 56 w 57"/>
              <a:gd name="T29" fmla="*/ 201 h 393"/>
              <a:gd name="T30" fmla="*/ 55 w 57"/>
              <a:gd name="T31" fmla="*/ 368 h 393"/>
              <a:gd name="T32" fmla="*/ 55 w 57"/>
              <a:gd name="T33" fmla="*/ 368 h 393"/>
              <a:gd name="T34" fmla="*/ 55 w 57"/>
              <a:gd name="T35" fmla="*/ 372 h 393"/>
              <a:gd name="T36" fmla="*/ 54 w 57"/>
              <a:gd name="T37" fmla="*/ 373 h 393"/>
              <a:gd name="T38" fmla="*/ 51 w 57"/>
              <a:gd name="T39" fmla="*/ 374 h 393"/>
              <a:gd name="T40" fmla="*/ 51 w 57"/>
              <a:gd name="T41" fmla="*/ 374 h 393"/>
              <a:gd name="T42" fmla="*/ 3 w 57"/>
              <a:gd name="T43" fmla="*/ 393 h 393"/>
              <a:gd name="T44" fmla="*/ 3 w 57"/>
              <a:gd name="T45" fmla="*/ 393 h 393"/>
              <a:gd name="T46" fmla="*/ 2 w 57"/>
              <a:gd name="T47" fmla="*/ 393 h 393"/>
              <a:gd name="T48" fmla="*/ 1 w 57"/>
              <a:gd name="T49" fmla="*/ 393 h 393"/>
              <a:gd name="T50" fmla="*/ 0 w 57"/>
              <a:gd name="T51" fmla="*/ 391 h 393"/>
              <a:gd name="T52" fmla="*/ 0 w 57"/>
              <a:gd name="T53" fmla="*/ 387 h 393"/>
              <a:gd name="T54" fmla="*/ 0 w 57"/>
              <a:gd name="T55" fmla="*/ 6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57" h="393">
                <a:moveTo>
                  <a:pt x="0" y="6"/>
                </a:moveTo>
                <a:lnTo>
                  <a:pt x="0" y="6"/>
                </a:lnTo>
                <a:lnTo>
                  <a:pt x="0" y="3"/>
                </a:lnTo>
                <a:lnTo>
                  <a:pt x="1" y="0"/>
                </a:lnTo>
                <a:lnTo>
                  <a:pt x="2" y="0"/>
                </a:lnTo>
                <a:lnTo>
                  <a:pt x="3" y="2"/>
                </a:lnTo>
                <a:lnTo>
                  <a:pt x="3" y="2"/>
                </a:lnTo>
                <a:lnTo>
                  <a:pt x="53" y="27"/>
                </a:lnTo>
                <a:lnTo>
                  <a:pt x="53" y="27"/>
                </a:lnTo>
                <a:lnTo>
                  <a:pt x="56" y="29"/>
                </a:lnTo>
                <a:lnTo>
                  <a:pt x="56" y="31"/>
                </a:lnTo>
                <a:lnTo>
                  <a:pt x="57" y="33"/>
                </a:lnTo>
                <a:lnTo>
                  <a:pt x="57" y="33"/>
                </a:lnTo>
                <a:lnTo>
                  <a:pt x="56" y="201"/>
                </a:lnTo>
                <a:lnTo>
                  <a:pt x="56" y="201"/>
                </a:lnTo>
                <a:lnTo>
                  <a:pt x="55" y="368"/>
                </a:lnTo>
                <a:lnTo>
                  <a:pt x="55" y="368"/>
                </a:lnTo>
                <a:lnTo>
                  <a:pt x="55" y="372"/>
                </a:lnTo>
                <a:lnTo>
                  <a:pt x="54" y="373"/>
                </a:lnTo>
                <a:lnTo>
                  <a:pt x="51" y="374"/>
                </a:lnTo>
                <a:lnTo>
                  <a:pt x="51" y="374"/>
                </a:lnTo>
                <a:lnTo>
                  <a:pt x="3" y="393"/>
                </a:lnTo>
                <a:lnTo>
                  <a:pt x="3" y="393"/>
                </a:lnTo>
                <a:lnTo>
                  <a:pt x="2" y="393"/>
                </a:lnTo>
                <a:lnTo>
                  <a:pt x="1" y="393"/>
                </a:lnTo>
                <a:lnTo>
                  <a:pt x="0" y="391"/>
                </a:lnTo>
                <a:lnTo>
                  <a:pt x="0" y="387"/>
                </a:lnTo>
                <a:lnTo>
                  <a:pt x="0" y="6"/>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49" name="Freeform 378">
            <a:extLst>
              <a:ext uri="{FF2B5EF4-FFF2-40B4-BE49-F238E27FC236}">
                <a16:creationId xmlns:a16="http://schemas.microsoft.com/office/drawing/2014/main" xmlns="" id="{2E35192B-45AB-4487-B12A-6CA5E487657A}"/>
              </a:ext>
            </a:extLst>
          </p:cNvPr>
          <p:cNvSpPr>
            <a:spLocks/>
          </p:cNvSpPr>
          <p:nvPr/>
        </p:nvSpPr>
        <p:spPr bwMode="auto">
          <a:xfrm>
            <a:off x="3332307" y="1504303"/>
            <a:ext cx="34584" cy="217745"/>
          </a:xfrm>
          <a:custGeom>
            <a:avLst/>
            <a:gdLst>
              <a:gd name="T0" fmla="*/ 0 w 57"/>
              <a:gd name="T1" fmla="*/ 6 h 393"/>
              <a:gd name="T2" fmla="*/ 0 w 57"/>
              <a:gd name="T3" fmla="*/ 6 h 393"/>
              <a:gd name="T4" fmla="*/ 0 w 57"/>
              <a:gd name="T5" fmla="*/ 3 h 393"/>
              <a:gd name="T6" fmla="*/ 1 w 57"/>
              <a:gd name="T7" fmla="*/ 0 h 393"/>
              <a:gd name="T8" fmla="*/ 2 w 57"/>
              <a:gd name="T9" fmla="*/ 0 h 393"/>
              <a:gd name="T10" fmla="*/ 3 w 57"/>
              <a:gd name="T11" fmla="*/ 2 h 393"/>
              <a:gd name="T12" fmla="*/ 3 w 57"/>
              <a:gd name="T13" fmla="*/ 2 h 393"/>
              <a:gd name="T14" fmla="*/ 53 w 57"/>
              <a:gd name="T15" fmla="*/ 27 h 393"/>
              <a:gd name="T16" fmla="*/ 53 w 57"/>
              <a:gd name="T17" fmla="*/ 27 h 393"/>
              <a:gd name="T18" fmla="*/ 56 w 57"/>
              <a:gd name="T19" fmla="*/ 29 h 393"/>
              <a:gd name="T20" fmla="*/ 56 w 57"/>
              <a:gd name="T21" fmla="*/ 31 h 393"/>
              <a:gd name="T22" fmla="*/ 57 w 57"/>
              <a:gd name="T23" fmla="*/ 33 h 393"/>
              <a:gd name="T24" fmla="*/ 57 w 57"/>
              <a:gd name="T25" fmla="*/ 33 h 393"/>
              <a:gd name="T26" fmla="*/ 56 w 57"/>
              <a:gd name="T27" fmla="*/ 201 h 393"/>
              <a:gd name="T28" fmla="*/ 56 w 57"/>
              <a:gd name="T29" fmla="*/ 201 h 393"/>
              <a:gd name="T30" fmla="*/ 55 w 57"/>
              <a:gd name="T31" fmla="*/ 368 h 393"/>
              <a:gd name="T32" fmla="*/ 55 w 57"/>
              <a:gd name="T33" fmla="*/ 368 h 393"/>
              <a:gd name="T34" fmla="*/ 55 w 57"/>
              <a:gd name="T35" fmla="*/ 372 h 393"/>
              <a:gd name="T36" fmla="*/ 54 w 57"/>
              <a:gd name="T37" fmla="*/ 373 h 393"/>
              <a:gd name="T38" fmla="*/ 51 w 57"/>
              <a:gd name="T39" fmla="*/ 374 h 393"/>
              <a:gd name="T40" fmla="*/ 51 w 57"/>
              <a:gd name="T41" fmla="*/ 374 h 393"/>
              <a:gd name="T42" fmla="*/ 3 w 57"/>
              <a:gd name="T43" fmla="*/ 393 h 393"/>
              <a:gd name="T44" fmla="*/ 3 w 57"/>
              <a:gd name="T45" fmla="*/ 393 h 393"/>
              <a:gd name="T46" fmla="*/ 2 w 57"/>
              <a:gd name="T47" fmla="*/ 393 h 393"/>
              <a:gd name="T48" fmla="*/ 1 w 57"/>
              <a:gd name="T49" fmla="*/ 393 h 393"/>
              <a:gd name="T50" fmla="*/ 0 w 57"/>
              <a:gd name="T51" fmla="*/ 391 h 393"/>
              <a:gd name="T52" fmla="*/ 0 w 57"/>
              <a:gd name="T53" fmla="*/ 387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57" h="393">
                <a:moveTo>
                  <a:pt x="0" y="6"/>
                </a:moveTo>
                <a:lnTo>
                  <a:pt x="0" y="6"/>
                </a:lnTo>
                <a:lnTo>
                  <a:pt x="0" y="3"/>
                </a:lnTo>
                <a:lnTo>
                  <a:pt x="1" y="0"/>
                </a:lnTo>
                <a:lnTo>
                  <a:pt x="2" y="0"/>
                </a:lnTo>
                <a:lnTo>
                  <a:pt x="3" y="2"/>
                </a:lnTo>
                <a:lnTo>
                  <a:pt x="3" y="2"/>
                </a:lnTo>
                <a:lnTo>
                  <a:pt x="53" y="27"/>
                </a:lnTo>
                <a:lnTo>
                  <a:pt x="53" y="27"/>
                </a:lnTo>
                <a:lnTo>
                  <a:pt x="56" y="29"/>
                </a:lnTo>
                <a:lnTo>
                  <a:pt x="56" y="31"/>
                </a:lnTo>
                <a:lnTo>
                  <a:pt x="57" y="33"/>
                </a:lnTo>
                <a:lnTo>
                  <a:pt x="57" y="33"/>
                </a:lnTo>
                <a:lnTo>
                  <a:pt x="56" y="201"/>
                </a:lnTo>
                <a:lnTo>
                  <a:pt x="56" y="201"/>
                </a:lnTo>
                <a:lnTo>
                  <a:pt x="55" y="368"/>
                </a:lnTo>
                <a:lnTo>
                  <a:pt x="55" y="368"/>
                </a:lnTo>
                <a:lnTo>
                  <a:pt x="55" y="372"/>
                </a:lnTo>
                <a:lnTo>
                  <a:pt x="54" y="373"/>
                </a:lnTo>
                <a:lnTo>
                  <a:pt x="51" y="374"/>
                </a:lnTo>
                <a:lnTo>
                  <a:pt x="51" y="374"/>
                </a:lnTo>
                <a:lnTo>
                  <a:pt x="3" y="393"/>
                </a:lnTo>
                <a:lnTo>
                  <a:pt x="3" y="393"/>
                </a:lnTo>
                <a:lnTo>
                  <a:pt x="2" y="393"/>
                </a:lnTo>
                <a:lnTo>
                  <a:pt x="1" y="393"/>
                </a:lnTo>
                <a:lnTo>
                  <a:pt x="0" y="391"/>
                </a:lnTo>
                <a:lnTo>
                  <a:pt x="0" y="387"/>
                </a:lnTo>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0" name="Freeform 379">
            <a:extLst>
              <a:ext uri="{FF2B5EF4-FFF2-40B4-BE49-F238E27FC236}">
                <a16:creationId xmlns:a16="http://schemas.microsoft.com/office/drawing/2014/main" xmlns="" id="{F8F94B51-F0A4-422E-99DD-299F4B5AB736}"/>
              </a:ext>
            </a:extLst>
          </p:cNvPr>
          <p:cNvSpPr>
            <a:spLocks/>
          </p:cNvSpPr>
          <p:nvPr/>
        </p:nvSpPr>
        <p:spPr bwMode="auto">
          <a:xfrm>
            <a:off x="3338375" y="1525356"/>
            <a:ext cx="23056" cy="34352"/>
          </a:xfrm>
          <a:custGeom>
            <a:avLst/>
            <a:gdLst>
              <a:gd name="T0" fmla="*/ 1 w 38"/>
              <a:gd name="T1" fmla="*/ 0 h 62"/>
              <a:gd name="T2" fmla="*/ 1 w 38"/>
              <a:gd name="T3" fmla="*/ 0 h 62"/>
              <a:gd name="T4" fmla="*/ 36 w 38"/>
              <a:gd name="T5" fmla="*/ 15 h 62"/>
              <a:gd name="T6" fmla="*/ 36 w 38"/>
              <a:gd name="T7" fmla="*/ 15 h 62"/>
              <a:gd name="T8" fmla="*/ 37 w 38"/>
              <a:gd name="T9" fmla="*/ 17 h 62"/>
              <a:gd name="T10" fmla="*/ 38 w 38"/>
              <a:gd name="T11" fmla="*/ 21 h 62"/>
              <a:gd name="T12" fmla="*/ 38 w 38"/>
              <a:gd name="T13" fmla="*/ 21 h 62"/>
              <a:gd name="T14" fmla="*/ 38 w 38"/>
              <a:gd name="T15" fmla="*/ 56 h 62"/>
              <a:gd name="T16" fmla="*/ 38 w 38"/>
              <a:gd name="T17" fmla="*/ 56 h 62"/>
              <a:gd name="T18" fmla="*/ 37 w 38"/>
              <a:gd name="T19" fmla="*/ 61 h 62"/>
              <a:gd name="T20" fmla="*/ 36 w 38"/>
              <a:gd name="T21" fmla="*/ 62 h 62"/>
              <a:gd name="T22" fmla="*/ 36 w 38"/>
              <a:gd name="T23" fmla="*/ 62 h 62"/>
              <a:gd name="T24" fmla="*/ 1 w 38"/>
              <a:gd name="T25" fmla="*/ 50 h 62"/>
              <a:gd name="T26" fmla="*/ 1 w 38"/>
              <a:gd name="T27" fmla="*/ 50 h 62"/>
              <a:gd name="T28" fmla="*/ 0 w 38"/>
              <a:gd name="T29" fmla="*/ 48 h 62"/>
              <a:gd name="T30" fmla="*/ 0 w 38"/>
              <a:gd name="T31" fmla="*/ 45 h 62"/>
              <a:gd name="T32" fmla="*/ 0 w 38"/>
              <a:gd name="T33" fmla="*/ 45 h 62"/>
              <a:gd name="T34" fmla="*/ 0 w 38"/>
              <a:gd name="T35" fmla="*/ 5 h 62"/>
              <a:gd name="T36" fmla="*/ 0 w 38"/>
              <a:gd name="T37" fmla="*/ 5 h 62"/>
              <a:gd name="T38" fmla="*/ 0 w 38"/>
              <a:gd name="T39" fmla="*/ 1 h 62"/>
              <a:gd name="T40" fmla="*/ 1 w 38"/>
              <a:gd name="T41" fmla="*/ 0 h 62"/>
              <a:gd name="T42" fmla="*/ 1 w 38"/>
              <a:gd name="T43" fmla="*/ 0 h 62"/>
              <a:gd name="T44" fmla="*/ 1 w 38"/>
              <a:gd name="T45" fmla="*/ 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38" h="62">
                <a:moveTo>
                  <a:pt x="1" y="0"/>
                </a:moveTo>
                <a:lnTo>
                  <a:pt x="1" y="0"/>
                </a:lnTo>
                <a:lnTo>
                  <a:pt x="36" y="15"/>
                </a:lnTo>
                <a:lnTo>
                  <a:pt x="36" y="15"/>
                </a:lnTo>
                <a:lnTo>
                  <a:pt x="37" y="17"/>
                </a:lnTo>
                <a:lnTo>
                  <a:pt x="38" y="21"/>
                </a:lnTo>
                <a:lnTo>
                  <a:pt x="38" y="21"/>
                </a:lnTo>
                <a:lnTo>
                  <a:pt x="38" y="56"/>
                </a:lnTo>
                <a:lnTo>
                  <a:pt x="38" y="56"/>
                </a:lnTo>
                <a:lnTo>
                  <a:pt x="37" y="61"/>
                </a:lnTo>
                <a:lnTo>
                  <a:pt x="36" y="62"/>
                </a:lnTo>
                <a:lnTo>
                  <a:pt x="36" y="62"/>
                </a:lnTo>
                <a:lnTo>
                  <a:pt x="1" y="50"/>
                </a:lnTo>
                <a:lnTo>
                  <a:pt x="1" y="50"/>
                </a:lnTo>
                <a:lnTo>
                  <a:pt x="0" y="48"/>
                </a:lnTo>
                <a:lnTo>
                  <a:pt x="0" y="45"/>
                </a:lnTo>
                <a:lnTo>
                  <a:pt x="0" y="45"/>
                </a:lnTo>
                <a:lnTo>
                  <a:pt x="0" y="5"/>
                </a:lnTo>
                <a:lnTo>
                  <a:pt x="0" y="5"/>
                </a:lnTo>
                <a:lnTo>
                  <a:pt x="0" y="1"/>
                </a:lnTo>
                <a:lnTo>
                  <a:pt x="1" y="0"/>
                </a:lnTo>
                <a:lnTo>
                  <a:pt x="1" y="0"/>
                </a:lnTo>
                <a:lnTo>
                  <a:pt x="1"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1" name="Freeform 380">
            <a:extLst>
              <a:ext uri="{FF2B5EF4-FFF2-40B4-BE49-F238E27FC236}">
                <a16:creationId xmlns:a16="http://schemas.microsoft.com/office/drawing/2014/main" xmlns="" id="{057A35A8-6624-4CFE-860A-0487518BB2B3}"/>
              </a:ext>
            </a:extLst>
          </p:cNvPr>
          <p:cNvSpPr>
            <a:spLocks/>
          </p:cNvSpPr>
          <p:nvPr/>
        </p:nvSpPr>
        <p:spPr bwMode="auto">
          <a:xfrm>
            <a:off x="3337769" y="1563587"/>
            <a:ext cx="23056" cy="30473"/>
          </a:xfrm>
          <a:custGeom>
            <a:avLst/>
            <a:gdLst>
              <a:gd name="T0" fmla="*/ 2 w 38"/>
              <a:gd name="T1" fmla="*/ 0 h 55"/>
              <a:gd name="T2" fmla="*/ 2 w 38"/>
              <a:gd name="T3" fmla="*/ 0 h 55"/>
              <a:gd name="T4" fmla="*/ 37 w 38"/>
              <a:gd name="T5" fmla="*/ 9 h 55"/>
              <a:gd name="T6" fmla="*/ 37 w 38"/>
              <a:gd name="T7" fmla="*/ 9 h 55"/>
              <a:gd name="T8" fmla="*/ 38 w 38"/>
              <a:gd name="T9" fmla="*/ 10 h 55"/>
              <a:gd name="T10" fmla="*/ 38 w 38"/>
              <a:gd name="T11" fmla="*/ 15 h 55"/>
              <a:gd name="T12" fmla="*/ 38 w 38"/>
              <a:gd name="T13" fmla="*/ 15 h 55"/>
              <a:gd name="T14" fmla="*/ 38 w 38"/>
              <a:gd name="T15" fmla="*/ 50 h 55"/>
              <a:gd name="T16" fmla="*/ 38 w 38"/>
              <a:gd name="T17" fmla="*/ 50 h 55"/>
              <a:gd name="T18" fmla="*/ 38 w 38"/>
              <a:gd name="T19" fmla="*/ 54 h 55"/>
              <a:gd name="T20" fmla="*/ 37 w 38"/>
              <a:gd name="T21" fmla="*/ 55 h 55"/>
              <a:gd name="T22" fmla="*/ 37 w 38"/>
              <a:gd name="T23" fmla="*/ 55 h 55"/>
              <a:gd name="T24" fmla="*/ 2 w 38"/>
              <a:gd name="T25" fmla="*/ 50 h 55"/>
              <a:gd name="T26" fmla="*/ 2 w 38"/>
              <a:gd name="T27" fmla="*/ 50 h 55"/>
              <a:gd name="T28" fmla="*/ 1 w 38"/>
              <a:gd name="T29" fmla="*/ 48 h 55"/>
              <a:gd name="T30" fmla="*/ 0 w 38"/>
              <a:gd name="T31" fmla="*/ 44 h 55"/>
              <a:gd name="T32" fmla="*/ 0 w 38"/>
              <a:gd name="T33" fmla="*/ 44 h 55"/>
              <a:gd name="T34" fmla="*/ 0 w 38"/>
              <a:gd name="T35" fmla="*/ 4 h 55"/>
              <a:gd name="T36" fmla="*/ 0 w 38"/>
              <a:gd name="T37" fmla="*/ 4 h 55"/>
              <a:gd name="T38" fmla="*/ 1 w 38"/>
              <a:gd name="T39" fmla="*/ 1 h 55"/>
              <a:gd name="T40" fmla="*/ 2 w 38"/>
              <a:gd name="T41" fmla="*/ 0 h 55"/>
              <a:gd name="T42" fmla="*/ 2 w 38"/>
              <a:gd name="T43"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55">
                <a:moveTo>
                  <a:pt x="2" y="0"/>
                </a:moveTo>
                <a:lnTo>
                  <a:pt x="2" y="0"/>
                </a:lnTo>
                <a:lnTo>
                  <a:pt x="37" y="9"/>
                </a:lnTo>
                <a:lnTo>
                  <a:pt x="37" y="9"/>
                </a:lnTo>
                <a:lnTo>
                  <a:pt x="38" y="10"/>
                </a:lnTo>
                <a:lnTo>
                  <a:pt x="38" y="15"/>
                </a:lnTo>
                <a:lnTo>
                  <a:pt x="38" y="15"/>
                </a:lnTo>
                <a:lnTo>
                  <a:pt x="38" y="50"/>
                </a:lnTo>
                <a:lnTo>
                  <a:pt x="38" y="50"/>
                </a:lnTo>
                <a:lnTo>
                  <a:pt x="38" y="54"/>
                </a:lnTo>
                <a:lnTo>
                  <a:pt x="37" y="55"/>
                </a:lnTo>
                <a:lnTo>
                  <a:pt x="37" y="55"/>
                </a:lnTo>
                <a:lnTo>
                  <a:pt x="2" y="50"/>
                </a:lnTo>
                <a:lnTo>
                  <a:pt x="2" y="50"/>
                </a:lnTo>
                <a:lnTo>
                  <a:pt x="1" y="48"/>
                </a:lnTo>
                <a:lnTo>
                  <a:pt x="0" y="44"/>
                </a:lnTo>
                <a:lnTo>
                  <a:pt x="0" y="44"/>
                </a:lnTo>
                <a:lnTo>
                  <a:pt x="0" y="4"/>
                </a:lnTo>
                <a:lnTo>
                  <a:pt x="0" y="4"/>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2" name="Freeform 381">
            <a:extLst>
              <a:ext uri="{FF2B5EF4-FFF2-40B4-BE49-F238E27FC236}">
                <a16:creationId xmlns:a16="http://schemas.microsoft.com/office/drawing/2014/main" xmlns="" id="{2C7A329B-27B7-43E4-8805-D81843C8D28D}"/>
              </a:ext>
            </a:extLst>
          </p:cNvPr>
          <p:cNvSpPr>
            <a:spLocks/>
          </p:cNvSpPr>
          <p:nvPr/>
        </p:nvSpPr>
        <p:spPr bwMode="auto">
          <a:xfrm>
            <a:off x="3337769" y="1601262"/>
            <a:ext cx="23056" cy="27703"/>
          </a:xfrm>
          <a:custGeom>
            <a:avLst/>
            <a:gdLst>
              <a:gd name="T0" fmla="*/ 1 w 38"/>
              <a:gd name="T1" fmla="*/ 0 h 50"/>
              <a:gd name="T2" fmla="*/ 1 w 38"/>
              <a:gd name="T3" fmla="*/ 0 h 50"/>
              <a:gd name="T4" fmla="*/ 37 w 38"/>
              <a:gd name="T5" fmla="*/ 4 h 50"/>
              <a:gd name="T6" fmla="*/ 37 w 38"/>
              <a:gd name="T7" fmla="*/ 4 h 50"/>
              <a:gd name="T8" fmla="*/ 38 w 38"/>
              <a:gd name="T9" fmla="*/ 5 h 50"/>
              <a:gd name="T10" fmla="*/ 38 w 38"/>
              <a:gd name="T11" fmla="*/ 9 h 50"/>
              <a:gd name="T12" fmla="*/ 38 w 38"/>
              <a:gd name="T13" fmla="*/ 9 h 50"/>
              <a:gd name="T14" fmla="*/ 38 w 38"/>
              <a:gd name="T15" fmla="*/ 45 h 50"/>
              <a:gd name="T16" fmla="*/ 38 w 38"/>
              <a:gd name="T17" fmla="*/ 45 h 50"/>
              <a:gd name="T18" fmla="*/ 37 w 38"/>
              <a:gd name="T19" fmla="*/ 49 h 50"/>
              <a:gd name="T20" fmla="*/ 36 w 38"/>
              <a:gd name="T21" fmla="*/ 50 h 50"/>
              <a:gd name="T22" fmla="*/ 36 w 38"/>
              <a:gd name="T23" fmla="*/ 50 h 50"/>
              <a:gd name="T24" fmla="*/ 1 w 38"/>
              <a:gd name="T25" fmla="*/ 50 h 50"/>
              <a:gd name="T26" fmla="*/ 1 w 38"/>
              <a:gd name="T27" fmla="*/ 50 h 50"/>
              <a:gd name="T28" fmla="*/ 0 w 38"/>
              <a:gd name="T29" fmla="*/ 49 h 50"/>
              <a:gd name="T30" fmla="*/ 0 w 38"/>
              <a:gd name="T31" fmla="*/ 45 h 50"/>
              <a:gd name="T32" fmla="*/ 0 w 38"/>
              <a:gd name="T33" fmla="*/ 45 h 50"/>
              <a:gd name="T34" fmla="*/ 0 w 38"/>
              <a:gd name="T35" fmla="*/ 5 h 50"/>
              <a:gd name="T36" fmla="*/ 0 w 38"/>
              <a:gd name="T37" fmla="*/ 5 h 50"/>
              <a:gd name="T38" fmla="*/ 0 w 38"/>
              <a:gd name="T39" fmla="*/ 1 h 50"/>
              <a:gd name="T40" fmla="*/ 1 w 38"/>
              <a:gd name="T41" fmla="*/ 0 h 50"/>
              <a:gd name="T42" fmla="*/ 1 w 38"/>
              <a:gd name="T43" fmla="*/ 0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50">
                <a:moveTo>
                  <a:pt x="1" y="0"/>
                </a:moveTo>
                <a:lnTo>
                  <a:pt x="1" y="0"/>
                </a:lnTo>
                <a:lnTo>
                  <a:pt x="37" y="4"/>
                </a:lnTo>
                <a:lnTo>
                  <a:pt x="37" y="4"/>
                </a:lnTo>
                <a:lnTo>
                  <a:pt x="38" y="5"/>
                </a:lnTo>
                <a:lnTo>
                  <a:pt x="38" y="9"/>
                </a:lnTo>
                <a:lnTo>
                  <a:pt x="38" y="9"/>
                </a:lnTo>
                <a:lnTo>
                  <a:pt x="38" y="45"/>
                </a:lnTo>
                <a:lnTo>
                  <a:pt x="38" y="45"/>
                </a:lnTo>
                <a:lnTo>
                  <a:pt x="37" y="49"/>
                </a:lnTo>
                <a:lnTo>
                  <a:pt x="36" y="50"/>
                </a:lnTo>
                <a:lnTo>
                  <a:pt x="36" y="50"/>
                </a:lnTo>
                <a:lnTo>
                  <a:pt x="1" y="50"/>
                </a:lnTo>
                <a:lnTo>
                  <a:pt x="1" y="50"/>
                </a:lnTo>
                <a:lnTo>
                  <a:pt x="0" y="49"/>
                </a:lnTo>
                <a:lnTo>
                  <a:pt x="0" y="45"/>
                </a:lnTo>
                <a:lnTo>
                  <a:pt x="0" y="45"/>
                </a:lnTo>
                <a:lnTo>
                  <a:pt x="0" y="5"/>
                </a:lnTo>
                <a:lnTo>
                  <a:pt x="0" y="5"/>
                </a:lnTo>
                <a:lnTo>
                  <a:pt x="0" y="1"/>
                </a:lnTo>
                <a:lnTo>
                  <a:pt x="1" y="0"/>
                </a:lnTo>
                <a:lnTo>
                  <a:pt x="1"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3" name="Freeform 382">
            <a:extLst>
              <a:ext uri="{FF2B5EF4-FFF2-40B4-BE49-F238E27FC236}">
                <a16:creationId xmlns:a16="http://schemas.microsoft.com/office/drawing/2014/main" xmlns="" id="{C0E5ABBD-F145-4C58-A1D2-FB4B79F00006}"/>
              </a:ext>
            </a:extLst>
          </p:cNvPr>
          <p:cNvSpPr>
            <a:spLocks/>
          </p:cNvSpPr>
          <p:nvPr/>
        </p:nvSpPr>
        <p:spPr bwMode="auto">
          <a:xfrm>
            <a:off x="3337162" y="1638385"/>
            <a:ext cx="23663" cy="28811"/>
          </a:xfrm>
          <a:custGeom>
            <a:avLst/>
            <a:gdLst>
              <a:gd name="T0" fmla="*/ 2 w 39"/>
              <a:gd name="T1" fmla="*/ 1 h 52"/>
              <a:gd name="T2" fmla="*/ 2 w 39"/>
              <a:gd name="T3" fmla="*/ 1 h 52"/>
              <a:gd name="T4" fmla="*/ 37 w 39"/>
              <a:gd name="T5" fmla="*/ 0 h 52"/>
              <a:gd name="T6" fmla="*/ 37 w 39"/>
              <a:gd name="T7" fmla="*/ 0 h 52"/>
              <a:gd name="T8" fmla="*/ 38 w 39"/>
              <a:gd name="T9" fmla="*/ 1 h 52"/>
              <a:gd name="T10" fmla="*/ 39 w 39"/>
              <a:gd name="T11" fmla="*/ 5 h 52"/>
              <a:gd name="T12" fmla="*/ 39 w 39"/>
              <a:gd name="T13" fmla="*/ 5 h 52"/>
              <a:gd name="T14" fmla="*/ 39 w 39"/>
              <a:gd name="T15" fmla="*/ 41 h 52"/>
              <a:gd name="T16" fmla="*/ 39 w 39"/>
              <a:gd name="T17" fmla="*/ 41 h 52"/>
              <a:gd name="T18" fmla="*/ 38 w 39"/>
              <a:gd name="T19" fmla="*/ 45 h 52"/>
              <a:gd name="T20" fmla="*/ 37 w 39"/>
              <a:gd name="T21" fmla="*/ 46 h 52"/>
              <a:gd name="T22" fmla="*/ 37 w 39"/>
              <a:gd name="T23" fmla="*/ 46 h 52"/>
              <a:gd name="T24" fmla="*/ 2 w 39"/>
              <a:gd name="T25" fmla="*/ 52 h 52"/>
              <a:gd name="T26" fmla="*/ 2 w 39"/>
              <a:gd name="T27" fmla="*/ 52 h 52"/>
              <a:gd name="T28" fmla="*/ 1 w 39"/>
              <a:gd name="T29" fmla="*/ 50 h 52"/>
              <a:gd name="T30" fmla="*/ 0 w 39"/>
              <a:gd name="T31" fmla="*/ 47 h 52"/>
              <a:gd name="T32" fmla="*/ 0 w 39"/>
              <a:gd name="T33" fmla="*/ 47 h 52"/>
              <a:gd name="T34" fmla="*/ 0 w 39"/>
              <a:gd name="T35" fmla="*/ 7 h 52"/>
              <a:gd name="T36" fmla="*/ 0 w 39"/>
              <a:gd name="T37" fmla="*/ 7 h 52"/>
              <a:gd name="T38" fmla="*/ 1 w 39"/>
              <a:gd name="T39" fmla="*/ 3 h 52"/>
              <a:gd name="T40" fmla="*/ 2 w 39"/>
              <a:gd name="T41" fmla="*/ 1 h 52"/>
              <a:gd name="T42" fmla="*/ 2 w 39"/>
              <a:gd name="T43" fmla="*/ 1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 h="52">
                <a:moveTo>
                  <a:pt x="2" y="1"/>
                </a:moveTo>
                <a:lnTo>
                  <a:pt x="2" y="1"/>
                </a:lnTo>
                <a:lnTo>
                  <a:pt x="37" y="0"/>
                </a:lnTo>
                <a:lnTo>
                  <a:pt x="37" y="0"/>
                </a:lnTo>
                <a:lnTo>
                  <a:pt x="38" y="1"/>
                </a:lnTo>
                <a:lnTo>
                  <a:pt x="39" y="5"/>
                </a:lnTo>
                <a:lnTo>
                  <a:pt x="39" y="5"/>
                </a:lnTo>
                <a:lnTo>
                  <a:pt x="39" y="41"/>
                </a:lnTo>
                <a:lnTo>
                  <a:pt x="39" y="41"/>
                </a:lnTo>
                <a:lnTo>
                  <a:pt x="38" y="45"/>
                </a:lnTo>
                <a:lnTo>
                  <a:pt x="37" y="46"/>
                </a:lnTo>
                <a:lnTo>
                  <a:pt x="37" y="46"/>
                </a:lnTo>
                <a:lnTo>
                  <a:pt x="2" y="52"/>
                </a:lnTo>
                <a:lnTo>
                  <a:pt x="2" y="52"/>
                </a:lnTo>
                <a:lnTo>
                  <a:pt x="1" y="50"/>
                </a:lnTo>
                <a:lnTo>
                  <a:pt x="0" y="47"/>
                </a:lnTo>
                <a:lnTo>
                  <a:pt x="0" y="47"/>
                </a:lnTo>
                <a:lnTo>
                  <a:pt x="0" y="7"/>
                </a:lnTo>
                <a:lnTo>
                  <a:pt x="0" y="7"/>
                </a:lnTo>
                <a:lnTo>
                  <a:pt x="1" y="3"/>
                </a:lnTo>
                <a:lnTo>
                  <a:pt x="2" y="1"/>
                </a:lnTo>
                <a:lnTo>
                  <a:pt x="2"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4" name="Freeform 383">
            <a:extLst>
              <a:ext uri="{FF2B5EF4-FFF2-40B4-BE49-F238E27FC236}">
                <a16:creationId xmlns:a16="http://schemas.microsoft.com/office/drawing/2014/main" xmlns="" id="{1B794452-1A8C-4721-BBA3-239A6A30351E}"/>
              </a:ext>
            </a:extLst>
          </p:cNvPr>
          <p:cNvSpPr>
            <a:spLocks/>
          </p:cNvSpPr>
          <p:nvPr/>
        </p:nvSpPr>
        <p:spPr bwMode="auto">
          <a:xfrm>
            <a:off x="3337162" y="1677722"/>
            <a:ext cx="23056" cy="12189"/>
          </a:xfrm>
          <a:custGeom>
            <a:avLst/>
            <a:gdLst>
              <a:gd name="T0" fmla="*/ 2 w 38"/>
              <a:gd name="T1" fmla="*/ 7 h 22"/>
              <a:gd name="T2" fmla="*/ 2 w 38"/>
              <a:gd name="T3" fmla="*/ 7 h 22"/>
              <a:gd name="T4" fmla="*/ 37 w 38"/>
              <a:gd name="T5" fmla="*/ 0 h 22"/>
              <a:gd name="T6" fmla="*/ 37 w 38"/>
              <a:gd name="T7" fmla="*/ 0 h 22"/>
              <a:gd name="T8" fmla="*/ 38 w 38"/>
              <a:gd name="T9" fmla="*/ 1 h 22"/>
              <a:gd name="T10" fmla="*/ 38 w 38"/>
              <a:gd name="T11" fmla="*/ 4 h 22"/>
              <a:gd name="T12" fmla="*/ 38 w 38"/>
              <a:gd name="T13" fmla="*/ 4 h 22"/>
              <a:gd name="T14" fmla="*/ 38 w 38"/>
              <a:gd name="T15" fmla="*/ 8 h 22"/>
              <a:gd name="T16" fmla="*/ 38 w 38"/>
              <a:gd name="T17" fmla="*/ 8 h 22"/>
              <a:gd name="T18" fmla="*/ 38 w 38"/>
              <a:gd name="T19" fmla="*/ 11 h 22"/>
              <a:gd name="T20" fmla="*/ 37 w 38"/>
              <a:gd name="T21" fmla="*/ 13 h 22"/>
              <a:gd name="T22" fmla="*/ 37 w 38"/>
              <a:gd name="T23" fmla="*/ 13 h 22"/>
              <a:gd name="T24" fmla="*/ 1 w 38"/>
              <a:gd name="T25" fmla="*/ 22 h 22"/>
              <a:gd name="T26" fmla="*/ 1 w 38"/>
              <a:gd name="T27" fmla="*/ 22 h 22"/>
              <a:gd name="T28" fmla="*/ 0 w 38"/>
              <a:gd name="T29" fmla="*/ 21 h 22"/>
              <a:gd name="T30" fmla="*/ 0 w 38"/>
              <a:gd name="T31" fmla="*/ 18 h 22"/>
              <a:gd name="T32" fmla="*/ 0 w 38"/>
              <a:gd name="T33" fmla="*/ 18 h 22"/>
              <a:gd name="T34" fmla="*/ 0 w 38"/>
              <a:gd name="T35" fmla="*/ 13 h 22"/>
              <a:gd name="T36" fmla="*/ 0 w 38"/>
              <a:gd name="T37" fmla="*/ 13 h 22"/>
              <a:gd name="T38" fmla="*/ 0 w 38"/>
              <a:gd name="T39" fmla="*/ 9 h 22"/>
              <a:gd name="T40" fmla="*/ 2 w 38"/>
              <a:gd name="T41" fmla="*/ 7 h 22"/>
              <a:gd name="T42" fmla="*/ 2 w 38"/>
              <a:gd name="T43" fmla="*/ 7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2">
                <a:moveTo>
                  <a:pt x="2" y="7"/>
                </a:moveTo>
                <a:lnTo>
                  <a:pt x="2" y="7"/>
                </a:lnTo>
                <a:lnTo>
                  <a:pt x="37" y="0"/>
                </a:lnTo>
                <a:lnTo>
                  <a:pt x="37" y="0"/>
                </a:lnTo>
                <a:lnTo>
                  <a:pt x="38" y="1"/>
                </a:lnTo>
                <a:lnTo>
                  <a:pt x="38" y="4"/>
                </a:lnTo>
                <a:lnTo>
                  <a:pt x="38" y="4"/>
                </a:lnTo>
                <a:lnTo>
                  <a:pt x="38" y="8"/>
                </a:lnTo>
                <a:lnTo>
                  <a:pt x="38" y="8"/>
                </a:lnTo>
                <a:lnTo>
                  <a:pt x="38" y="11"/>
                </a:lnTo>
                <a:lnTo>
                  <a:pt x="37" y="13"/>
                </a:lnTo>
                <a:lnTo>
                  <a:pt x="37" y="13"/>
                </a:lnTo>
                <a:lnTo>
                  <a:pt x="1" y="22"/>
                </a:lnTo>
                <a:lnTo>
                  <a:pt x="1" y="22"/>
                </a:lnTo>
                <a:lnTo>
                  <a:pt x="0" y="21"/>
                </a:lnTo>
                <a:lnTo>
                  <a:pt x="0" y="18"/>
                </a:lnTo>
                <a:lnTo>
                  <a:pt x="0" y="18"/>
                </a:lnTo>
                <a:lnTo>
                  <a:pt x="0" y="13"/>
                </a:lnTo>
                <a:lnTo>
                  <a:pt x="0" y="13"/>
                </a:lnTo>
                <a:lnTo>
                  <a:pt x="0" y="9"/>
                </a:lnTo>
                <a:lnTo>
                  <a:pt x="2" y="7"/>
                </a:lnTo>
                <a:lnTo>
                  <a:pt x="2" y="7"/>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5" name="Freeform 384">
            <a:extLst>
              <a:ext uri="{FF2B5EF4-FFF2-40B4-BE49-F238E27FC236}">
                <a16:creationId xmlns:a16="http://schemas.microsoft.com/office/drawing/2014/main" xmlns="" id="{355E8302-BD9C-4805-BEFA-A451FCFDB0AB}"/>
              </a:ext>
            </a:extLst>
          </p:cNvPr>
          <p:cNvSpPr>
            <a:spLocks/>
          </p:cNvSpPr>
          <p:nvPr/>
        </p:nvSpPr>
        <p:spPr bwMode="auto">
          <a:xfrm>
            <a:off x="3337162" y="1690465"/>
            <a:ext cx="23056" cy="13297"/>
          </a:xfrm>
          <a:custGeom>
            <a:avLst/>
            <a:gdLst>
              <a:gd name="T0" fmla="*/ 1 w 38"/>
              <a:gd name="T1" fmla="*/ 9 h 24"/>
              <a:gd name="T2" fmla="*/ 1 w 38"/>
              <a:gd name="T3" fmla="*/ 9 h 24"/>
              <a:gd name="T4" fmla="*/ 37 w 38"/>
              <a:gd name="T5" fmla="*/ 0 h 24"/>
              <a:gd name="T6" fmla="*/ 37 w 38"/>
              <a:gd name="T7" fmla="*/ 0 h 24"/>
              <a:gd name="T8" fmla="*/ 38 w 38"/>
              <a:gd name="T9" fmla="*/ 1 h 24"/>
              <a:gd name="T10" fmla="*/ 38 w 38"/>
              <a:gd name="T11" fmla="*/ 4 h 24"/>
              <a:gd name="T12" fmla="*/ 38 w 38"/>
              <a:gd name="T13" fmla="*/ 4 h 24"/>
              <a:gd name="T14" fmla="*/ 38 w 38"/>
              <a:gd name="T15" fmla="*/ 8 h 24"/>
              <a:gd name="T16" fmla="*/ 38 w 38"/>
              <a:gd name="T17" fmla="*/ 8 h 24"/>
              <a:gd name="T18" fmla="*/ 38 w 38"/>
              <a:gd name="T19" fmla="*/ 11 h 24"/>
              <a:gd name="T20" fmla="*/ 37 w 38"/>
              <a:gd name="T21" fmla="*/ 13 h 24"/>
              <a:gd name="T22" fmla="*/ 37 w 38"/>
              <a:gd name="T23" fmla="*/ 13 h 24"/>
              <a:gd name="T24" fmla="*/ 1 w 38"/>
              <a:gd name="T25" fmla="*/ 24 h 24"/>
              <a:gd name="T26" fmla="*/ 1 w 38"/>
              <a:gd name="T27" fmla="*/ 24 h 24"/>
              <a:gd name="T28" fmla="*/ 0 w 38"/>
              <a:gd name="T29" fmla="*/ 23 h 24"/>
              <a:gd name="T30" fmla="*/ 0 w 38"/>
              <a:gd name="T31" fmla="*/ 19 h 24"/>
              <a:gd name="T32" fmla="*/ 0 w 38"/>
              <a:gd name="T33" fmla="*/ 19 h 24"/>
              <a:gd name="T34" fmla="*/ 0 w 38"/>
              <a:gd name="T35" fmla="*/ 15 h 24"/>
              <a:gd name="T36" fmla="*/ 0 w 38"/>
              <a:gd name="T37" fmla="*/ 15 h 24"/>
              <a:gd name="T38" fmla="*/ 0 w 38"/>
              <a:gd name="T39" fmla="*/ 11 h 24"/>
              <a:gd name="T40" fmla="*/ 1 w 38"/>
              <a:gd name="T41" fmla="*/ 9 h 24"/>
              <a:gd name="T42" fmla="*/ 1 w 38"/>
              <a:gd name="T43" fmla="*/ 9 h 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4">
                <a:moveTo>
                  <a:pt x="1" y="9"/>
                </a:moveTo>
                <a:lnTo>
                  <a:pt x="1" y="9"/>
                </a:lnTo>
                <a:lnTo>
                  <a:pt x="37" y="0"/>
                </a:lnTo>
                <a:lnTo>
                  <a:pt x="37" y="0"/>
                </a:lnTo>
                <a:lnTo>
                  <a:pt x="38" y="1"/>
                </a:lnTo>
                <a:lnTo>
                  <a:pt x="38" y="4"/>
                </a:lnTo>
                <a:lnTo>
                  <a:pt x="38" y="4"/>
                </a:lnTo>
                <a:lnTo>
                  <a:pt x="38" y="8"/>
                </a:lnTo>
                <a:lnTo>
                  <a:pt x="38" y="8"/>
                </a:lnTo>
                <a:lnTo>
                  <a:pt x="38" y="11"/>
                </a:lnTo>
                <a:lnTo>
                  <a:pt x="37" y="13"/>
                </a:lnTo>
                <a:lnTo>
                  <a:pt x="37" y="13"/>
                </a:lnTo>
                <a:lnTo>
                  <a:pt x="1" y="24"/>
                </a:lnTo>
                <a:lnTo>
                  <a:pt x="1" y="24"/>
                </a:lnTo>
                <a:lnTo>
                  <a:pt x="0" y="23"/>
                </a:lnTo>
                <a:lnTo>
                  <a:pt x="0" y="19"/>
                </a:lnTo>
                <a:lnTo>
                  <a:pt x="0" y="19"/>
                </a:lnTo>
                <a:lnTo>
                  <a:pt x="0" y="15"/>
                </a:lnTo>
                <a:lnTo>
                  <a:pt x="0" y="15"/>
                </a:lnTo>
                <a:lnTo>
                  <a:pt x="0" y="11"/>
                </a:lnTo>
                <a:lnTo>
                  <a:pt x="1" y="9"/>
                </a:lnTo>
                <a:lnTo>
                  <a:pt x="1" y="9"/>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6" name="Freeform 385">
            <a:extLst>
              <a:ext uri="{FF2B5EF4-FFF2-40B4-BE49-F238E27FC236}">
                <a16:creationId xmlns:a16="http://schemas.microsoft.com/office/drawing/2014/main" xmlns="" id="{B31BC02A-509A-425E-937D-88AF4AA2D475}"/>
              </a:ext>
            </a:extLst>
          </p:cNvPr>
          <p:cNvSpPr>
            <a:spLocks/>
          </p:cNvSpPr>
          <p:nvPr/>
        </p:nvSpPr>
        <p:spPr bwMode="auto">
          <a:xfrm>
            <a:off x="3369319" y="1522587"/>
            <a:ext cx="34584" cy="186718"/>
          </a:xfrm>
          <a:custGeom>
            <a:avLst/>
            <a:gdLst>
              <a:gd name="T0" fmla="*/ 6 w 57"/>
              <a:gd name="T1" fmla="*/ 1 h 337"/>
              <a:gd name="T2" fmla="*/ 6 w 57"/>
              <a:gd name="T3" fmla="*/ 1 h 337"/>
              <a:gd name="T4" fmla="*/ 54 w 57"/>
              <a:gd name="T5" fmla="*/ 25 h 337"/>
              <a:gd name="T6" fmla="*/ 54 w 57"/>
              <a:gd name="T7" fmla="*/ 25 h 337"/>
              <a:gd name="T8" fmla="*/ 57 w 57"/>
              <a:gd name="T9" fmla="*/ 26 h 337"/>
              <a:gd name="T10" fmla="*/ 57 w 57"/>
              <a:gd name="T11" fmla="*/ 28 h 337"/>
              <a:gd name="T12" fmla="*/ 57 w 57"/>
              <a:gd name="T13" fmla="*/ 30 h 337"/>
              <a:gd name="T14" fmla="*/ 57 w 57"/>
              <a:gd name="T15" fmla="*/ 30 h 337"/>
              <a:gd name="T16" fmla="*/ 57 w 57"/>
              <a:gd name="T17" fmla="*/ 172 h 337"/>
              <a:gd name="T18" fmla="*/ 57 w 57"/>
              <a:gd name="T19" fmla="*/ 172 h 337"/>
              <a:gd name="T20" fmla="*/ 56 w 57"/>
              <a:gd name="T21" fmla="*/ 312 h 337"/>
              <a:gd name="T22" fmla="*/ 56 w 57"/>
              <a:gd name="T23" fmla="*/ 312 h 337"/>
              <a:gd name="T24" fmla="*/ 56 w 57"/>
              <a:gd name="T25" fmla="*/ 315 h 337"/>
              <a:gd name="T26" fmla="*/ 55 w 57"/>
              <a:gd name="T27" fmla="*/ 316 h 337"/>
              <a:gd name="T28" fmla="*/ 53 w 57"/>
              <a:gd name="T29" fmla="*/ 318 h 337"/>
              <a:gd name="T30" fmla="*/ 53 w 57"/>
              <a:gd name="T31" fmla="*/ 318 h 337"/>
              <a:gd name="T32" fmla="*/ 3 w 57"/>
              <a:gd name="T33" fmla="*/ 337 h 337"/>
              <a:gd name="T34" fmla="*/ 3 w 57"/>
              <a:gd name="T35" fmla="*/ 337 h 337"/>
              <a:gd name="T36" fmla="*/ 2 w 57"/>
              <a:gd name="T37" fmla="*/ 337 h 337"/>
              <a:gd name="T38" fmla="*/ 1 w 57"/>
              <a:gd name="T39" fmla="*/ 336 h 337"/>
              <a:gd name="T40" fmla="*/ 0 w 57"/>
              <a:gd name="T41" fmla="*/ 334 h 337"/>
              <a:gd name="T42" fmla="*/ 0 w 57"/>
              <a:gd name="T43" fmla="*/ 331 h 337"/>
              <a:gd name="T44" fmla="*/ 0 w 57"/>
              <a:gd name="T45" fmla="*/ 331 h 337"/>
              <a:gd name="T46" fmla="*/ 1 w 57"/>
              <a:gd name="T47" fmla="*/ 168 h 337"/>
              <a:gd name="T48" fmla="*/ 1 w 57"/>
              <a:gd name="T49" fmla="*/ 168 h 337"/>
              <a:gd name="T50" fmla="*/ 2 w 57"/>
              <a:gd name="T51" fmla="*/ 4 h 337"/>
              <a:gd name="T52" fmla="*/ 2 w 57"/>
              <a:gd name="T53" fmla="*/ 4 h 337"/>
              <a:gd name="T54" fmla="*/ 2 w 57"/>
              <a:gd name="T55" fmla="*/ 1 h 337"/>
              <a:gd name="T56" fmla="*/ 3 w 57"/>
              <a:gd name="T57" fmla="*/ 0 h 337"/>
              <a:gd name="T58" fmla="*/ 4 w 57"/>
              <a:gd name="T59" fmla="*/ 0 h 337"/>
              <a:gd name="T60" fmla="*/ 6 w 57"/>
              <a:gd name="T61" fmla="*/ 1 h 337"/>
              <a:gd name="T62" fmla="*/ 6 w 57"/>
              <a:gd name="T63" fmla="*/ 1 h 3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57" h="337">
                <a:moveTo>
                  <a:pt x="6" y="1"/>
                </a:moveTo>
                <a:lnTo>
                  <a:pt x="6" y="1"/>
                </a:lnTo>
                <a:lnTo>
                  <a:pt x="54" y="25"/>
                </a:lnTo>
                <a:lnTo>
                  <a:pt x="54" y="25"/>
                </a:lnTo>
                <a:lnTo>
                  <a:pt x="57" y="26"/>
                </a:lnTo>
                <a:lnTo>
                  <a:pt x="57" y="28"/>
                </a:lnTo>
                <a:lnTo>
                  <a:pt x="57" y="30"/>
                </a:lnTo>
                <a:lnTo>
                  <a:pt x="57" y="30"/>
                </a:lnTo>
                <a:lnTo>
                  <a:pt x="57" y="172"/>
                </a:lnTo>
                <a:lnTo>
                  <a:pt x="57" y="172"/>
                </a:lnTo>
                <a:lnTo>
                  <a:pt x="56" y="312"/>
                </a:lnTo>
                <a:lnTo>
                  <a:pt x="56" y="312"/>
                </a:lnTo>
                <a:lnTo>
                  <a:pt x="56" y="315"/>
                </a:lnTo>
                <a:lnTo>
                  <a:pt x="55" y="316"/>
                </a:lnTo>
                <a:lnTo>
                  <a:pt x="53" y="318"/>
                </a:lnTo>
                <a:lnTo>
                  <a:pt x="53" y="318"/>
                </a:lnTo>
                <a:lnTo>
                  <a:pt x="3" y="337"/>
                </a:lnTo>
                <a:lnTo>
                  <a:pt x="3" y="337"/>
                </a:lnTo>
                <a:lnTo>
                  <a:pt x="2" y="337"/>
                </a:lnTo>
                <a:lnTo>
                  <a:pt x="1" y="336"/>
                </a:lnTo>
                <a:lnTo>
                  <a:pt x="0" y="334"/>
                </a:lnTo>
                <a:lnTo>
                  <a:pt x="0" y="331"/>
                </a:lnTo>
                <a:lnTo>
                  <a:pt x="0" y="331"/>
                </a:lnTo>
                <a:lnTo>
                  <a:pt x="1" y="168"/>
                </a:lnTo>
                <a:lnTo>
                  <a:pt x="1" y="168"/>
                </a:lnTo>
                <a:lnTo>
                  <a:pt x="2" y="4"/>
                </a:lnTo>
                <a:lnTo>
                  <a:pt x="2" y="4"/>
                </a:lnTo>
                <a:lnTo>
                  <a:pt x="2" y="1"/>
                </a:lnTo>
                <a:lnTo>
                  <a:pt x="3" y="0"/>
                </a:lnTo>
                <a:lnTo>
                  <a:pt x="4" y="0"/>
                </a:lnTo>
                <a:lnTo>
                  <a:pt x="6" y="1"/>
                </a:lnTo>
                <a:lnTo>
                  <a:pt x="6"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7" name="Freeform 386">
            <a:extLst>
              <a:ext uri="{FF2B5EF4-FFF2-40B4-BE49-F238E27FC236}">
                <a16:creationId xmlns:a16="http://schemas.microsoft.com/office/drawing/2014/main" xmlns="" id="{0C373951-00D3-4523-A800-2FFCD5DFBA75}"/>
              </a:ext>
            </a:extLst>
          </p:cNvPr>
          <p:cNvSpPr>
            <a:spLocks/>
          </p:cNvSpPr>
          <p:nvPr/>
        </p:nvSpPr>
        <p:spPr bwMode="auto">
          <a:xfrm>
            <a:off x="3375386" y="1540316"/>
            <a:ext cx="23056" cy="29919"/>
          </a:xfrm>
          <a:custGeom>
            <a:avLst/>
            <a:gdLst>
              <a:gd name="T0" fmla="*/ 2 w 38"/>
              <a:gd name="T1" fmla="*/ 0 h 54"/>
              <a:gd name="T2" fmla="*/ 2 w 38"/>
              <a:gd name="T3" fmla="*/ 0 h 54"/>
              <a:gd name="T4" fmla="*/ 36 w 38"/>
              <a:gd name="T5" fmla="*/ 15 h 54"/>
              <a:gd name="T6" fmla="*/ 36 w 38"/>
              <a:gd name="T7" fmla="*/ 15 h 54"/>
              <a:gd name="T8" fmla="*/ 37 w 38"/>
              <a:gd name="T9" fmla="*/ 16 h 54"/>
              <a:gd name="T10" fmla="*/ 38 w 38"/>
              <a:gd name="T11" fmla="*/ 19 h 54"/>
              <a:gd name="T12" fmla="*/ 38 w 38"/>
              <a:gd name="T13" fmla="*/ 19 h 54"/>
              <a:gd name="T14" fmla="*/ 38 w 38"/>
              <a:gd name="T15" fmla="*/ 50 h 54"/>
              <a:gd name="T16" fmla="*/ 38 w 38"/>
              <a:gd name="T17" fmla="*/ 50 h 54"/>
              <a:gd name="T18" fmla="*/ 37 w 38"/>
              <a:gd name="T19" fmla="*/ 52 h 54"/>
              <a:gd name="T20" fmla="*/ 36 w 38"/>
              <a:gd name="T21" fmla="*/ 54 h 54"/>
              <a:gd name="T22" fmla="*/ 36 w 38"/>
              <a:gd name="T23" fmla="*/ 54 h 54"/>
              <a:gd name="T24" fmla="*/ 2 w 38"/>
              <a:gd name="T25" fmla="*/ 43 h 54"/>
              <a:gd name="T26" fmla="*/ 2 w 38"/>
              <a:gd name="T27" fmla="*/ 43 h 54"/>
              <a:gd name="T28" fmla="*/ 1 w 38"/>
              <a:gd name="T29" fmla="*/ 41 h 54"/>
              <a:gd name="T30" fmla="*/ 0 w 38"/>
              <a:gd name="T31" fmla="*/ 38 h 54"/>
              <a:gd name="T32" fmla="*/ 0 w 38"/>
              <a:gd name="T33" fmla="*/ 38 h 54"/>
              <a:gd name="T34" fmla="*/ 1 w 38"/>
              <a:gd name="T35" fmla="*/ 3 h 54"/>
              <a:gd name="T36" fmla="*/ 1 w 38"/>
              <a:gd name="T37" fmla="*/ 3 h 54"/>
              <a:gd name="T38" fmla="*/ 1 w 38"/>
              <a:gd name="T39" fmla="*/ 0 h 54"/>
              <a:gd name="T40" fmla="*/ 2 w 38"/>
              <a:gd name="T41" fmla="*/ 0 h 54"/>
              <a:gd name="T42" fmla="*/ 2 w 38"/>
              <a:gd name="T43" fmla="*/ 0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54">
                <a:moveTo>
                  <a:pt x="2" y="0"/>
                </a:moveTo>
                <a:lnTo>
                  <a:pt x="2" y="0"/>
                </a:lnTo>
                <a:lnTo>
                  <a:pt x="36" y="15"/>
                </a:lnTo>
                <a:lnTo>
                  <a:pt x="36" y="15"/>
                </a:lnTo>
                <a:lnTo>
                  <a:pt x="37" y="16"/>
                </a:lnTo>
                <a:lnTo>
                  <a:pt x="38" y="19"/>
                </a:lnTo>
                <a:lnTo>
                  <a:pt x="38" y="19"/>
                </a:lnTo>
                <a:lnTo>
                  <a:pt x="38" y="50"/>
                </a:lnTo>
                <a:lnTo>
                  <a:pt x="38" y="50"/>
                </a:lnTo>
                <a:lnTo>
                  <a:pt x="37" y="52"/>
                </a:lnTo>
                <a:lnTo>
                  <a:pt x="36" y="54"/>
                </a:lnTo>
                <a:lnTo>
                  <a:pt x="36" y="54"/>
                </a:lnTo>
                <a:lnTo>
                  <a:pt x="2" y="43"/>
                </a:lnTo>
                <a:lnTo>
                  <a:pt x="2" y="43"/>
                </a:lnTo>
                <a:lnTo>
                  <a:pt x="1" y="41"/>
                </a:lnTo>
                <a:lnTo>
                  <a:pt x="0" y="38"/>
                </a:lnTo>
                <a:lnTo>
                  <a:pt x="0" y="38"/>
                </a:lnTo>
                <a:lnTo>
                  <a:pt x="1" y="3"/>
                </a:lnTo>
                <a:lnTo>
                  <a:pt x="1" y="3"/>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8" name="Freeform 387">
            <a:extLst>
              <a:ext uri="{FF2B5EF4-FFF2-40B4-BE49-F238E27FC236}">
                <a16:creationId xmlns:a16="http://schemas.microsoft.com/office/drawing/2014/main" xmlns="" id="{CE07F081-B41E-45F8-805F-17B38D97C3A3}"/>
              </a:ext>
            </a:extLst>
          </p:cNvPr>
          <p:cNvSpPr>
            <a:spLocks/>
          </p:cNvSpPr>
          <p:nvPr/>
        </p:nvSpPr>
        <p:spPr bwMode="auto">
          <a:xfrm>
            <a:off x="3375386" y="1573006"/>
            <a:ext cx="22449" cy="26595"/>
          </a:xfrm>
          <a:custGeom>
            <a:avLst/>
            <a:gdLst>
              <a:gd name="T0" fmla="*/ 2 w 37"/>
              <a:gd name="T1" fmla="*/ 0 h 48"/>
              <a:gd name="T2" fmla="*/ 2 w 37"/>
              <a:gd name="T3" fmla="*/ 0 h 48"/>
              <a:gd name="T4" fmla="*/ 36 w 37"/>
              <a:gd name="T5" fmla="*/ 9 h 48"/>
              <a:gd name="T6" fmla="*/ 36 w 37"/>
              <a:gd name="T7" fmla="*/ 9 h 48"/>
              <a:gd name="T8" fmla="*/ 37 w 37"/>
              <a:gd name="T9" fmla="*/ 10 h 48"/>
              <a:gd name="T10" fmla="*/ 37 w 37"/>
              <a:gd name="T11" fmla="*/ 13 h 48"/>
              <a:gd name="T12" fmla="*/ 37 w 37"/>
              <a:gd name="T13" fmla="*/ 13 h 48"/>
              <a:gd name="T14" fmla="*/ 37 w 37"/>
              <a:gd name="T15" fmla="*/ 45 h 48"/>
              <a:gd name="T16" fmla="*/ 37 w 37"/>
              <a:gd name="T17" fmla="*/ 45 h 48"/>
              <a:gd name="T18" fmla="*/ 37 w 37"/>
              <a:gd name="T19" fmla="*/ 47 h 48"/>
              <a:gd name="T20" fmla="*/ 36 w 37"/>
              <a:gd name="T21" fmla="*/ 48 h 48"/>
              <a:gd name="T22" fmla="*/ 36 w 37"/>
              <a:gd name="T23" fmla="*/ 48 h 48"/>
              <a:gd name="T24" fmla="*/ 2 w 37"/>
              <a:gd name="T25" fmla="*/ 43 h 48"/>
              <a:gd name="T26" fmla="*/ 2 w 37"/>
              <a:gd name="T27" fmla="*/ 43 h 48"/>
              <a:gd name="T28" fmla="*/ 1 w 37"/>
              <a:gd name="T29" fmla="*/ 42 h 48"/>
              <a:gd name="T30" fmla="*/ 0 w 37"/>
              <a:gd name="T31" fmla="*/ 37 h 48"/>
              <a:gd name="T32" fmla="*/ 0 w 37"/>
              <a:gd name="T33" fmla="*/ 37 h 48"/>
              <a:gd name="T34" fmla="*/ 0 w 37"/>
              <a:gd name="T35" fmla="*/ 4 h 48"/>
              <a:gd name="T36" fmla="*/ 0 w 37"/>
              <a:gd name="T37" fmla="*/ 4 h 48"/>
              <a:gd name="T38" fmla="*/ 1 w 37"/>
              <a:gd name="T39" fmla="*/ 1 h 48"/>
              <a:gd name="T40" fmla="*/ 2 w 37"/>
              <a:gd name="T41" fmla="*/ 0 h 48"/>
              <a:gd name="T42" fmla="*/ 2 w 37"/>
              <a:gd name="T43"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48">
                <a:moveTo>
                  <a:pt x="2" y="0"/>
                </a:moveTo>
                <a:lnTo>
                  <a:pt x="2" y="0"/>
                </a:lnTo>
                <a:lnTo>
                  <a:pt x="36" y="9"/>
                </a:lnTo>
                <a:lnTo>
                  <a:pt x="36" y="9"/>
                </a:lnTo>
                <a:lnTo>
                  <a:pt x="37" y="10"/>
                </a:lnTo>
                <a:lnTo>
                  <a:pt x="37" y="13"/>
                </a:lnTo>
                <a:lnTo>
                  <a:pt x="37" y="13"/>
                </a:lnTo>
                <a:lnTo>
                  <a:pt x="37" y="45"/>
                </a:lnTo>
                <a:lnTo>
                  <a:pt x="37" y="45"/>
                </a:lnTo>
                <a:lnTo>
                  <a:pt x="37" y="47"/>
                </a:lnTo>
                <a:lnTo>
                  <a:pt x="36" y="48"/>
                </a:lnTo>
                <a:lnTo>
                  <a:pt x="36" y="48"/>
                </a:lnTo>
                <a:lnTo>
                  <a:pt x="2" y="43"/>
                </a:lnTo>
                <a:lnTo>
                  <a:pt x="2" y="43"/>
                </a:lnTo>
                <a:lnTo>
                  <a:pt x="1" y="42"/>
                </a:lnTo>
                <a:lnTo>
                  <a:pt x="0" y="37"/>
                </a:lnTo>
                <a:lnTo>
                  <a:pt x="0" y="37"/>
                </a:lnTo>
                <a:lnTo>
                  <a:pt x="0" y="4"/>
                </a:lnTo>
                <a:lnTo>
                  <a:pt x="0" y="4"/>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59" name="Freeform 388">
            <a:extLst>
              <a:ext uri="{FF2B5EF4-FFF2-40B4-BE49-F238E27FC236}">
                <a16:creationId xmlns:a16="http://schemas.microsoft.com/office/drawing/2014/main" xmlns="" id="{E2EB4FAA-1BA7-4894-A79B-36F14F823E34}"/>
              </a:ext>
            </a:extLst>
          </p:cNvPr>
          <p:cNvSpPr>
            <a:spLocks/>
          </p:cNvSpPr>
          <p:nvPr/>
        </p:nvSpPr>
        <p:spPr bwMode="auto">
          <a:xfrm>
            <a:off x="3375386" y="1605141"/>
            <a:ext cx="22449" cy="23825"/>
          </a:xfrm>
          <a:custGeom>
            <a:avLst/>
            <a:gdLst>
              <a:gd name="T0" fmla="*/ 1 w 37"/>
              <a:gd name="T1" fmla="*/ 0 h 43"/>
              <a:gd name="T2" fmla="*/ 1 w 37"/>
              <a:gd name="T3" fmla="*/ 0 h 43"/>
              <a:gd name="T4" fmla="*/ 36 w 37"/>
              <a:gd name="T5" fmla="*/ 4 h 43"/>
              <a:gd name="T6" fmla="*/ 36 w 37"/>
              <a:gd name="T7" fmla="*/ 4 h 43"/>
              <a:gd name="T8" fmla="*/ 37 w 37"/>
              <a:gd name="T9" fmla="*/ 5 h 43"/>
              <a:gd name="T10" fmla="*/ 37 w 37"/>
              <a:gd name="T11" fmla="*/ 9 h 43"/>
              <a:gd name="T12" fmla="*/ 37 w 37"/>
              <a:gd name="T13" fmla="*/ 9 h 43"/>
              <a:gd name="T14" fmla="*/ 37 w 37"/>
              <a:gd name="T15" fmla="*/ 39 h 43"/>
              <a:gd name="T16" fmla="*/ 37 w 37"/>
              <a:gd name="T17" fmla="*/ 39 h 43"/>
              <a:gd name="T18" fmla="*/ 37 w 37"/>
              <a:gd name="T19" fmla="*/ 42 h 43"/>
              <a:gd name="T20" fmla="*/ 35 w 37"/>
              <a:gd name="T21" fmla="*/ 43 h 43"/>
              <a:gd name="T22" fmla="*/ 35 w 37"/>
              <a:gd name="T23" fmla="*/ 43 h 43"/>
              <a:gd name="T24" fmla="*/ 1 w 37"/>
              <a:gd name="T25" fmla="*/ 43 h 43"/>
              <a:gd name="T26" fmla="*/ 1 w 37"/>
              <a:gd name="T27" fmla="*/ 43 h 43"/>
              <a:gd name="T28" fmla="*/ 0 w 37"/>
              <a:gd name="T29" fmla="*/ 42 h 43"/>
              <a:gd name="T30" fmla="*/ 0 w 37"/>
              <a:gd name="T31" fmla="*/ 39 h 43"/>
              <a:gd name="T32" fmla="*/ 0 w 37"/>
              <a:gd name="T33" fmla="*/ 39 h 43"/>
              <a:gd name="T34" fmla="*/ 0 w 37"/>
              <a:gd name="T35" fmla="*/ 4 h 43"/>
              <a:gd name="T36" fmla="*/ 0 w 37"/>
              <a:gd name="T37" fmla="*/ 4 h 43"/>
              <a:gd name="T38" fmla="*/ 0 w 37"/>
              <a:gd name="T39" fmla="*/ 1 h 43"/>
              <a:gd name="T40" fmla="*/ 1 w 37"/>
              <a:gd name="T41" fmla="*/ 0 h 43"/>
              <a:gd name="T42" fmla="*/ 1 w 37"/>
              <a:gd name="T43" fmla="*/ 0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43">
                <a:moveTo>
                  <a:pt x="1" y="0"/>
                </a:moveTo>
                <a:lnTo>
                  <a:pt x="1" y="0"/>
                </a:lnTo>
                <a:lnTo>
                  <a:pt x="36" y="4"/>
                </a:lnTo>
                <a:lnTo>
                  <a:pt x="36" y="4"/>
                </a:lnTo>
                <a:lnTo>
                  <a:pt x="37" y="5"/>
                </a:lnTo>
                <a:lnTo>
                  <a:pt x="37" y="9"/>
                </a:lnTo>
                <a:lnTo>
                  <a:pt x="37" y="9"/>
                </a:lnTo>
                <a:lnTo>
                  <a:pt x="37" y="39"/>
                </a:lnTo>
                <a:lnTo>
                  <a:pt x="37" y="39"/>
                </a:lnTo>
                <a:lnTo>
                  <a:pt x="37" y="42"/>
                </a:lnTo>
                <a:lnTo>
                  <a:pt x="35" y="43"/>
                </a:lnTo>
                <a:lnTo>
                  <a:pt x="35" y="43"/>
                </a:lnTo>
                <a:lnTo>
                  <a:pt x="1" y="43"/>
                </a:lnTo>
                <a:lnTo>
                  <a:pt x="1" y="43"/>
                </a:lnTo>
                <a:lnTo>
                  <a:pt x="0" y="42"/>
                </a:lnTo>
                <a:lnTo>
                  <a:pt x="0" y="39"/>
                </a:lnTo>
                <a:lnTo>
                  <a:pt x="0" y="39"/>
                </a:lnTo>
                <a:lnTo>
                  <a:pt x="0" y="4"/>
                </a:lnTo>
                <a:lnTo>
                  <a:pt x="0" y="4"/>
                </a:lnTo>
                <a:lnTo>
                  <a:pt x="0" y="1"/>
                </a:lnTo>
                <a:lnTo>
                  <a:pt x="1" y="0"/>
                </a:lnTo>
                <a:lnTo>
                  <a:pt x="1"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0" name="Freeform 389">
            <a:extLst>
              <a:ext uri="{FF2B5EF4-FFF2-40B4-BE49-F238E27FC236}">
                <a16:creationId xmlns:a16="http://schemas.microsoft.com/office/drawing/2014/main" xmlns="" id="{54852235-CC75-441D-9EDB-080EC2E90FD9}"/>
              </a:ext>
            </a:extLst>
          </p:cNvPr>
          <p:cNvSpPr>
            <a:spLocks/>
          </p:cNvSpPr>
          <p:nvPr/>
        </p:nvSpPr>
        <p:spPr bwMode="auto">
          <a:xfrm>
            <a:off x="3374779" y="1637276"/>
            <a:ext cx="23056" cy="24379"/>
          </a:xfrm>
          <a:custGeom>
            <a:avLst/>
            <a:gdLst>
              <a:gd name="T0" fmla="*/ 2 w 38"/>
              <a:gd name="T1" fmla="*/ 1 h 44"/>
              <a:gd name="T2" fmla="*/ 2 w 38"/>
              <a:gd name="T3" fmla="*/ 1 h 44"/>
              <a:gd name="T4" fmla="*/ 36 w 38"/>
              <a:gd name="T5" fmla="*/ 0 h 44"/>
              <a:gd name="T6" fmla="*/ 36 w 38"/>
              <a:gd name="T7" fmla="*/ 0 h 44"/>
              <a:gd name="T8" fmla="*/ 37 w 38"/>
              <a:gd name="T9" fmla="*/ 1 h 44"/>
              <a:gd name="T10" fmla="*/ 38 w 38"/>
              <a:gd name="T11" fmla="*/ 4 h 44"/>
              <a:gd name="T12" fmla="*/ 38 w 38"/>
              <a:gd name="T13" fmla="*/ 4 h 44"/>
              <a:gd name="T14" fmla="*/ 38 w 38"/>
              <a:gd name="T15" fmla="*/ 34 h 44"/>
              <a:gd name="T16" fmla="*/ 38 w 38"/>
              <a:gd name="T17" fmla="*/ 34 h 44"/>
              <a:gd name="T18" fmla="*/ 37 w 38"/>
              <a:gd name="T19" fmla="*/ 37 h 44"/>
              <a:gd name="T20" fmla="*/ 36 w 38"/>
              <a:gd name="T21" fmla="*/ 38 h 44"/>
              <a:gd name="T22" fmla="*/ 36 w 38"/>
              <a:gd name="T23" fmla="*/ 38 h 44"/>
              <a:gd name="T24" fmla="*/ 2 w 38"/>
              <a:gd name="T25" fmla="*/ 44 h 44"/>
              <a:gd name="T26" fmla="*/ 2 w 38"/>
              <a:gd name="T27" fmla="*/ 44 h 44"/>
              <a:gd name="T28" fmla="*/ 1 w 38"/>
              <a:gd name="T29" fmla="*/ 43 h 44"/>
              <a:gd name="T30" fmla="*/ 0 w 38"/>
              <a:gd name="T31" fmla="*/ 39 h 44"/>
              <a:gd name="T32" fmla="*/ 0 w 38"/>
              <a:gd name="T33" fmla="*/ 39 h 44"/>
              <a:gd name="T34" fmla="*/ 1 w 38"/>
              <a:gd name="T35" fmla="*/ 6 h 44"/>
              <a:gd name="T36" fmla="*/ 1 w 38"/>
              <a:gd name="T37" fmla="*/ 6 h 44"/>
              <a:gd name="T38" fmla="*/ 1 w 38"/>
              <a:gd name="T39" fmla="*/ 2 h 44"/>
              <a:gd name="T40" fmla="*/ 2 w 38"/>
              <a:gd name="T41" fmla="*/ 1 h 44"/>
              <a:gd name="T42" fmla="*/ 2 w 38"/>
              <a:gd name="T43" fmla="*/ 1 h 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44">
                <a:moveTo>
                  <a:pt x="2" y="1"/>
                </a:moveTo>
                <a:lnTo>
                  <a:pt x="2" y="1"/>
                </a:lnTo>
                <a:lnTo>
                  <a:pt x="36" y="0"/>
                </a:lnTo>
                <a:lnTo>
                  <a:pt x="36" y="0"/>
                </a:lnTo>
                <a:lnTo>
                  <a:pt x="37" y="1"/>
                </a:lnTo>
                <a:lnTo>
                  <a:pt x="38" y="4"/>
                </a:lnTo>
                <a:lnTo>
                  <a:pt x="38" y="4"/>
                </a:lnTo>
                <a:lnTo>
                  <a:pt x="38" y="34"/>
                </a:lnTo>
                <a:lnTo>
                  <a:pt x="38" y="34"/>
                </a:lnTo>
                <a:lnTo>
                  <a:pt x="37" y="37"/>
                </a:lnTo>
                <a:lnTo>
                  <a:pt x="36" y="38"/>
                </a:lnTo>
                <a:lnTo>
                  <a:pt x="36" y="38"/>
                </a:lnTo>
                <a:lnTo>
                  <a:pt x="2" y="44"/>
                </a:lnTo>
                <a:lnTo>
                  <a:pt x="2" y="44"/>
                </a:lnTo>
                <a:lnTo>
                  <a:pt x="1" y="43"/>
                </a:lnTo>
                <a:lnTo>
                  <a:pt x="0" y="39"/>
                </a:lnTo>
                <a:lnTo>
                  <a:pt x="0" y="39"/>
                </a:lnTo>
                <a:lnTo>
                  <a:pt x="1" y="6"/>
                </a:lnTo>
                <a:lnTo>
                  <a:pt x="1" y="6"/>
                </a:lnTo>
                <a:lnTo>
                  <a:pt x="1" y="2"/>
                </a:lnTo>
                <a:lnTo>
                  <a:pt x="2" y="1"/>
                </a:lnTo>
                <a:lnTo>
                  <a:pt x="2"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1" name="Freeform 390">
            <a:extLst>
              <a:ext uri="{FF2B5EF4-FFF2-40B4-BE49-F238E27FC236}">
                <a16:creationId xmlns:a16="http://schemas.microsoft.com/office/drawing/2014/main" xmlns="" id="{FDB32A2F-9AB0-4E63-98AB-53986D25F710}"/>
              </a:ext>
            </a:extLst>
          </p:cNvPr>
          <p:cNvSpPr>
            <a:spLocks/>
          </p:cNvSpPr>
          <p:nvPr/>
        </p:nvSpPr>
        <p:spPr bwMode="auto">
          <a:xfrm>
            <a:off x="3374779" y="1669965"/>
            <a:ext cx="23056" cy="11635"/>
          </a:xfrm>
          <a:custGeom>
            <a:avLst/>
            <a:gdLst>
              <a:gd name="T0" fmla="*/ 2 w 38"/>
              <a:gd name="T1" fmla="*/ 8 h 21"/>
              <a:gd name="T2" fmla="*/ 2 w 38"/>
              <a:gd name="T3" fmla="*/ 8 h 21"/>
              <a:gd name="T4" fmla="*/ 36 w 38"/>
              <a:gd name="T5" fmla="*/ 0 h 21"/>
              <a:gd name="T6" fmla="*/ 36 w 38"/>
              <a:gd name="T7" fmla="*/ 0 h 21"/>
              <a:gd name="T8" fmla="*/ 37 w 38"/>
              <a:gd name="T9" fmla="*/ 1 h 21"/>
              <a:gd name="T10" fmla="*/ 38 w 38"/>
              <a:gd name="T11" fmla="*/ 4 h 21"/>
              <a:gd name="T12" fmla="*/ 38 w 38"/>
              <a:gd name="T13" fmla="*/ 4 h 21"/>
              <a:gd name="T14" fmla="*/ 38 w 38"/>
              <a:gd name="T15" fmla="*/ 8 h 21"/>
              <a:gd name="T16" fmla="*/ 38 w 38"/>
              <a:gd name="T17" fmla="*/ 8 h 21"/>
              <a:gd name="T18" fmla="*/ 37 w 38"/>
              <a:gd name="T19" fmla="*/ 11 h 21"/>
              <a:gd name="T20" fmla="*/ 36 w 38"/>
              <a:gd name="T21" fmla="*/ 12 h 21"/>
              <a:gd name="T22" fmla="*/ 36 w 38"/>
              <a:gd name="T23" fmla="*/ 12 h 21"/>
              <a:gd name="T24" fmla="*/ 2 w 38"/>
              <a:gd name="T25" fmla="*/ 21 h 21"/>
              <a:gd name="T26" fmla="*/ 2 w 38"/>
              <a:gd name="T27" fmla="*/ 21 h 21"/>
              <a:gd name="T28" fmla="*/ 1 w 38"/>
              <a:gd name="T29" fmla="*/ 19 h 21"/>
              <a:gd name="T30" fmla="*/ 0 w 38"/>
              <a:gd name="T31" fmla="*/ 16 h 21"/>
              <a:gd name="T32" fmla="*/ 0 w 38"/>
              <a:gd name="T33" fmla="*/ 16 h 21"/>
              <a:gd name="T34" fmla="*/ 0 w 38"/>
              <a:gd name="T35" fmla="*/ 13 h 21"/>
              <a:gd name="T36" fmla="*/ 0 w 38"/>
              <a:gd name="T37" fmla="*/ 13 h 21"/>
              <a:gd name="T38" fmla="*/ 1 w 38"/>
              <a:gd name="T39" fmla="*/ 10 h 21"/>
              <a:gd name="T40" fmla="*/ 2 w 38"/>
              <a:gd name="T41" fmla="*/ 8 h 21"/>
              <a:gd name="T42" fmla="*/ 2 w 38"/>
              <a:gd name="T43" fmla="*/ 8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1">
                <a:moveTo>
                  <a:pt x="2" y="8"/>
                </a:moveTo>
                <a:lnTo>
                  <a:pt x="2" y="8"/>
                </a:lnTo>
                <a:lnTo>
                  <a:pt x="36" y="0"/>
                </a:lnTo>
                <a:lnTo>
                  <a:pt x="36" y="0"/>
                </a:lnTo>
                <a:lnTo>
                  <a:pt x="37" y="1"/>
                </a:lnTo>
                <a:lnTo>
                  <a:pt x="38" y="4"/>
                </a:lnTo>
                <a:lnTo>
                  <a:pt x="38" y="4"/>
                </a:lnTo>
                <a:lnTo>
                  <a:pt x="38" y="8"/>
                </a:lnTo>
                <a:lnTo>
                  <a:pt x="38" y="8"/>
                </a:lnTo>
                <a:lnTo>
                  <a:pt x="37" y="11"/>
                </a:lnTo>
                <a:lnTo>
                  <a:pt x="36" y="12"/>
                </a:lnTo>
                <a:lnTo>
                  <a:pt x="36" y="12"/>
                </a:lnTo>
                <a:lnTo>
                  <a:pt x="2" y="21"/>
                </a:lnTo>
                <a:lnTo>
                  <a:pt x="2" y="21"/>
                </a:lnTo>
                <a:lnTo>
                  <a:pt x="1" y="19"/>
                </a:lnTo>
                <a:lnTo>
                  <a:pt x="0" y="16"/>
                </a:lnTo>
                <a:lnTo>
                  <a:pt x="0" y="16"/>
                </a:lnTo>
                <a:lnTo>
                  <a:pt x="0" y="13"/>
                </a:lnTo>
                <a:lnTo>
                  <a:pt x="0" y="13"/>
                </a:lnTo>
                <a:lnTo>
                  <a:pt x="1" y="10"/>
                </a:lnTo>
                <a:lnTo>
                  <a:pt x="2" y="8"/>
                </a:lnTo>
                <a:lnTo>
                  <a:pt x="2" y="8"/>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2" name="Freeform 391">
            <a:extLst>
              <a:ext uri="{FF2B5EF4-FFF2-40B4-BE49-F238E27FC236}">
                <a16:creationId xmlns:a16="http://schemas.microsoft.com/office/drawing/2014/main" xmlns="" id="{240363BE-7E21-4C76-8071-0483C990541A}"/>
              </a:ext>
            </a:extLst>
          </p:cNvPr>
          <p:cNvSpPr>
            <a:spLocks/>
          </p:cNvSpPr>
          <p:nvPr/>
        </p:nvSpPr>
        <p:spPr bwMode="auto">
          <a:xfrm>
            <a:off x="3374779" y="1681048"/>
            <a:ext cx="23056" cy="12189"/>
          </a:xfrm>
          <a:custGeom>
            <a:avLst/>
            <a:gdLst>
              <a:gd name="T0" fmla="*/ 2 w 38"/>
              <a:gd name="T1" fmla="*/ 9 h 22"/>
              <a:gd name="T2" fmla="*/ 2 w 38"/>
              <a:gd name="T3" fmla="*/ 9 h 22"/>
              <a:gd name="T4" fmla="*/ 36 w 38"/>
              <a:gd name="T5" fmla="*/ 0 h 22"/>
              <a:gd name="T6" fmla="*/ 36 w 38"/>
              <a:gd name="T7" fmla="*/ 0 h 22"/>
              <a:gd name="T8" fmla="*/ 37 w 38"/>
              <a:gd name="T9" fmla="*/ 1 h 22"/>
              <a:gd name="T10" fmla="*/ 38 w 38"/>
              <a:gd name="T11" fmla="*/ 3 h 22"/>
              <a:gd name="T12" fmla="*/ 38 w 38"/>
              <a:gd name="T13" fmla="*/ 3 h 22"/>
              <a:gd name="T14" fmla="*/ 38 w 38"/>
              <a:gd name="T15" fmla="*/ 6 h 22"/>
              <a:gd name="T16" fmla="*/ 38 w 38"/>
              <a:gd name="T17" fmla="*/ 6 h 22"/>
              <a:gd name="T18" fmla="*/ 37 w 38"/>
              <a:gd name="T19" fmla="*/ 9 h 22"/>
              <a:gd name="T20" fmla="*/ 36 w 38"/>
              <a:gd name="T21" fmla="*/ 12 h 22"/>
              <a:gd name="T22" fmla="*/ 36 w 38"/>
              <a:gd name="T23" fmla="*/ 12 h 22"/>
              <a:gd name="T24" fmla="*/ 2 w 38"/>
              <a:gd name="T25" fmla="*/ 22 h 22"/>
              <a:gd name="T26" fmla="*/ 2 w 38"/>
              <a:gd name="T27" fmla="*/ 22 h 22"/>
              <a:gd name="T28" fmla="*/ 1 w 38"/>
              <a:gd name="T29" fmla="*/ 21 h 22"/>
              <a:gd name="T30" fmla="*/ 0 w 38"/>
              <a:gd name="T31" fmla="*/ 18 h 22"/>
              <a:gd name="T32" fmla="*/ 0 w 38"/>
              <a:gd name="T33" fmla="*/ 18 h 22"/>
              <a:gd name="T34" fmla="*/ 0 w 38"/>
              <a:gd name="T35" fmla="*/ 15 h 22"/>
              <a:gd name="T36" fmla="*/ 0 w 38"/>
              <a:gd name="T37" fmla="*/ 15 h 22"/>
              <a:gd name="T38" fmla="*/ 1 w 38"/>
              <a:gd name="T39" fmla="*/ 11 h 22"/>
              <a:gd name="T40" fmla="*/ 2 w 38"/>
              <a:gd name="T41" fmla="*/ 9 h 22"/>
              <a:gd name="T42" fmla="*/ 2 w 38"/>
              <a:gd name="T43" fmla="*/ 9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2">
                <a:moveTo>
                  <a:pt x="2" y="9"/>
                </a:moveTo>
                <a:lnTo>
                  <a:pt x="2" y="9"/>
                </a:lnTo>
                <a:lnTo>
                  <a:pt x="36" y="0"/>
                </a:lnTo>
                <a:lnTo>
                  <a:pt x="36" y="0"/>
                </a:lnTo>
                <a:lnTo>
                  <a:pt x="37" y="1"/>
                </a:lnTo>
                <a:lnTo>
                  <a:pt x="38" y="3"/>
                </a:lnTo>
                <a:lnTo>
                  <a:pt x="38" y="3"/>
                </a:lnTo>
                <a:lnTo>
                  <a:pt x="38" y="6"/>
                </a:lnTo>
                <a:lnTo>
                  <a:pt x="38" y="6"/>
                </a:lnTo>
                <a:lnTo>
                  <a:pt x="37" y="9"/>
                </a:lnTo>
                <a:lnTo>
                  <a:pt x="36" y="12"/>
                </a:lnTo>
                <a:lnTo>
                  <a:pt x="36" y="12"/>
                </a:lnTo>
                <a:lnTo>
                  <a:pt x="2" y="22"/>
                </a:lnTo>
                <a:lnTo>
                  <a:pt x="2" y="22"/>
                </a:lnTo>
                <a:lnTo>
                  <a:pt x="1" y="21"/>
                </a:lnTo>
                <a:lnTo>
                  <a:pt x="0" y="18"/>
                </a:lnTo>
                <a:lnTo>
                  <a:pt x="0" y="18"/>
                </a:lnTo>
                <a:lnTo>
                  <a:pt x="0" y="15"/>
                </a:lnTo>
                <a:lnTo>
                  <a:pt x="0" y="15"/>
                </a:lnTo>
                <a:lnTo>
                  <a:pt x="1" y="11"/>
                </a:lnTo>
                <a:lnTo>
                  <a:pt x="2" y="9"/>
                </a:lnTo>
                <a:lnTo>
                  <a:pt x="2" y="9"/>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3" name="Freeform 392">
            <a:extLst>
              <a:ext uri="{FF2B5EF4-FFF2-40B4-BE49-F238E27FC236}">
                <a16:creationId xmlns:a16="http://schemas.microsoft.com/office/drawing/2014/main" xmlns="" id="{2670881B-16F9-475A-8DFC-2E2E4260659C}"/>
              </a:ext>
            </a:extLst>
          </p:cNvPr>
          <p:cNvSpPr>
            <a:spLocks/>
          </p:cNvSpPr>
          <p:nvPr/>
        </p:nvSpPr>
        <p:spPr bwMode="auto">
          <a:xfrm>
            <a:off x="3407542" y="1539762"/>
            <a:ext cx="33370" cy="156244"/>
          </a:xfrm>
          <a:custGeom>
            <a:avLst/>
            <a:gdLst>
              <a:gd name="T0" fmla="*/ 4 w 55"/>
              <a:gd name="T1" fmla="*/ 1 h 282"/>
              <a:gd name="T2" fmla="*/ 4 w 55"/>
              <a:gd name="T3" fmla="*/ 1 h 282"/>
              <a:gd name="T4" fmla="*/ 52 w 55"/>
              <a:gd name="T5" fmla="*/ 25 h 282"/>
              <a:gd name="T6" fmla="*/ 52 w 55"/>
              <a:gd name="T7" fmla="*/ 25 h 282"/>
              <a:gd name="T8" fmla="*/ 55 w 55"/>
              <a:gd name="T9" fmla="*/ 26 h 282"/>
              <a:gd name="T10" fmla="*/ 55 w 55"/>
              <a:gd name="T11" fmla="*/ 28 h 282"/>
              <a:gd name="T12" fmla="*/ 55 w 55"/>
              <a:gd name="T13" fmla="*/ 30 h 282"/>
              <a:gd name="T14" fmla="*/ 55 w 55"/>
              <a:gd name="T15" fmla="*/ 30 h 282"/>
              <a:gd name="T16" fmla="*/ 55 w 55"/>
              <a:gd name="T17" fmla="*/ 145 h 282"/>
              <a:gd name="T18" fmla="*/ 55 w 55"/>
              <a:gd name="T19" fmla="*/ 145 h 282"/>
              <a:gd name="T20" fmla="*/ 55 w 55"/>
              <a:gd name="T21" fmla="*/ 257 h 282"/>
              <a:gd name="T22" fmla="*/ 55 w 55"/>
              <a:gd name="T23" fmla="*/ 257 h 282"/>
              <a:gd name="T24" fmla="*/ 54 w 55"/>
              <a:gd name="T25" fmla="*/ 260 h 282"/>
              <a:gd name="T26" fmla="*/ 54 w 55"/>
              <a:gd name="T27" fmla="*/ 262 h 282"/>
              <a:gd name="T28" fmla="*/ 51 w 55"/>
              <a:gd name="T29" fmla="*/ 264 h 282"/>
              <a:gd name="T30" fmla="*/ 51 w 55"/>
              <a:gd name="T31" fmla="*/ 264 h 282"/>
              <a:gd name="T32" fmla="*/ 3 w 55"/>
              <a:gd name="T33" fmla="*/ 282 h 282"/>
              <a:gd name="T34" fmla="*/ 3 w 55"/>
              <a:gd name="T35" fmla="*/ 282 h 282"/>
              <a:gd name="T36" fmla="*/ 1 w 55"/>
              <a:gd name="T37" fmla="*/ 282 h 282"/>
              <a:gd name="T38" fmla="*/ 0 w 55"/>
              <a:gd name="T39" fmla="*/ 281 h 282"/>
              <a:gd name="T40" fmla="*/ 0 w 55"/>
              <a:gd name="T41" fmla="*/ 275 h 282"/>
              <a:gd name="T42" fmla="*/ 0 w 55"/>
              <a:gd name="T43" fmla="*/ 275 h 282"/>
              <a:gd name="T44" fmla="*/ 0 w 55"/>
              <a:gd name="T45" fmla="*/ 141 h 282"/>
              <a:gd name="T46" fmla="*/ 0 w 55"/>
              <a:gd name="T47" fmla="*/ 141 h 282"/>
              <a:gd name="T48" fmla="*/ 1 w 55"/>
              <a:gd name="T49" fmla="*/ 4 h 282"/>
              <a:gd name="T50" fmla="*/ 1 w 55"/>
              <a:gd name="T51" fmla="*/ 4 h 282"/>
              <a:gd name="T52" fmla="*/ 1 w 55"/>
              <a:gd name="T53" fmla="*/ 2 h 282"/>
              <a:gd name="T54" fmla="*/ 2 w 55"/>
              <a:gd name="T55" fmla="*/ 0 h 282"/>
              <a:gd name="T56" fmla="*/ 3 w 55"/>
              <a:gd name="T57" fmla="*/ 0 h 282"/>
              <a:gd name="T58" fmla="*/ 4 w 55"/>
              <a:gd name="T59" fmla="*/ 1 h 282"/>
              <a:gd name="T60" fmla="*/ 4 w 55"/>
              <a:gd name="T61" fmla="*/ 1 h 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55" h="282">
                <a:moveTo>
                  <a:pt x="4" y="1"/>
                </a:moveTo>
                <a:lnTo>
                  <a:pt x="4" y="1"/>
                </a:lnTo>
                <a:lnTo>
                  <a:pt x="52" y="25"/>
                </a:lnTo>
                <a:lnTo>
                  <a:pt x="52" y="25"/>
                </a:lnTo>
                <a:lnTo>
                  <a:pt x="55" y="26"/>
                </a:lnTo>
                <a:lnTo>
                  <a:pt x="55" y="28"/>
                </a:lnTo>
                <a:lnTo>
                  <a:pt x="55" y="30"/>
                </a:lnTo>
                <a:lnTo>
                  <a:pt x="55" y="30"/>
                </a:lnTo>
                <a:lnTo>
                  <a:pt x="55" y="145"/>
                </a:lnTo>
                <a:lnTo>
                  <a:pt x="55" y="145"/>
                </a:lnTo>
                <a:lnTo>
                  <a:pt x="55" y="257"/>
                </a:lnTo>
                <a:lnTo>
                  <a:pt x="55" y="257"/>
                </a:lnTo>
                <a:lnTo>
                  <a:pt x="54" y="260"/>
                </a:lnTo>
                <a:lnTo>
                  <a:pt x="54" y="262"/>
                </a:lnTo>
                <a:lnTo>
                  <a:pt x="51" y="264"/>
                </a:lnTo>
                <a:lnTo>
                  <a:pt x="51" y="264"/>
                </a:lnTo>
                <a:lnTo>
                  <a:pt x="3" y="282"/>
                </a:lnTo>
                <a:lnTo>
                  <a:pt x="3" y="282"/>
                </a:lnTo>
                <a:lnTo>
                  <a:pt x="1" y="282"/>
                </a:lnTo>
                <a:lnTo>
                  <a:pt x="0" y="281"/>
                </a:lnTo>
                <a:lnTo>
                  <a:pt x="0" y="275"/>
                </a:lnTo>
                <a:lnTo>
                  <a:pt x="0" y="275"/>
                </a:lnTo>
                <a:lnTo>
                  <a:pt x="0" y="141"/>
                </a:lnTo>
                <a:lnTo>
                  <a:pt x="0" y="141"/>
                </a:lnTo>
                <a:lnTo>
                  <a:pt x="1" y="4"/>
                </a:lnTo>
                <a:lnTo>
                  <a:pt x="1" y="4"/>
                </a:lnTo>
                <a:lnTo>
                  <a:pt x="1" y="2"/>
                </a:lnTo>
                <a:lnTo>
                  <a:pt x="2" y="0"/>
                </a:lnTo>
                <a:lnTo>
                  <a:pt x="3" y="0"/>
                </a:lnTo>
                <a:lnTo>
                  <a:pt x="4" y="1"/>
                </a:lnTo>
                <a:lnTo>
                  <a:pt x="4"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4" name="Freeform 393">
            <a:extLst>
              <a:ext uri="{FF2B5EF4-FFF2-40B4-BE49-F238E27FC236}">
                <a16:creationId xmlns:a16="http://schemas.microsoft.com/office/drawing/2014/main" xmlns="" id="{5DF833C2-C60D-4183-827B-C2A37524ED33}"/>
              </a:ext>
            </a:extLst>
          </p:cNvPr>
          <p:cNvSpPr>
            <a:spLocks/>
          </p:cNvSpPr>
          <p:nvPr/>
        </p:nvSpPr>
        <p:spPr bwMode="auto">
          <a:xfrm>
            <a:off x="3412396" y="1554721"/>
            <a:ext cx="23663" cy="26041"/>
          </a:xfrm>
          <a:custGeom>
            <a:avLst/>
            <a:gdLst>
              <a:gd name="T0" fmla="*/ 2 w 39"/>
              <a:gd name="T1" fmla="*/ 0 h 47"/>
              <a:gd name="T2" fmla="*/ 2 w 39"/>
              <a:gd name="T3" fmla="*/ 0 h 47"/>
              <a:gd name="T4" fmla="*/ 37 w 39"/>
              <a:gd name="T5" fmla="*/ 15 h 47"/>
              <a:gd name="T6" fmla="*/ 37 w 39"/>
              <a:gd name="T7" fmla="*/ 15 h 47"/>
              <a:gd name="T8" fmla="*/ 38 w 39"/>
              <a:gd name="T9" fmla="*/ 17 h 47"/>
              <a:gd name="T10" fmla="*/ 39 w 39"/>
              <a:gd name="T11" fmla="*/ 19 h 47"/>
              <a:gd name="T12" fmla="*/ 39 w 39"/>
              <a:gd name="T13" fmla="*/ 19 h 47"/>
              <a:gd name="T14" fmla="*/ 39 w 39"/>
              <a:gd name="T15" fmla="*/ 44 h 47"/>
              <a:gd name="T16" fmla="*/ 39 w 39"/>
              <a:gd name="T17" fmla="*/ 44 h 47"/>
              <a:gd name="T18" fmla="*/ 38 w 39"/>
              <a:gd name="T19" fmla="*/ 46 h 47"/>
              <a:gd name="T20" fmla="*/ 37 w 39"/>
              <a:gd name="T21" fmla="*/ 47 h 47"/>
              <a:gd name="T22" fmla="*/ 37 w 39"/>
              <a:gd name="T23" fmla="*/ 47 h 47"/>
              <a:gd name="T24" fmla="*/ 2 w 39"/>
              <a:gd name="T25" fmla="*/ 37 h 47"/>
              <a:gd name="T26" fmla="*/ 2 w 39"/>
              <a:gd name="T27" fmla="*/ 37 h 47"/>
              <a:gd name="T28" fmla="*/ 1 w 39"/>
              <a:gd name="T29" fmla="*/ 35 h 47"/>
              <a:gd name="T30" fmla="*/ 0 w 39"/>
              <a:gd name="T31" fmla="*/ 32 h 47"/>
              <a:gd name="T32" fmla="*/ 0 w 39"/>
              <a:gd name="T33" fmla="*/ 32 h 47"/>
              <a:gd name="T34" fmla="*/ 1 w 39"/>
              <a:gd name="T35" fmla="*/ 3 h 47"/>
              <a:gd name="T36" fmla="*/ 1 w 39"/>
              <a:gd name="T37" fmla="*/ 3 h 47"/>
              <a:gd name="T38" fmla="*/ 1 w 39"/>
              <a:gd name="T39" fmla="*/ 1 h 47"/>
              <a:gd name="T40" fmla="*/ 2 w 39"/>
              <a:gd name="T41" fmla="*/ 0 h 47"/>
              <a:gd name="T42" fmla="*/ 2 w 39"/>
              <a:gd name="T43" fmla="*/ 0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 h="47">
                <a:moveTo>
                  <a:pt x="2" y="0"/>
                </a:moveTo>
                <a:lnTo>
                  <a:pt x="2" y="0"/>
                </a:lnTo>
                <a:lnTo>
                  <a:pt x="37" y="15"/>
                </a:lnTo>
                <a:lnTo>
                  <a:pt x="37" y="15"/>
                </a:lnTo>
                <a:lnTo>
                  <a:pt x="38" y="17"/>
                </a:lnTo>
                <a:lnTo>
                  <a:pt x="39" y="19"/>
                </a:lnTo>
                <a:lnTo>
                  <a:pt x="39" y="19"/>
                </a:lnTo>
                <a:lnTo>
                  <a:pt x="39" y="44"/>
                </a:lnTo>
                <a:lnTo>
                  <a:pt x="39" y="44"/>
                </a:lnTo>
                <a:lnTo>
                  <a:pt x="38" y="46"/>
                </a:lnTo>
                <a:lnTo>
                  <a:pt x="37" y="47"/>
                </a:lnTo>
                <a:lnTo>
                  <a:pt x="37" y="47"/>
                </a:lnTo>
                <a:lnTo>
                  <a:pt x="2" y="37"/>
                </a:lnTo>
                <a:lnTo>
                  <a:pt x="2" y="37"/>
                </a:lnTo>
                <a:lnTo>
                  <a:pt x="1" y="35"/>
                </a:lnTo>
                <a:lnTo>
                  <a:pt x="0" y="32"/>
                </a:lnTo>
                <a:lnTo>
                  <a:pt x="0" y="32"/>
                </a:lnTo>
                <a:lnTo>
                  <a:pt x="1" y="3"/>
                </a:lnTo>
                <a:lnTo>
                  <a:pt x="1" y="3"/>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5" name="Freeform 394">
            <a:extLst>
              <a:ext uri="{FF2B5EF4-FFF2-40B4-BE49-F238E27FC236}">
                <a16:creationId xmlns:a16="http://schemas.microsoft.com/office/drawing/2014/main" xmlns="" id="{0CBDC215-5A33-4356-A905-3AEF04D5FC4A}"/>
              </a:ext>
            </a:extLst>
          </p:cNvPr>
          <p:cNvSpPr>
            <a:spLocks/>
          </p:cNvSpPr>
          <p:nvPr/>
        </p:nvSpPr>
        <p:spPr bwMode="auto">
          <a:xfrm>
            <a:off x="3412396" y="1581870"/>
            <a:ext cx="23663" cy="23270"/>
          </a:xfrm>
          <a:custGeom>
            <a:avLst/>
            <a:gdLst>
              <a:gd name="T0" fmla="*/ 2 w 39"/>
              <a:gd name="T1" fmla="*/ 0 h 42"/>
              <a:gd name="T2" fmla="*/ 2 w 39"/>
              <a:gd name="T3" fmla="*/ 0 h 42"/>
              <a:gd name="T4" fmla="*/ 37 w 39"/>
              <a:gd name="T5" fmla="*/ 10 h 42"/>
              <a:gd name="T6" fmla="*/ 37 w 39"/>
              <a:gd name="T7" fmla="*/ 10 h 42"/>
              <a:gd name="T8" fmla="*/ 38 w 39"/>
              <a:gd name="T9" fmla="*/ 11 h 42"/>
              <a:gd name="T10" fmla="*/ 39 w 39"/>
              <a:gd name="T11" fmla="*/ 14 h 42"/>
              <a:gd name="T12" fmla="*/ 39 w 39"/>
              <a:gd name="T13" fmla="*/ 14 h 42"/>
              <a:gd name="T14" fmla="*/ 38 w 39"/>
              <a:gd name="T15" fmla="*/ 39 h 42"/>
              <a:gd name="T16" fmla="*/ 38 w 39"/>
              <a:gd name="T17" fmla="*/ 39 h 42"/>
              <a:gd name="T18" fmla="*/ 38 w 39"/>
              <a:gd name="T19" fmla="*/ 41 h 42"/>
              <a:gd name="T20" fmla="*/ 37 w 39"/>
              <a:gd name="T21" fmla="*/ 42 h 42"/>
              <a:gd name="T22" fmla="*/ 37 w 39"/>
              <a:gd name="T23" fmla="*/ 42 h 42"/>
              <a:gd name="T24" fmla="*/ 2 w 39"/>
              <a:gd name="T25" fmla="*/ 36 h 42"/>
              <a:gd name="T26" fmla="*/ 2 w 39"/>
              <a:gd name="T27" fmla="*/ 36 h 42"/>
              <a:gd name="T28" fmla="*/ 1 w 39"/>
              <a:gd name="T29" fmla="*/ 35 h 42"/>
              <a:gd name="T30" fmla="*/ 0 w 39"/>
              <a:gd name="T31" fmla="*/ 32 h 42"/>
              <a:gd name="T32" fmla="*/ 0 w 39"/>
              <a:gd name="T33" fmla="*/ 32 h 42"/>
              <a:gd name="T34" fmla="*/ 0 w 39"/>
              <a:gd name="T35" fmla="*/ 4 h 42"/>
              <a:gd name="T36" fmla="*/ 0 w 39"/>
              <a:gd name="T37" fmla="*/ 4 h 42"/>
              <a:gd name="T38" fmla="*/ 1 w 39"/>
              <a:gd name="T39" fmla="*/ 1 h 42"/>
              <a:gd name="T40" fmla="*/ 2 w 39"/>
              <a:gd name="T41" fmla="*/ 0 h 42"/>
              <a:gd name="T42" fmla="*/ 2 w 39"/>
              <a:gd name="T43" fmla="*/ 0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 h="42">
                <a:moveTo>
                  <a:pt x="2" y="0"/>
                </a:moveTo>
                <a:lnTo>
                  <a:pt x="2" y="0"/>
                </a:lnTo>
                <a:lnTo>
                  <a:pt x="37" y="10"/>
                </a:lnTo>
                <a:lnTo>
                  <a:pt x="37" y="10"/>
                </a:lnTo>
                <a:lnTo>
                  <a:pt x="38" y="11"/>
                </a:lnTo>
                <a:lnTo>
                  <a:pt x="39" y="14"/>
                </a:lnTo>
                <a:lnTo>
                  <a:pt x="39" y="14"/>
                </a:lnTo>
                <a:lnTo>
                  <a:pt x="38" y="39"/>
                </a:lnTo>
                <a:lnTo>
                  <a:pt x="38" y="39"/>
                </a:lnTo>
                <a:lnTo>
                  <a:pt x="38" y="41"/>
                </a:lnTo>
                <a:lnTo>
                  <a:pt x="37" y="42"/>
                </a:lnTo>
                <a:lnTo>
                  <a:pt x="37" y="42"/>
                </a:lnTo>
                <a:lnTo>
                  <a:pt x="2" y="36"/>
                </a:lnTo>
                <a:lnTo>
                  <a:pt x="2" y="36"/>
                </a:lnTo>
                <a:lnTo>
                  <a:pt x="1" y="35"/>
                </a:lnTo>
                <a:lnTo>
                  <a:pt x="0" y="32"/>
                </a:lnTo>
                <a:lnTo>
                  <a:pt x="0" y="32"/>
                </a:lnTo>
                <a:lnTo>
                  <a:pt x="0" y="4"/>
                </a:lnTo>
                <a:lnTo>
                  <a:pt x="0" y="4"/>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6" name="Freeform 395">
            <a:extLst>
              <a:ext uri="{FF2B5EF4-FFF2-40B4-BE49-F238E27FC236}">
                <a16:creationId xmlns:a16="http://schemas.microsoft.com/office/drawing/2014/main" xmlns="" id="{36BB9F3D-D418-4F30-B4E4-0DEAD8D7EC65}"/>
              </a:ext>
            </a:extLst>
          </p:cNvPr>
          <p:cNvSpPr>
            <a:spLocks/>
          </p:cNvSpPr>
          <p:nvPr/>
        </p:nvSpPr>
        <p:spPr bwMode="auto">
          <a:xfrm>
            <a:off x="3412396" y="1609573"/>
            <a:ext cx="23056" cy="19392"/>
          </a:xfrm>
          <a:custGeom>
            <a:avLst/>
            <a:gdLst>
              <a:gd name="T0" fmla="*/ 2 w 38"/>
              <a:gd name="T1" fmla="*/ 0 h 35"/>
              <a:gd name="T2" fmla="*/ 2 w 38"/>
              <a:gd name="T3" fmla="*/ 0 h 35"/>
              <a:gd name="T4" fmla="*/ 37 w 38"/>
              <a:gd name="T5" fmla="*/ 4 h 35"/>
              <a:gd name="T6" fmla="*/ 37 w 38"/>
              <a:gd name="T7" fmla="*/ 4 h 35"/>
              <a:gd name="T8" fmla="*/ 38 w 38"/>
              <a:gd name="T9" fmla="*/ 5 h 35"/>
              <a:gd name="T10" fmla="*/ 38 w 38"/>
              <a:gd name="T11" fmla="*/ 7 h 35"/>
              <a:gd name="T12" fmla="*/ 38 w 38"/>
              <a:gd name="T13" fmla="*/ 7 h 35"/>
              <a:gd name="T14" fmla="*/ 38 w 38"/>
              <a:gd name="T15" fmla="*/ 32 h 35"/>
              <a:gd name="T16" fmla="*/ 38 w 38"/>
              <a:gd name="T17" fmla="*/ 32 h 35"/>
              <a:gd name="T18" fmla="*/ 38 w 38"/>
              <a:gd name="T19" fmla="*/ 34 h 35"/>
              <a:gd name="T20" fmla="*/ 37 w 38"/>
              <a:gd name="T21" fmla="*/ 35 h 35"/>
              <a:gd name="T22" fmla="*/ 37 w 38"/>
              <a:gd name="T23" fmla="*/ 35 h 35"/>
              <a:gd name="T24" fmla="*/ 2 w 38"/>
              <a:gd name="T25" fmla="*/ 35 h 35"/>
              <a:gd name="T26" fmla="*/ 2 w 38"/>
              <a:gd name="T27" fmla="*/ 35 h 35"/>
              <a:gd name="T28" fmla="*/ 0 w 38"/>
              <a:gd name="T29" fmla="*/ 34 h 35"/>
              <a:gd name="T30" fmla="*/ 0 w 38"/>
              <a:gd name="T31" fmla="*/ 32 h 35"/>
              <a:gd name="T32" fmla="*/ 0 w 38"/>
              <a:gd name="T33" fmla="*/ 32 h 35"/>
              <a:gd name="T34" fmla="*/ 0 w 38"/>
              <a:gd name="T35" fmla="*/ 3 h 35"/>
              <a:gd name="T36" fmla="*/ 0 w 38"/>
              <a:gd name="T37" fmla="*/ 3 h 35"/>
              <a:gd name="T38" fmla="*/ 1 w 38"/>
              <a:gd name="T39" fmla="*/ 1 h 35"/>
              <a:gd name="T40" fmla="*/ 2 w 38"/>
              <a:gd name="T41" fmla="*/ 0 h 35"/>
              <a:gd name="T42" fmla="*/ 2 w 38"/>
              <a:gd name="T43" fmla="*/ 0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35">
                <a:moveTo>
                  <a:pt x="2" y="0"/>
                </a:moveTo>
                <a:lnTo>
                  <a:pt x="2" y="0"/>
                </a:lnTo>
                <a:lnTo>
                  <a:pt x="37" y="4"/>
                </a:lnTo>
                <a:lnTo>
                  <a:pt x="37" y="4"/>
                </a:lnTo>
                <a:lnTo>
                  <a:pt x="38" y="5"/>
                </a:lnTo>
                <a:lnTo>
                  <a:pt x="38" y="7"/>
                </a:lnTo>
                <a:lnTo>
                  <a:pt x="38" y="7"/>
                </a:lnTo>
                <a:lnTo>
                  <a:pt x="38" y="32"/>
                </a:lnTo>
                <a:lnTo>
                  <a:pt x="38" y="32"/>
                </a:lnTo>
                <a:lnTo>
                  <a:pt x="38" y="34"/>
                </a:lnTo>
                <a:lnTo>
                  <a:pt x="37" y="35"/>
                </a:lnTo>
                <a:lnTo>
                  <a:pt x="37" y="35"/>
                </a:lnTo>
                <a:lnTo>
                  <a:pt x="2" y="35"/>
                </a:lnTo>
                <a:lnTo>
                  <a:pt x="2" y="35"/>
                </a:lnTo>
                <a:lnTo>
                  <a:pt x="0" y="34"/>
                </a:lnTo>
                <a:lnTo>
                  <a:pt x="0" y="32"/>
                </a:lnTo>
                <a:lnTo>
                  <a:pt x="0" y="32"/>
                </a:lnTo>
                <a:lnTo>
                  <a:pt x="0" y="3"/>
                </a:lnTo>
                <a:lnTo>
                  <a:pt x="0" y="3"/>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7" name="Freeform 396">
            <a:extLst>
              <a:ext uri="{FF2B5EF4-FFF2-40B4-BE49-F238E27FC236}">
                <a16:creationId xmlns:a16="http://schemas.microsoft.com/office/drawing/2014/main" xmlns="" id="{8168F35E-8BE0-4B87-A08E-6DD09B7079E6}"/>
              </a:ext>
            </a:extLst>
          </p:cNvPr>
          <p:cNvSpPr>
            <a:spLocks/>
          </p:cNvSpPr>
          <p:nvPr/>
        </p:nvSpPr>
        <p:spPr bwMode="auto">
          <a:xfrm>
            <a:off x="3412396" y="1635615"/>
            <a:ext cx="23056" cy="20500"/>
          </a:xfrm>
          <a:custGeom>
            <a:avLst/>
            <a:gdLst>
              <a:gd name="T0" fmla="*/ 1 w 38"/>
              <a:gd name="T1" fmla="*/ 2 h 37"/>
              <a:gd name="T2" fmla="*/ 1 w 38"/>
              <a:gd name="T3" fmla="*/ 2 h 37"/>
              <a:gd name="T4" fmla="*/ 37 w 38"/>
              <a:gd name="T5" fmla="*/ 0 h 37"/>
              <a:gd name="T6" fmla="*/ 37 w 38"/>
              <a:gd name="T7" fmla="*/ 0 h 37"/>
              <a:gd name="T8" fmla="*/ 38 w 38"/>
              <a:gd name="T9" fmla="*/ 1 h 37"/>
              <a:gd name="T10" fmla="*/ 38 w 38"/>
              <a:gd name="T11" fmla="*/ 4 h 37"/>
              <a:gd name="T12" fmla="*/ 38 w 38"/>
              <a:gd name="T13" fmla="*/ 4 h 37"/>
              <a:gd name="T14" fmla="*/ 38 w 38"/>
              <a:gd name="T15" fmla="*/ 28 h 37"/>
              <a:gd name="T16" fmla="*/ 38 w 38"/>
              <a:gd name="T17" fmla="*/ 28 h 37"/>
              <a:gd name="T18" fmla="*/ 38 w 38"/>
              <a:gd name="T19" fmla="*/ 31 h 37"/>
              <a:gd name="T20" fmla="*/ 37 w 38"/>
              <a:gd name="T21" fmla="*/ 32 h 37"/>
              <a:gd name="T22" fmla="*/ 37 w 38"/>
              <a:gd name="T23" fmla="*/ 32 h 37"/>
              <a:gd name="T24" fmla="*/ 1 w 38"/>
              <a:gd name="T25" fmla="*/ 37 h 37"/>
              <a:gd name="T26" fmla="*/ 1 w 38"/>
              <a:gd name="T27" fmla="*/ 37 h 37"/>
              <a:gd name="T28" fmla="*/ 0 w 38"/>
              <a:gd name="T29" fmla="*/ 36 h 37"/>
              <a:gd name="T30" fmla="*/ 0 w 38"/>
              <a:gd name="T31" fmla="*/ 34 h 37"/>
              <a:gd name="T32" fmla="*/ 0 w 38"/>
              <a:gd name="T33" fmla="*/ 34 h 37"/>
              <a:gd name="T34" fmla="*/ 0 w 38"/>
              <a:gd name="T35" fmla="*/ 5 h 37"/>
              <a:gd name="T36" fmla="*/ 0 w 38"/>
              <a:gd name="T37" fmla="*/ 5 h 37"/>
              <a:gd name="T38" fmla="*/ 0 w 38"/>
              <a:gd name="T39" fmla="*/ 3 h 37"/>
              <a:gd name="T40" fmla="*/ 1 w 38"/>
              <a:gd name="T41" fmla="*/ 2 h 37"/>
              <a:gd name="T42" fmla="*/ 1 w 38"/>
              <a:gd name="T43" fmla="*/ 2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37">
                <a:moveTo>
                  <a:pt x="1" y="2"/>
                </a:moveTo>
                <a:lnTo>
                  <a:pt x="1" y="2"/>
                </a:lnTo>
                <a:lnTo>
                  <a:pt x="37" y="0"/>
                </a:lnTo>
                <a:lnTo>
                  <a:pt x="37" y="0"/>
                </a:lnTo>
                <a:lnTo>
                  <a:pt x="38" y="1"/>
                </a:lnTo>
                <a:lnTo>
                  <a:pt x="38" y="4"/>
                </a:lnTo>
                <a:lnTo>
                  <a:pt x="38" y="4"/>
                </a:lnTo>
                <a:lnTo>
                  <a:pt x="38" y="28"/>
                </a:lnTo>
                <a:lnTo>
                  <a:pt x="38" y="28"/>
                </a:lnTo>
                <a:lnTo>
                  <a:pt x="38" y="31"/>
                </a:lnTo>
                <a:lnTo>
                  <a:pt x="37" y="32"/>
                </a:lnTo>
                <a:lnTo>
                  <a:pt x="37" y="32"/>
                </a:lnTo>
                <a:lnTo>
                  <a:pt x="1" y="37"/>
                </a:lnTo>
                <a:lnTo>
                  <a:pt x="1" y="37"/>
                </a:lnTo>
                <a:lnTo>
                  <a:pt x="0" y="36"/>
                </a:lnTo>
                <a:lnTo>
                  <a:pt x="0" y="34"/>
                </a:lnTo>
                <a:lnTo>
                  <a:pt x="0" y="34"/>
                </a:lnTo>
                <a:lnTo>
                  <a:pt x="0" y="5"/>
                </a:lnTo>
                <a:lnTo>
                  <a:pt x="0" y="5"/>
                </a:lnTo>
                <a:lnTo>
                  <a:pt x="0" y="3"/>
                </a:lnTo>
                <a:lnTo>
                  <a:pt x="1" y="2"/>
                </a:lnTo>
                <a:lnTo>
                  <a:pt x="1" y="2"/>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8" name="Freeform 397">
            <a:extLst>
              <a:ext uri="{FF2B5EF4-FFF2-40B4-BE49-F238E27FC236}">
                <a16:creationId xmlns:a16="http://schemas.microsoft.com/office/drawing/2014/main" xmlns="" id="{4A20B242-43DA-409D-B192-64621D48C089}"/>
              </a:ext>
            </a:extLst>
          </p:cNvPr>
          <p:cNvSpPr>
            <a:spLocks/>
          </p:cNvSpPr>
          <p:nvPr/>
        </p:nvSpPr>
        <p:spPr bwMode="auto">
          <a:xfrm>
            <a:off x="3412396" y="1662763"/>
            <a:ext cx="23056" cy="9973"/>
          </a:xfrm>
          <a:custGeom>
            <a:avLst/>
            <a:gdLst>
              <a:gd name="T0" fmla="*/ 1 w 38"/>
              <a:gd name="T1" fmla="*/ 8 h 18"/>
              <a:gd name="T2" fmla="*/ 1 w 38"/>
              <a:gd name="T3" fmla="*/ 8 h 18"/>
              <a:gd name="T4" fmla="*/ 37 w 38"/>
              <a:gd name="T5" fmla="*/ 0 h 18"/>
              <a:gd name="T6" fmla="*/ 37 w 38"/>
              <a:gd name="T7" fmla="*/ 0 h 18"/>
              <a:gd name="T8" fmla="*/ 38 w 38"/>
              <a:gd name="T9" fmla="*/ 1 h 18"/>
              <a:gd name="T10" fmla="*/ 38 w 38"/>
              <a:gd name="T11" fmla="*/ 3 h 18"/>
              <a:gd name="T12" fmla="*/ 38 w 38"/>
              <a:gd name="T13" fmla="*/ 3 h 18"/>
              <a:gd name="T14" fmla="*/ 38 w 38"/>
              <a:gd name="T15" fmla="*/ 6 h 18"/>
              <a:gd name="T16" fmla="*/ 38 w 38"/>
              <a:gd name="T17" fmla="*/ 6 h 18"/>
              <a:gd name="T18" fmla="*/ 38 w 38"/>
              <a:gd name="T19" fmla="*/ 8 h 18"/>
              <a:gd name="T20" fmla="*/ 37 w 38"/>
              <a:gd name="T21" fmla="*/ 9 h 18"/>
              <a:gd name="T22" fmla="*/ 37 w 38"/>
              <a:gd name="T23" fmla="*/ 9 h 18"/>
              <a:gd name="T24" fmla="*/ 1 w 38"/>
              <a:gd name="T25" fmla="*/ 18 h 18"/>
              <a:gd name="T26" fmla="*/ 1 w 38"/>
              <a:gd name="T27" fmla="*/ 18 h 18"/>
              <a:gd name="T28" fmla="*/ 0 w 38"/>
              <a:gd name="T29" fmla="*/ 17 h 18"/>
              <a:gd name="T30" fmla="*/ 0 w 38"/>
              <a:gd name="T31" fmla="*/ 14 h 18"/>
              <a:gd name="T32" fmla="*/ 0 w 38"/>
              <a:gd name="T33" fmla="*/ 14 h 18"/>
              <a:gd name="T34" fmla="*/ 0 w 38"/>
              <a:gd name="T35" fmla="*/ 11 h 18"/>
              <a:gd name="T36" fmla="*/ 0 w 38"/>
              <a:gd name="T37" fmla="*/ 11 h 18"/>
              <a:gd name="T38" fmla="*/ 0 w 38"/>
              <a:gd name="T39" fmla="*/ 9 h 18"/>
              <a:gd name="T40" fmla="*/ 1 w 38"/>
              <a:gd name="T41" fmla="*/ 8 h 18"/>
              <a:gd name="T42" fmla="*/ 1 w 38"/>
              <a:gd name="T43" fmla="*/ 8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18">
                <a:moveTo>
                  <a:pt x="1" y="8"/>
                </a:moveTo>
                <a:lnTo>
                  <a:pt x="1" y="8"/>
                </a:lnTo>
                <a:lnTo>
                  <a:pt x="37" y="0"/>
                </a:lnTo>
                <a:lnTo>
                  <a:pt x="37" y="0"/>
                </a:lnTo>
                <a:lnTo>
                  <a:pt x="38" y="1"/>
                </a:lnTo>
                <a:lnTo>
                  <a:pt x="38" y="3"/>
                </a:lnTo>
                <a:lnTo>
                  <a:pt x="38" y="3"/>
                </a:lnTo>
                <a:lnTo>
                  <a:pt x="38" y="6"/>
                </a:lnTo>
                <a:lnTo>
                  <a:pt x="38" y="6"/>
                </a:lnTo>
                <a:lnTo>
                  <a:pt x="38" y="8"/>
                </a:lnTo>
                <a:lnTo>
                  <a:pt x="37" y="9"/>
                </a:lnTo>
                <a:lnTo>
                  <a:pt x="37" y="9"/>
                </a:lnTo>
                <a:lnTo>
                  <a:pt x="1" y="18"/>
                </a:lnTo>
                <a:lnTo>
                  <a:pt x="1" y="18"/>
                </a:lnTo>
                <a:lnTo>
                  <a:pt x="0" y="17"/>
                </a:lnTo>
                <a:lnTo>
                  <a:pt x="0" y="14"/>
                </a:lnTo>
                <a:lnTo>
                  <a:pt x="0" y="14"/>
                </a:lnTo>
                <a:lnTo>
                  <a:pt x="0" y="11"/>
                </a:lnTo>
                <a:lnTo>
                  <a:pt x="0" y="11"/>
                </a:lnTo>
                <a:lnTo>
                  <a:pt x="0" y="9"/>
                </a:lnTo>
                <a:lnTo>
                  <a:pt x="1" y="8"/>
                </a:lnTo>
                <a:lnTo>
                  <a:pt x="1" y="8"/>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69" name="Freeform 398">
            <a:extLst>
              <a:ext uri="{FF2B5EF4-FFF2-40B4-BE49-F238E27FC236}">
                <a16:creationId xmlns:a16="http://schemas.microsoft.com/office/drawing/2014/main" xmlns="" id="{6F42673D-D52D-47EC-B5F8-0ADEA0CC7304}"/>
              </a:ext>
            </a:extLst>
          </p:cNvPr>
          <p:cNvSpPr>
            <a:spLocks/>
          </p:cNvSpPr>
          <p:nvPr/>
        </p:nvSpPr>
        <p:spPr bwMode="auto">
          <a:xfrm>
            <a:off x="3412396" y="1671073"/>
            <a:ext cx="23056" cy="11635"/>
          </a:xfrm>
          <a:custGeom>
            <a:avLst/>
            <a:gdLst>
              <a:gd name="T0" fmla="*/ 1 w 38"/>
              <a:gd name="T1" fmla="*/ 10 h 21"/>
              <a:gd name="T2" fmla="*/ 1 w 38"/>
              <a:gd name="T3" fmla="*/ 10 h 21"/>
              <a:gd name="T4" fmla="*/ 37 w 38"/>
              <a:gd name="T5" fmla="*/ 0 h 21"/>
              <a:gd name="T6" fmla="*/ 37 w 38"/>
              <a:gd name="T7" fmla="*/ 0 h 21"/>
              <a:gd name="T8" fmla="*/ 38 w 38"/>
              <a:gd name="T9" fmla="*/ 1 h 21"/>
              <a:gd name="T10" fmla="*/ 38 w 38"/>
              <a:gd name="T11" fmla="*/ 3 h 21"/>
              <a:gd name="T12" fmla="*/ 38 w 38"/>
              <a:gd name="T13" fmla="*/ 3 h 21"/>
              <a:gd name="T14" fmla="*/ 38 w 38"/>
              <a:gd name="T15" fmla="*/ 7 h 21"/>
              <a:gd name="T16" fmla="*/ 38 w 38"/>
              <a:gd name="T17" fmla="*/ 7 h 21"/>
              <a:gd name="T18" fmla="*/ 38 w 38"/>
              <a:gd name="T19" fmla="*/ 9 h 21"/>
              <a:gd name="T20" fmla="*/ 36 w 38"/>
              <a:gd name="T21" fmla="*/ 10 h 21"/>
              <a:gd name="T22" fmla="*/ 36 w 38"/>
              <a:gd name="T23" fmla="*/ 10 h 21"/>
              <a:gd name="T24" fmla="*/ 1 w 38"/>
              <a:gd name="T25" fmla="*/ 21 h 21"/>
              <a:gd name="T26" fmla="*/ 1 w 38"/>
              <a:gd name="T27" fmla="*/ 21 h 21"/>
              <a:gd name="T28" fmla="*/ 0 w 38"/>
              <a:gd name="T29" fmla="*/ 20 h 21"/>
              <a:gd name="T30" fmla="*/ 0 w 38"/>
              <a:gd name="T31" fmla="*/ 17 h 21"/>
              <a:gd name="T32" fmla="*/ 0 w 38"/>
              <a:gd name="T33" fmla="*/ 17 h 21"/>
              <a:gd name="T34" fmla="*/ 0 w 38"/>
              <a:gd name="T35" fmla="*/ 15 h 21"/>
              <a:gd name="T36" fmla="*/ 0 w 38"/>
              <a:gd name="T37" fmla="*/ 15 h 21"/>
              <a:gd name="T38" fmla="*/ 0 w 38"/>
              <a:gd name="T39" fmla="*/ 12 h 21"/>
              <a:gd name="T40" fmla="*/ 1 w 38"/>
              <a:gd name="T41" fmla="*/ 10 h 21"/>
              <a:gd name="T42" fmla="*/ 1 w 38"/>
              <a:gd name="T43" fmla="*/ 10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1">
                <a:moveTo>
                  <a:pt x="1" y="10"/>
                </a:moveTo>
                <a:lnTo>
                  <a:pt x="1" y="10"/>
                </a:lnTo>
                <a:lnTo>
                  <a:pt x="37" y="0"/>
                </a:lnTo>
                <a:lnTo>
                  <a:pt x="37" y="0"/>
                </a:lnTo>
                <a:lnTo>
                  <a:pt x="38" y="1"/>
                </a:lnTo>
                <a:lnTo>
                  <a:pt x="38" y="3"/>
                </a:lnTo>
                <a:lnTo>
                  <a:pt x="38" y="3"/>
                </a:lnTo>
                <a:lnTo>
                  <a:pt x="38" y="7"/>
                </a:lnTo>
                <a:lnTo>
                  <a:pt x="38" y="7"/>
                </a:lnTo>
                <a:lnTo>
                  <a:pt x="38" y="9"/>
                </a:lnTo>
                <a:lnTo>
                  <a:pt x="36" y="10"/>
                </a:lnTo>
                <a:lnTo>
                  <a:pt x="36" y="10"/>
                </a:lnTo>
                <a:lnTo>
                  <a:pt x="1" y="21"/>
                </a:lnTo>
                <a:lnTo>
                  <a:pt x="1" y="21"/>
                </a:lnTo>
                <a:lnTo>
                  <a:pt x="0" y="20"/>
                </a:lnTo>
                <a:lnTo>
                  <a:pt x="0" y="17"/>
                </a:lnTo>
                <a:lnTo>
                  <a:pt x="0" y="17"/>
                </a:lnTo>
                <a:lnTo>
                  <a:pt x="0" y="15"/>
                </a:lnTo>
                <a:lnTo>
                  <a:pt x="0" y="15"/>
                </a:lnTo>
                <a:lnTo>
                  <a:pt x="0" y="12"/>
                </a:lnTo>
                <a:lnTo>
                  <a:pt x="1" y="10"/>
                </a:lnTo>
                <a:lnTo>
                  <a:pt x="1" y="1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0" name="Freeform 399">
            <a:extLst>
              <a:ext uri="{FF2B5EF4-FFF2-40B4-BE49-F238E27FC236}">
                <a16:creationId xmlns:a16="http://schemas.microsoft.com/office/drawing/2014/main" xmlns="" id="{BBCD545A-8689-4206-BAE1-5FF5E927F553}"/>
              </a:ext>
            </a:extLst>
          </p:cNvPr>
          <p:cNvSpPr>
            <a:spLocks/>
          </p:cNvSpPr>
          <p:nvPr/>
        </p:nvSpPr>
        <p:spPr bwMode="auto">
          <a:xfrm>
            <a:off x="3445159" y="1557492"/>
            <a:ext cx="33370" cy="125771"/>
          </a:xfrm>
          <a:custGeom>
            <a:avLst/>
            <a:gdLst>
              <a:gd name="T0" fmla="*/ 4 w 55"/>
              <a:gd name="T1" fmla="*/ 1 h 227"/>
              <a:gd name="T2" fmla="*/ 4 w 55"/>
              <a:gd name="T3" fmla="*/ 1 h 227"/>
              <a:gd name="T4" fmla="*/ 52 w 55"/>
              <a:gd name="T5" fmla="*/ 25 h 227"/>
              <a:gd name="T6" fmla="*/ 52 w 55"/>
              <a:gd name="T7" fmla="*/ 25 h 227"/>
              <a:gd name="T8" fmla="*/ 54 w 55"/>
              <a:gd name="T9" fmla="*/ 27 h 227"/>
              <a:gd name="T10" fmla="*/ 55 w 55"/>
              <a:gd name="T11" fmla="*/ 30 h 227"/>
              <a:gd name="T12" fmla="*/ 55 w 55"/>
              <a:gd name="T13" fmla="*/ 30 h 227"/>
              <a:gd name="T14" fmla="*/ 55 w 55"/>
              <a:gd name="T15" fmla="*/ 117 h 227"/>
              <a:gd name="T16" fmla="*/ 55 w 55"/>
              <a:gd name="T17" fmla="*/ 117 h 227"/>
              <a:gd name="T18" fmla="*/ 55 w 55"/>
              <a:gd name="T19" fmla="*/ 202 h 227"/>
              <a:gd name="T20" fmla="*/ 55 w 55"/>
              <a:gd name="T21" fmla="*/ 202 h 227"/>
              <a:gd name="T22" fmla="*/ 54 w 55"/>
              <a:gd name="T23" fmla="*/ 206 h 227"/>
              <a:gd name="T24" fmla="*/ 53 w 55"/>
              <a:gd name="T25" fmla="*/ 207 h 227"/>
              <a:gd name="T26" fmla="*/ 52 w 55"/>
              <a:gd name="T27" fmla="*/ 208 h 227"/>
              <a:gd name="T28" fmla="*/ 52 w 55"/>
              <a:gd name="T29" fmla="*/ 208 h 227"/>
              <a:gd name="T30" fmla="*/ 3 w 55"/>
              <a:gd name="T31" fmla="*/ 227 h 227"/>
              <a:gd name="T32" fmla="*/ 3 w 55"/>
              <a:gd name="T33" fmla="*/ 227 h 227"/>
              <a:gd name="T34" fmla="*/ 2 w 55"/>
              <a:gd name="T35" fmla="*/ 227 h 227"/>
              <a:gd name="T36" fmla="*/ 1 w 55"/>
              <a:gd name="T37" fmla="*/ 226 h 227"/>
              <a:gd name="T38" fmla="*/ 0 w 55"/>
              <a:gd name="T39" fmla="*/ 224 h 227"/>
              <a:gd name="T40" fmla="*/ 0 w 55"/>
              <a:gd name="T41" fmla="*/ 221 h 227"/>
              <a:gd name="T42" fmla="*/ 0 w 55"/>
              <a:gd name="T43" fmla="*/ 221 h 227"/>
              <a:gd name="T44" fmla="*/ 0 w 55"/>
              <a:gd name="T45" fmla="*/ 113 h 227"/>
              <a:gd name="T46" fmla="*/ 0 w 55"/>
              <a:gd name="T47" fmla="*/ 113 h 227"/>
              <a:gd name="T48" fmla="*/ 1 w 55"/>
              <a:gd name="T49" fmla="*/ 4 h 227"/>
              <a:gd name="T50" fmla="*/ 1 w 55"/>
              <a:gd name="T51" fmla="*/ 4 h 227"/>
              <a:gd name="T52" fmla="*/ 1 w 55"/>
              <a:gd name="T53" fmla="*/ 2 h 227"/>
              <a:gd name="T54" fmla="*/ 2 w 55"/>
              <a:gd name="T55" fmla="*/ 1 h 227"/>
              <a:gd name="T56" fmla="*/ 3 w 55"/>
              <a:gd name="T57" fmla="*/ 0 h 227"/>
              <a:gd name="T58" fmla="*/ 4 w 55"/>
              <a:gd name="T59" fmla="*/ 1 h 227"/>
              <a:gd name="T60" fmla="*/ 4 w 55"/>
              <a:gd name="T61" fmla="*/ 1 h 2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55" h="227">
                <a:moveTo>
                  <a:pt x="4" y="1"/>
                </a:moveTo>
                <a:lnTo>
                  <a:pt x="4" y="1"/>
                </a:lnTo>
                <a:lnTo>
                  <a:pt x="52" y="25"/>
                </a:lnTo>
                <a:lnTo>
                  <a:pt x="52" y="25"/>
                </a:lnTo>
                <a:lnTo>
                  <a:pt x="54" y="27"/>
                </a:lnTo>
                <a:lnTo>
                  <a:pt x="55" y="30"/>
                </a:lnTo>
                <a:lnTo>
                  <a:pt x="55" y="30"/>
                </a:lnTo>
                <a:lnTo>
                  <a:pt x="55" y="117"/>
                </a:lnTo>
                <a:lnTo>
                  <a:pt x="55" y="117"/>
                </a:lnTo>
                <a:lnTo>
                  <a:pt x="55" y="202"/>
                </a:lnTo>
                <a:lnTo>
                  <a:pt x="55" y="202"/>
                </a:lnTo>
                <a:lnTo>
                  <a:pt x="54" y="206"/>
                </a:lnTo>
                <a:lnTo>
                  <a:pt x="53" y="207"/>
                </a:lnTo>
                <a:lnTo>
                  <a:pt x="52" y="208"/>
                </a:lnTo>
                <a:lnTo>
                  <a:pt x="52" y="208"/>
                </a:lnTo>
                <a:lnTo>
                  <a:pt x="3" y="227"/>
                </a:lnTo>
                <a:lnTo>
                  <a:pt x="3" y="227"/>
                </a:lnTo>
                <a:lnTo>
                  <a:pt x="2" y="227"/>
                </a:lnTo>
                <a:lnTo>
                  <a:pt x="1" y="226"/>
                </a:lnTo>
                <a:lnTo>
                  <a:pt x="0" y="224"/>
                </a:lnTo>
                <a:lnTo>
                  <a:pt x="0" y="221"/>
                </a:lnTo>
                <a:lnTo>
                  <a:pt x="0" y="221"/>
                </a:lnTo>
                <a:lnTo>
                  <a:pt x="0" y="113"/>
                </a:lnTo>
                <a:lnTo>
                  <a:pt x="0" y="113"/>
                </a:lnTo>
                <a:lnTo>
                  <a:pt x="1" y="4"/>
                </a:lnTo>
                <a:lnTo>
                  <a:pt x="1" y="4"/>
                </a:lnTo>
                <a:lnTo>
                  <a:pt x="1" y="2"/>
                </a:lnTo>
                <a:lnTo>
                  <a:pt x="2" y="1"/>
                </a:lnTo>
                <a:lnTo>
                  <a:pt x="3" y="0"/>
                </a:lnTo>
                <a:lnTo>
                  <a:pt x="4" y="1"/>
                </a:lnTo>
                <a:lnTo>
                  <a:pt x="4"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1" name="Freeform 400">
            <a:extLst>
              <a:ext uri="{FF2B5EF4-FFF2-40B4-BE49-F238E27FC236}">
                <a16:creationId xmlns:a16="http://schemas.microsoft.com/office/drawing/2014/main" xmlns="" id="{12559FB7-D8AE-42E4-B74D-533302E99A41}"/>
              </a:ext>
            </a:extLst>
          </p:cNvPr>
          <p:cNvSpPr>
            <a:spLocks/>
          </p:cNvSpPr>
          <p:nvPr/>
        </p:nvSpPr>
        <p:spPr bwMode="auto">
          <a:xfrm>
            <a:off x="3450013" y="1570236"/>
            <a:ext cx="23663" cy="21608"/>
          </a:xfrm>
          <a:custGeom>
            <a:avLst/>
            <a:gdLst>
              <a:gd name="T0" fmla="*/ 2 w 39"/>
              <a:gd name="T1" fmla="*/ 0 h 39"/>
              <a:gd name="T2" fmla="*/ 2 w 39"/>
              <a:gd name="T3" fmla="*/ 0 h 39"/>
              <a:gd name="T4" fmla="*/ 37 w 39"/>
              <a:gd name="T5" fmla="*/ 14 h 39"/>
              <a:gd name="T6" fmla="*/ 37 w 39"/>
              <a:gd name="T7" fmla="*/ 14 h 39"/>
              <a:gd name="T8" fmla="*/ 38 w 39"/>
              <a:gd name="T9" fmla="*/ 15 h 39"/>
              <a:gd name="T10" fmla="*/ 39 w 39"/>
              <a:gd name="T11" fmla="*/ 17 h 39"/>
              <a:gd name="T12" fmla="*/ 39 w 39"/>
              <a:gd name="T13" fmla="*/ 17 h 39"/>
              <a:gd name="T14" fmla="*/ 38 w 39"/>
              <a:gd name="T15" fmla="*/ 37 h 39"/>
              <a:gd name="T16" fmla="*/ 38 w 39"/>
              <a:gd name="T17" fmla="*/ 37 h 39"/>
              <a:gd name="T18" fmla="*/ 38 w 39"/>
              <a:gd name="T19" fmla="*/ 38 h 39"/>
              <a:gd name="T20" fmla="*/ 37 w 39"/>
              <a:gd name="T21" fmla="*/ 39 h 39"/>
              <a:gd name="T22" fmla="*/ 37 w 39"/>
              <a:gd name="T23" fmla="*/ 39 h 39"/>
              <a:gd name="T24" fmla="*/ 2 w 39"/>
              <a:gd name="T25" fmla="*/ 28 h 39"/>
              <a:gd name="T26" fmla="*/ 2 w 39"/>
              <a:gd name="T27" fmla="*/ 28 h 39"/>
              <a:gd name="T28" fmla="*/ 1 w 39"/>
              <a:gd name="T29" fmla="*/ 27 h 39"/>
              <a:gd name="T30" fmla="*/ 0 w 39"/>
              <a:gd name="T31" fmla="*/ 25 h 39"/>
              <a:gd name="T32" fmla="*/ 0 w 39"/>
              <a:gd name="T33" fmla="*/ 25 h 39"/>
              <a:gd name="T34" fmla="*/ 0 w 39"/>
              <a:gd name="T35" fmla="*/ 2 h 39"/>
              <a:gd name="T36" fmla="*/ 0 w 39"/>
              <a:gd name="T37" fmla="*/ 2 h 39"/>
              <a:gd name="T38" fmla="*/ 1 w 39"/>
              <a:gd name="T39" fmla="*/ 0 h 39"/>
              <a:gd name="T40" fmla="*/ 2 w 39"/>
              <a:gd name="T41" fmla="*/ 0 h 39"/>
              <a:gd name="T42" fmla="*/ 2 w 39"/>
              <a:gd name="T43" fmla="*/ 0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 h="39">
                <a:moveTo>
                  <a:pt x="2" y="0"/>
                </a:moveTo>
                <a:lnTo>
                  <a:pt x="2" y="0"/>
                </a:lnTo>
                <a:lnTo>
                  <a:pt x="37" y="14"/>
                </a:lnTo>
                <a:lnTo>
                  <a:pt x="37" y="14"/>
                </a:lnTo>
                <a:lnTo>
                  <a:pt x="38" y="15"/>
                </a:lnTo>
                <a:lnTo>
                  <a:pt x="39" y="17"/>
                </a:lnTo>
                <a:lnTo>
                  <a:pt x="39" y="17"/>
                </a:lnTo>
                <a:lnTo>
                  <a:pt x="38" y="37"/>
                </a:lnTo>
                <a:lnTo>
                  <a:pt x="38" y="37"/>
                </a:lnTo>
                <a:lnTo>
                  <a:pt x="38" y="38"/>
                </a:lnTo>
                <a:lnTo>
                  <a:pt x="37" y="39"/>
                </a:lnTo>
                <a:lnTo>
                  <a:pt x="37" y="39"/>
                </a:lnTo>
                <a:lnTo>
                  <a:pt x="2" y="28"/>
                </a:lnTo>
                <a:lnTo>
                  <a:pt x="2" y="28"/>
                </a:lnTo>
                <a:lnTo>
                  <a:pt x="1" y="27"/>
                </a:lnTo>
                <a:lnTo>
                  <a:pt x="0" y="25"/>
                </a:lnTo>
                <a:lnTo>
                  <a:pt x="0" y="25"/>
                </a:lnTo>
                <a:lnTo>
                  <a:pt x="0" y="2"/>
                </a:lnTo>
                <a:lnTo>
                  <a:pt x="0" y="2"/>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2" name="Freeform 401">
            <a:extLst>
              <a:ext uri="{FF2B5EF4-FFF2-40B4-BE49-F238E27FC236}">
                <a16:creationId xmlns:a16="http://schemas.microsoft.com/office/drawing/2014/main" xmlns="" id="{E0145F00-1162-44D7-92BA-2E206F168746}"/>
              </a:ext>
            </a:extLst>
          </p:cNvPr>
          <p:cNvSpPr>
            <a:spLocks/>
          </p:cNvSpPr>
          <p:nvPr/>
        </p:nvSpPr>
        <p:spPr bwMode="auto">
          <a:xfrm>
            <a:off x="3450013" y="1591289"/>
            <a:ext cx="23056" cy="19392"/>
          </a:xfrm>
          <a:custGeom>
            <a:avLst/>
            <a:gdLst>
              <a:gd name="T0" fmla="*/ 2 w 38"/>
              <a:gd name="T1" fmla="*/ 0 h 35"/>
              <a:gd name="T2" fmla="*/ 2 w 38"/>
              <a:gd name="T3" fmla="*/ 0 h 35"/>
              <a:gd name="T4" fmla="*/ 37 w 38"/>
              <a:gd name="T5" fmla="*/ 10 h 35"/>
              <a:gd name="T6" fmla="*/ 37 w 38"/>
              <a:gd name="T7" fmla="*/ 10 h 35"/>
              <a:gd name="T8" fmla="*/ 38 w 38"/>
              <a:gd name="T9" fmla="*/ 11 h 35"/>
              <a:gd name="T10" fmla="*/ 38 w 38"/>
              <a:gd name="T11" fmla="*/ 13 h 35"/>
              <a:gd name="T12" fmla="*/ 38 w 38"/>
              <a:gd name="T13" fmla="*/ 13 h 35"/>
              <a:gd name="T14" fmla="*/ 38 w 38"/>
              <a:gd name="T15" fmla="*/ 33 h 35"/>
              <a:gd name="T16" fmla="*/ 38 w 38"/>
              <a:gd name="T17" fmla="*/ 33 h 35"/>
              <a:gd name="T18" fmla="*/ 38 w 38"/>
              <a:gd name="T19" fmla="*/ 34 h 35"/>
              <a:gd name="T20" fmla="*/ 37 w 38"/>
              <a:gd name="T21" fmla="*/ 35 h 35"/>
              <a:gd name="T22" fmla="*/ 37 w 38"/>
              <a:gd name="T23" fmla="*/ 35 h 35"/>
              <a:gd name="T24" fmla="*/ 2 w 38"/>
              <a:gd name="T25" fmla="*/ 29 h 35"/>
              <a:gd name="T26" fmla="*/ 2 w 38"/>
              <a:gd name="T27" fmla="*/ 29 h 35"/>
              <a:gd name="T28" fmla="*/ 1 w 38"/>
              <a:gd name="T29" fmla="*/ 28 h 35"/>
              <a:gd name="T30" fmla="*/ 0 w 38"/>
              <a:gd name="T31" fmla="*/ 26 h 35"/>
              <a:gd name="T32" fmla="*/ 0 w 38"/>
              <a:gd name="T33" fmla="*/ 26 h 35"/>
              <a:gd name="T34" fmla="*/ 0 w 38"/>
              <a:gd name="T35" fmla="*/ 3 h 35"/>
              <a:gd name="T36" fmla="*/ 0 w 38"/>
              <a:gd name="T37" fmla="*/ 3 h 35"/>
              <a:gd name="T38" fmla="*/ 1 w 38"/>
              <a:gd name="T39" fmla="*/ 1 h 35"/>
              <a:gd name="T40" fmla="*/ 2 w 38"/>
              <a:gd name="T41" fmla="*/ 0 h 35"/>
              <a:gd name="T42" fmla="*/ 2 w 38"/>
              <a:gd name="T43" fmla="*/ 0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35">
                <a:moveTo>
                  <a:pt x="2" y="0"/>
                </a:moveTo>
                <a:lnTo>
                  <a:pt x="2" y="0"/>
                </a:lnTo>
                <a:lnTo>
                  <a:pt x="37" y="10"/>
                </a:lnTo>
                <a:lnTo>
                  <a:pt x="37" y="10"/>
                </a:lnTo>
                <a:lnTo>
                  <a:pt x="38" y="11"/>
                </a:lnTo>
                <a:lnTo>
                  <a:pt x="38" y="13"/>
                </a:lnTo>
                <a:lnTo>
                  <a:pt x="38" y="13"/>
                </a:lnTo>
                <a:lnTo>
                  <a:pt x="38" y="33"/>
                </a:lnTo>
                <a:lnTo>
                  <a:pt x="38" y="33"/>
                </a:lnTo>
                <a:lnTo>
                  <a:pt x="38" y="34"/>
                </a:lnTo>
                <a:lnTo>
                  <a:pt x="37" y="35"/>
                </a:lnTo>
                <a:lnTo>
                  <a:pt x="37" y="35"/>
                </a:lnTo>
                <a:lnTo>
                  <a:pt x="2" y="29"/>
                </a:lnTo>
                <a:lnTo>
                  <a:pt x="2" y="29"/>
                </a:lnTo>
                <a:lnTo>
                  <a:pt x="1" y="28"/>
                </a:lnTo>
                <a:lnTo>
                  <a:pt x="0" y="26"/>
                </a:lnTo>
                <a:lnTo>
                  <a:pt x="0" y="26"/>
                </a:lnTo>
                <a:lnTo>
                  <a:pt x="0" y="3"/>
                </a:lnTo>
                <a:lnTo>
                  <a:pt x="0" y="3"/>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3" name="Freeform 402">
            <a:extLst>
              <a:ext uri="{FF2B5EF4-FFF2-40B4-BE49-F238E27FC236}">
                <a16:creationId xmlns:a16="http://schemas.microsoft.com/office/drawing/2014/main" xmlns="" id="{51BA70CE-57AF-42BC-869A-B3C8D91DAA0B}"/>
              </a:ext>
            </a:extLst>
          </p:cNvPr>
          <p:cNvSpPr>
            <a:spLocks/>
          </p:cNvSpPr>
          <p:nvPr/>
        </p:nvSpPr>
        <p:spPr bwMode="auto">
          <a:xfrm>
            <a:off x="3450013" y="1613450"/>
            <a:ext cx="23056" cy="15514"/>
          </a:xfrm>
          <a:custGeom>
            <a:avLst/>
            <a:gdLst>
              <a:gd name="T0" fmla="*/ 2 w 38"/>
              <a:gd name="T1" fmla="*/ 0 h 28"/>
              <a:gd name="T2" fmla="*/ 2 w 38"/>
              <a:gd name="T3" fmla="*/ 0 h 28"/>
              <a:gd name="T4" fmla="*/ 37 w 38"/>
              <a:gd name="T5" fmla="*/ 4 h 28"/>
              <a:gd name="T6" fmla="*/ 37 w 38"/>
              <a:gd name="T7" fmla="*/ 4 h 28"/>
              <a:gd name="T8" fmla="*/ 38 w 38"/>
              <a:gd name="T9" fmla="*/ 4 h 28"/>
              <a:gd name="T10" fmla="*/ 38 w 38"/>
              <a:gd name="T11" fmla="*/ 6 h 28"/>
              <a:gd name="T12" fmla="*/ 38 w 38"/>
              <a:gd name="T13" fmla="*/ 6 h 28"/>
              <a:gd name="T14" fmla="*/ 38 w 38"/>
              <a:gd name="T15" fmla="*/ 26 h 28"/>
              <a:gd name="T16" fmla="*/ 38 w 38"/>
              <a:gd name="T17" fmla="*/ 26 h 28"/>
              <a:gd name="T18" fmla="*/ 38 w 38"/>
              <a:gd name="T19" fmla="*/ 28 h 28"/>
              <a:gd name="T20" fmla="*/ 37 w 38"/>
              <a:gd name="T21" fmla="*/ 28 h 28"/>
              <a:gd name="T22" fmla="*/ 37 w 38"/>
              <a:gd name="T23" fmla="*/ 28 h 28"/>
              <a:gd name="T24" fmla="*/ 2 w 38"/>
              <a:gd name="T25" fmla="*/ 28 h 28"/>
              <a:gd name="T26" fmla="*/ 2 w 38"/>
              <a:gd name="T27" fmla="*/ 28 h 28"/>
              <a:gd name="T28" fmla="*/ 1 w 38"/>
              <a:gd name="T29" fmla="*/ 27 h 28"/>
              <a:gd name="T30" fmla="*/ 0 w 38"/>
              <a:gd name="T31" fmla="*/ 25 h 28"/>
              <a:gd name="T32" fmla="*/ 0 w 38"/>
              <a:gd name="T33" fmla="*/ 25 h 28"/>
              <a:gd name="T34" fmla="*/ 0 w 38"/>
              <a:gd name="T35" fmla="*/ 2 h 28"/>
              <a:gd name="T36" fmla="*/ 0 w 38"/>
              <a:gd name="T37" fmla="*/ 2 h 28"/>
              <a:gd name="T38" fmla="*/ 1 w 38"/>
              <a:gd name="T39" fmla="*/ 0 h 28"/>
              <a:gd name="T40" fmla="*/ 2 w 38"/>
              <a:gd name="T41" fmla="*/ 0 h 28"/>
              <a:gd name="T42" fmla="*/ 2 w 38"/>
              <a:gd name="T43" fmla="*/ 0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8">
                <a:moveTo>
                  <a:pt x="2" y="0"/>
                </a:moveTo>
                <a:lnTo>
                  <a:pt x="2" y="0"/>
                </a:lnTo>
                <a:lnTo>
                  <a:pt x="37" y="4"/>
                </a:lnTo>
                <a:lnTo>
                  <a:pt x="37" y="4"/>
                </a:lnTo>
                <a:lnTo>
                  <a:pt x="38" y="4"/>
                </a:lnTo>
                <a:lnTo>
                  <a:pt x="38" y="6"/>
                </a:lnTo>
                <a:lnTo>
                  <a:pt x="38" y="6"/>
                </a:lnTo>
                <a:lnTo>
                  <a:pt x="38" y="26"/>
                </a:lnTo>
                <a:lnTo>
                  <a:pt x="38" y="26"/>
                </a:lnTo>
                <a:lnTo>
                  <a:pt x="38" y="28"/>
                </a:lnTo>
                <a:lnTo>
                  <a:pt x="37" y="28"/>
                </a:lnTo>
                <a:lnTo>
                  <a:pt x="37" y="28"/>
                </a:lnTo>
                <a:lnTo>
                  <a:pt x="2" y="28"/>
                </a:lnTo>
                <a:lnTo>
                  <a:pt x="2" y="28"/>
                </a:lnTo>
                <a:lnTo>
                  <a:pt x="1" y="27"/>
                </a:lnTo>
                <a:lnTo>
                  <a:pt x="0" y="25"/>
                </a:lnTo>
                <a:lnTo>
                  <a:pt x="0" y="25"/>
                </a:lnTo>
                <a:lnTo>
                  <a:pt x="0" y="2"/>
                </a:lnTo>
                <a:lnTo>
                  <a:pt x="0" y="2"/>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4" name="Freeform 403">
            <a:extLst>
              <a:ext uri="{FF2B5EF4-FFF2-40B4-BE49-F238E27FC236}">
                <a16:creationId xmlns:a16="http://schemas.microsoft.com/office/drawing/2014/main" xmlns="" id="{936A666B-AA80-4195-A490-1B9A6CB2AE28}"/>
              </a:ext>
            </a:extLst>
          </p:cNvPr>
          <p:cNvSpPr>
            <a:spLocks/>
          </p:cNvSpPr>
          <p:nvPr/>
        </p:nvSpPr>
        <p:spPr bwMode="auto">
          <a:xfrm>
            <a:off x="3450013" y="1633950"/>
            <a:ext cx="23056" cy="17176"/>
          </a:xfrm>
          <a:custGeom>
            <a:avLst/>
            <a:gdLst>
              <a:gd name="T0" fmla="*/ 2 w 38"/>
              <a:gd name="T1" fmla="*/ 2 h 31"/>
              <a:gd name="T2" fmla="*/ 2 w 38"/>
              <a:gd name="T3" fmla="*/ 2 h 31"/>
              <a:gd name="T4" fmla="*/ 37 w 38"/>
              <a:gd name="T5" fmla="*/ 0 h 31"/>
              <a:gd name="T6" fmla="*/ 37 w 38"/>
              <a:gd name="T7" fmla="*/ 0 h 31"/>
              <a:gd name="T8" fmla="*/ 38 w 38"/>
              <a:gd name="T9" fmla="*/ 2 h 31"/>
              <a:gd name="T10" fmla="*/ 38 w 38"/>
              <a:gd name="T11" fmla="*/ 3 h 31"/>
              <a:gd name="T12" fmla="*/ 38 w 38"/>
              <a:gd name="T13" fmla="*/ 3 h 31"/>
              <a:gd name="T14" fmla="*/ 38 w 38"/>
              <a:gd name="T15" fmla="*/ 22 h 31"/>
              <a:gd name="T16" fmla="*/ 38 w 38"/>
              <a:gd name="T17" fmla="*/ 22 h 31"/>
              <a:gd name="T18" fmla="*/ 38 w 38"/>
              <a:gd name="T19" fmla="*/ 24 h 31"/>
              <a:gd name="T20" fmla="*/ 37 w 38"/>
              <a:gd name="T21" fmla="*/ 26 h 31"/>
              <a:gd name="T22" fmla="*/ 37 w 38"/>
              <a:gd name="T23" fmla="*/ 26 h 31"/>
              <a:gd name="T24" fmla="*/ 2 w 38"/>
              <a:gd name="T25" fmla="*/ 31 h 31"/>
              <a:gd name="T26" fmla="*/ 2 w 38"/>
              <a:gd name="T27" fmla="*/ 31 h 31"/>
              <a:gd name="T28" fmla="*/ 0 w 38"/>
              <a:gd name="T29" fmla="*/ 30 h 31"/>
              <a:gd name="T30" fmla="*/ 0 w 38"/>
              <a:gd name="T31" fmla="*/ 28 h 31"/>
              <a:gd name="T32" fmla="*/ 0 w 38"/>
              <a:gd name="T33" fmla="*/ 28 h 31"/>
              <a:gd name="T34" fmla="*/ 0 w 38"/>
              <a:gd name="T35" fmla="*/ 5 h 31"/>
              <a:gd name="T36" fmla="*/ 0 w 38"/>
              <a:gd name="T37" fmla="*/ 5 h 31"/>
              <a:gd name="T38" fmla="*/ 1 w 38"/>
              <a:gd name="T39" fmla="*/ 3 h 31"/>
              <a:gd name="T40" fmla="*/ 2 w 38"/>
              <a:gd name="T41" fmla="*/ 2 h 31"/>
              <a:gd name="T42" fmla="*/ 2 w 38"/>
              <a:gd name="T43" fmla="*/ 2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31">
                <a:moveTo>
                  <a:pt x="2" y="2"/>
                </a:moveTo>
                <a:lnTo>
                  <a:pt x="2" y="2"/>
                </a:lnTo>
                <a:lnTo>
                  <a:pt x="37" y="0"/>
                </a:lnTo>
                <a:lnTo>
                  <a:pt x="37" y="0"/>
                </a:lnTo>
                <a:lnTo>
                  <a:pt x="38" y="2"/>
                </a:lnTo>
                <a:lnTo>
                  <a:pt x="38" y="3"/>
                </a:lnTo>
                <a:lnTo>
                  <a:pt x="38" y="3"/>
                </a:lnTo>
                <a:lnTo>
                  <a:pt x="38" y="22"/>
                </a:lnTo>
                <a:lnTo>
                  <a:pt x="38" y="22"/>
                </a:lnTo>
                <a:lnTo>
                  <a:pt x="38" y="24"/>
                </a:lnTo>
                <a:lnTo>
                  <a:pt x="37" y="26"/>
                </a:lnTo>
                <a:lnTo>
                  <a:pt x="37" y="26"/>
                </a:lnTo>
                <a:lnTo>
                  <a:pt x="2" y="31"/>
                </a:lnTo>
                <a:lnTo>
                  <a:pt x="2" y="31"/>
                </a:lnTo>
                <a:lnTo>
                  <a:pt x="0" y="30"/>
                </a:lnTo>
                <a:lnTo>
                  <a:pt x="0" y="28"/>
                </a:lnTo>
                <a:lnTo>
                  <a:pt x="0" y="28"/>
                </a:lnTo>
                <a:lnTo>
                  <a:pt x="0" y="5"/>
                </a:lnTo>
                <a:lnTo>
                  <a:pt x="0" y="5"/>
                </a:lnTo>
                <a:lnTo>
                  <a:pt x="1" y="3"/>
                </a:lnTo>
                <a:lnTo>
                  <a:pt x="2" y="2"/>
                </a:lnTo>
                <a:lnTo>
                  <a:pt x="2" y="2"/>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5" name="Freeform 404">
            <a:extLst>
              <a:ext uri="{FF2B5EF4-FFF2-40B4-BE49-F238E27FC236}">
                <a16:creationId xmlns:a16="http://schemas.microsoft.com/office/drawing/2014/main" xmlns="" id="{8FEF25AC-935F-4CFD-805D-E2B2B1E66E9D}"/>
              </a:ext>
            </a:extLst>
          </p:cNvPr>
          <p:cNvSpPr>
            <a:spLocks/>
          </p:cNvSpPr>
          <p:nvPr/>
        </p:nvSpPr>
        <p:spPr bwMode="auto">
          <a:xfrm>
            <a:off x="3450013" y="1655007"/>
            <a:ext cx="23056" cy="9419"/>
          </a:xfrm>
          <a:custGeom>
            <a:avLst/>
            <a:gdLst>
              <a:gd name="T0" fmla="*/ 1 w 38"/>
              <a:gd name="T1" fmla="*/ 8 h 17"/>
              <a:gd name="T2" fmla="*/ 1 w 38"/>
              <a:gd name="T3" fmla="*/ 8 h 17"/>
              <a:gd name="T4" fmla="*/ 37 w 38"/>
              <a:gd name="T5" fmla="*/ 0 h 17"/>
              <a:gd name="T6" fmla="*/ 37 w 38"/>
              <a:gd name="T7" fmla="*/ 0 h 17"/>
              <a:gd name="T8" fmla="*/ 38 w 38"/>
              <a:gd name="T9" fmla="*/ 1 h 17"/>
              <a:gd name="T10" fmla="*/ 38 w 38"/>
              <a:gd name="T11" fmla="*/ 3 h 17"/>
              <a:gd name="T12" fmla="*/ 38 w 38"/>
              <a:gd name="T13" fmla="*/ 3 h 17"/>
              <a:gd name="T14" fmla="*/ 38 w 38"/>
              <a:gd name="T15" fmla="*/ 5 h 17"/>
              <a:gd name="T16" fmla="*/ 38 w 38"/>
              <a:gd name="T17" fmla="*/ 5 h 17"/>
              <a:gd name="T18" fmla="*/ 38 w 38"/>
              <a:gd name="T19" fmla="*/ 6 h 17"/>
              <a:gd name="T20" fmla="*/ 37 w 38"/>
              <a:gd name="T21" fmla="*/ 7 h 17"/>
              <a:gd name="T22" fmla="*/ 37 w 38"/>
              <a:gd name="T23" fmla="*/ 7 h 17"/>
              <a:gd name="T24" fmla="*/ 1 w 38"/>
              <a:gd name="T25" fmla="*/ 17 h 17"/>
              <a:gd name="T26" fmla="*/ 1 w 38"/>
              <a:gd name="T27" fmla="*/ 17 h 17"/>
              <a:gd name="T28" fmla="*/ 0 w 38"/>
              <a:gd name="T29" fmla="*/ 16 h 17"/>
              <a:gd name="T30" fmla="*/ 0 w 38"/>
              <a:gd name="T31" fmla="*/ 14 h 17"/>
              <a:gd name="T32" fmla="*/ 0 w 38"/>
              <a:gd name="T33" fmla="*/ 14 h 17"/>
              <a:gd name="T34" fmla="*/ 0 w 38"/>
              <a:gd name="T35" fmla="*/ 12 h 17"/>
              <a:gd name="T36" fmla="*/ 0 w 38"/>
              <a:gd name="T37" fmla="*/ 12 h 17"/>
              <a:gd name="T38" fmla="*/ 0 w 38"/>
              <a:gd name="T39" fmla="*/ 9 h 17"/>
              <a:gd name="T40" fmla="*/ 1 w 38"/>
              <a:gd name="T41" fmla="*/ 8 h 17"/>
              <a:gd name="T42" fmla="*/ 1 w 38"/>
              <a:gd name="T43" fmla="*/ 8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17">
                <a:moveTo>
                  <a:pt x="1" y="8"/>
                </a:moveTo>
                <a:lnTo>
                  <a:pt x="1" y="8"/>
                </a:lnTo>
                <a:lnTo>
                  <a:pt x="37" y="0"/>
                </a:lnTo>
                <a:lnTo>
                  <a:pt x="37" y="0"/>
                </a:lnTo>
                <a:lnTo>
                  <a:pt x="38" y="1"/>
                </a:lnTo>
                <a:lnTo>
                  <a:pt x="38" y="3"/>
                </a:lnTo>
                <a:lnTo>
                  <a:pt x="38" y="3"/>
                </a:lnTo>
                <a:lnTo>
                  <a:pt x="38" y="5"/>
                </a:lnTo>
                <a:lnTo>
                  <a:pt x="38" y="5"/>
                </a:lnTo>
                <a:lnTo>
                  <a:pt x="38" y="6"/>
                </a:lnTo>
                <a:lnTo>
                  <a:pt x="37" y="7"/>
                </a:lnTo>
                <a:lnTo>
                  <a:pt x="37" y="7"/>
                </a:lnTo>
                <a:lnTo>
                  <a:pt x="1" y="17"/>
                </a:lnTo>
                <a:lnTo>
                  <a:pt x="1" y="17"/>
                </a:lnTo>
                <a:lnTo>
                  <a:pt x="0" y="16"/>
                </a:lnTo>
                <a:lnTo>
                  <a:pt x="0" y="14"/>
                </a:lnTo>
                <a:lnTo>
                  <a:pt x="0" y="14"/>
                </a:lnTo>
                <a:lnTo>
                  <a:pt x="0" y="12"/>
                </a:lnTo>
                <a:lnTo>
                  <a:pt x="0" y="12"/>
                </a:lnTo>
                <a:lnTo>
                  <a:pt x="0" y="9"/>
                </a:lnTo>
                <a:lnTo>
                  <a:pt x="1" y="8"/>
                </a:lnTo>
                <a:lnTo>
                  <a:pt x="1" y="8"/>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6" name="Freeform 405">
            <a:extLst>
              <a:ext uri="{FF2B5EF4-FFF2-40B4-BE49-F238E27FC236}">
                <a16:creationId xmlns:a16="http://schemas.microsoft.com/office/drawing/2014/main" xmlns="" id="{F933F20F-C79F-44D8-A511-049F6DE4B4B1}"/>
              </a:ext>
            </a:extLst>
          </p:cNvPr>
          <p:cNvSpPr>
            <a:spLocks/>
          </p:cNvSpPr>
          <p:nvPr/>
        </p:nvSpPr>
        <p:spPr bwMode="auto">
          <a:xfrm>
            <a:off x="3450013" y="1662209"/>
            <a:ext cx="23056" cy="9419"/>
          </a:xfrm>
          <a:custGeom>
            <a:avLst/>
            <a:gdLst>
              <a:gd name="T0" fmla="*/ 1 w 38"/>
              <a:gd name="T1" fmla="*/ 9 h 17"/>
              <a:gd name="T2" fmla="*/ 1 w 38"/>
              <a:gd name="T3" fmla="*/ 9 h 17"/>
              <a:gd name="T4" fmla="*/ 37 w 38"/>
              <a:gd name="T5" fmla="*/ 0 h 17"/>
              <a:gd name="T6" fmla="*/ 37 w 38"/>
              <a:gd name="T7" fmla="*/ 0 h 17"/>
              <a:gd name="T8" fmla="*/ 38 w 38"/>
              <a:gd name="T9" fmla="*/ 1 h 17"/>
              <a:gd name="T10" fmla="*/ 38 w 38"/>
              <a:gd name="T11" fmla="*/ 2 h 17"/>
              <a:gd name="T12" fmla="*/ 38 w 38"/>
              <a:gd name="T13" fmla="*/ 2 h 17"/>
              <a:gd name="T14" fmla="*/ 38 w 38"/>
              <a:gd name="T15" fmla="*/ 4 h 17"/>
              <a:gd name="T16" fmla="*/ 38 w 38"/>
              <a:gd name="T17" fmla="*/ 4 h 17"/>
              <a:gd name="T18" fmla="*/ 38 w 38"/>
              <a:gd name="T19" fmla="*/ 6 h 17"/>
              <a:gd name="T20" fmla="*/ 37 w 38"/>
              <a:gd name="T21" fmla="*/ 7 h 17"/>
              <a:gd name="T22" fmla="*/ 37 w 38"/>
              <a:gd name="T23" fmla="*/ 7 h 17"/>
              <a:gd name="T24" fmla="*/ 1 w 38"/>
              <a:gd name="T25" fmla="*/ 17 h 17"/>
              <a:gd name="T26" fmla="*/ 1 w 38"/>
              <a:gd name="T27" fmla="*/ 17 h 17"/>
              <a:gd name="T28" fmla="*/ 0 w 38"/>
              <a:gd name="T29" fmla="*/ 17 h 17"/>
              <a:gd name="T30" fmla="*/ 0 w 38"/>
              <a:gd name="T31" fmla="*/ 15 h 17"/>
              <a:gd name="T32" fmla="*/ 0 w 38"/>
              <a:gd name="T33" fmla="*/ 15 h 17"/>
              <a:gd name="T34" fmla="*/ 0 w 38"/>
              <a:gd name="T35" fmla="*/ 13 h 17"/>
              <a:gd name="T36" fmla="*/ 0 w 38"/>
              <a:gd name="T37" fmla="*/ 13 h 17"/>
              <a:gd name="T38" fmla="*/ 0 w 38"/>
              <a:gd name="T39" fmla="*/ 10 h 17"/>
              <a:gd name="T40" fmla="*/ 1 w 38"/>
              <a:gd name="T41" fmla="*/ 9 h 17"/>
              <a:gd name="T42" fmla="*/ 1 w 38"/>
              <a:gd name="T43" fmla="*/ 9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17">
                <a:moveTo>
                  <a:pt x="1" y="9"/>
                </a:moveTo>
                <a:lnTo>
                  <a:pt x="1" y="9"/>
                </a:lnTo>
                <a:lnTo>
                  <a:pt x="37" y="0"/>
                </a:lnTo>
                <a:lnTo>
                  <a:pt x="37" y="0"/>
                </a:lnTo>
                <a:lnTo>
                  <a:pt x="38" y="1"/>
                </a:lnTo>
                <a:lnTo>
                  <a:pt x="38" y="2"/>
                </a:lnTo>
                <a:lnTo>
                  <a:pt x="38" y="2"/>
                </a:lnTo>
                <a:lnTo>
                  <a:pt x="38" y="4"/>
                </a:lnTo>
                <a:lnTo>
                  <a:pt x="38" y="4"/>
                </a:lnTo>
                <a:lnTo>
                  <a:pt x="38" y="6"/>
                </a:lnTo>
                <a:lnTo>
                  <a:pt x="37" y="7"/>
                </a:lnTo>
                <a:lnTo>
                  <a:pt x="37" y="7"/>
                </a:lnTo>
                <a:lnTo>
                  <a:pt x="1" y="17"/>
                </a:lnTo>
                <a:lnTo>
                  <a:pt x="1" y="17"/>
                </a:lnTo>
                <a:lnTo>
                  <a:pt x="0" y="17"/>
                </a:lnTo>
                <a:lnTo>
                  <a:pt x="0" y="15"/>
                </a:lnTo>
                <a:lnTo>
                  <a:pt x="0" y="15"/>
                </a:lnTo>
                <a:lnTo>
                  <a:pt x="0" y="13"/>
                </a:lnTo>
                <a:lnTo>
                  <a:pt x="0" y="13"/>
                </a:lnTo>
                <a:lnTo>
                  <a:pt x="0" y="10"/>
                </a:lnTo>
                <a:lnTo>
                  <a:pt x="1" y="9"/>
                </a:lnTo>
                <a:lnTo>
                  <a:pt x="1" y="9"/>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7" name="Freeform 406">
            <a:extLst>
              <a:ext uri="{FF2B5EF4-FFF2-40B4-BE49-F238E27FC236}">
                <a16:creationId xmlns:a16="http://schemas.microsoft.com/office/drawing/2014/main" xmlns="" id="{F688DD7F-7BB2-4E02-9CBC-0D5995D0CAEF}"/>
              </a:ext>
            </a:extLst>
          </p:cNvPr>
          <p:cNvSpPr>
            <a:spLocks/>
          </p:cNvSpPr>
          <p:nvPr/>
        </p:nvSpPr>
        <p:spPr bwMode="auto">
          <a:xfrm>
            <a:off x="3482171" y="1574667"/>
            <a:ext cx="33977" cy="95298"/>
          </a:xfrm>
          <a:custGeom>
            <a:avLst/>
            <a:gdLst>
              <a:gd name="T0" fmla="*/ 5 w 56"/>
              <a:gd name="T1" fmla="*/ 0 h 172"/>
              <a:gd name="T2" fmla="*/ 5 w 56"/>
              <a:gd name="T3" fmla="*/ 0 h 172"/>
              <a:gd name="T4" fmla="*/ 53 w 56"/>
              <a:gd name="T5" fmla="*/ 25 h 172"/>
              <a:gd name="T6" fmla="*/ 53 w 56"/>
              <a:gd name="T7" fmla="*/ 25 h 172"/>
              <a:gd name="T8" fmla="*/ 55 w 56"/>
              <a:gd name="T9" fmla="*/ 27 h 172"/>
              <a:gd name="T10" fmla="*/ 56 w 56"/>
              <a:gd name="T11" fmla="*/ 30 h 172"/>
              <a:gd name="T12" fmla="*/ 56 w 56"/>
              <a:gd name="T13" fmla="*/ 30 h 172"/>
              <a:gd name="T14" fmla="*/ 56 w 56"/>
              <a:gd name="T15" fmla="*/ 90 h 172"/>
              <a:gd name="T16" fmla="*/ 56 w 56"/>
              <a:gd name="T17" fmla="*/ 90 h 172"/>
              <a:gd name="T18" fmla="*/ 56 w 56"/>
              <a:gd name="T19" fmla="*/ 149 h 172"/>
              <a:gd name="T20" fmla="*/ 56 w 56"/>
              <a:gd name="T21" fmla="*/ 149 h 172"/>
              <a:gd name="T22" fmla="*/ 55 w 56"/>
              <a:gd name="T23" fmla="*/ 152 h 172"/>
              <a:gd name="T24" fmla="*/ 53 w 56"/>
              <a:gd name="T25" fmla="*/ 154 h 172"/>
              <a:gd name="T26" fmla="*/ 53 w 56"/>
              <a:gd name="T27" fmla="*/ 154 h 172"/>
              <a:gd name="T28" fmla="*/ 5 w 56"/>
              <a:gd name="T29" fmla="*/ 172 h 172"/>
              <a:gd name="T30" fmla="*/ 5 w 56"/>
              <a:gd name="T31" fmla="*/ 172 h 172"/>
              <a:gd name="T32" fmla="*/ 2 w 56"/>
              <a:gd name="T33" fmla="*/ 172 h 172"/>
              <a:gd name="T34" fmla="*/ 1 w 56"/>
              <a:gd name="T35" fmla="*/ 172 h 172"/>
              <a:gd name="T36" fmla="*/ 0 w 56"/>
              <a:gd name="T37" fmla="*/ 170 h 172"/>
              <a:gd name="T38" fmla="*/ 0 w 56"/>
              <a:gd name="T39" fmla="*/ 169 h 172"/>
              <a:gd name="T40" fmla="*/ 0 w 56"/>
              <a:gd name="T41" fmla="*/ 169 h 172"/>
              <a:gd name="T42" fmla="*/ 0 w 56"/>
              <a:gd name="T43" fmla="*/ 87 h 172"/>
              <a:gd name="T44" fmla="*/ 0 w 56"/>
              <a:gd name="T45" fmla="*/ 87 h 172"/>
              <a:gd name="T46" fmla="*/ 0 w 56"/>
              <a:gd name="T47" fmla="*/ 4 h 172"/>
              <a:gd name="T48" fmla="*/ 0 w 56"/>
              <a:gd name="T49" fmla="*/ 4 h 172"/>
              <a:gd name="T50" fmla="*/ 1 w 56"/>
              <a:gd name="T51" fmla="*/ 2 h 172"/>
              <a:gd name="T52" fmla="*/ 1 w 56"/>
              <a:gd name="T53" fmla="*/ 1 h 172"/>
              <a:gd name="T54" fmla="*/ 2 w 56"/>
              <a:gd name="T55" fmla="*/ 0 h 172"/>
              <a:gd name="T56" fmla="*/ 5 w 56"/>
              <a:gd name="T57" fmla="*/ 0 h 172"/>
              <a:gd name="T58" fmla="*/ 5 w 56"/>
              <a:gd name="T59" fmla="*/ 0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56" h="172">
                <a:moveTo>
                  <a:pt x="5" y="0"/>
                </a:moveTo>
                <a:lnTo>
                  <a:pt x="5" y="0"/>
                </a:lnTo>
                <a:lnTo>
                  <a:pt x="53" y="25"/>
                </a:lnTo>
                <a:lnTo>
                  <a:pt x="53" y="25"/>
                </a:lnTo>
                <a:lnTo>
                  <a:pt x="55" y="27"/>
                </a:lnTo>
                <a:lnTo>
                  <a:pt x="56" y="30"/>
                </a:lnTo>
                <a:lnTo>
                  <a:pt x="56" y="30"/>
                </a:lnTo>
                <a:lnTo>
                  <a:pt x="56" y="90"/>
                </a:lnTo>
                <a:lnTo>
                  <a:pt x="56" y="90"/>
                </a:lnTo>
                <a:lnTo>
                  <a:pt x="56" y="149"/>
                </a:lnTo>
                <a:lnTo>
                  <a:pt x="56" y="149"/>
                </a:lnTo>
                <a:lnTo>
                  <a:pt x="55" y="152"/>
                </a:lnTo>
                <a:lnTo>
                  <a:pt x="53" y="154"/>
                </a:lnTo>
                <a:lnTo>
                  <a:pt x="53" y="154"/>
                </a:lnTo>
                <a:lnTo>
                  <a:pt x="5" y="172"/>
                </a:lnTo>
                <a:lnTo>
                  <a:pt x="5" y="172"/>
                </a:lnTo>
                <a:lnTo>
                  <a:pt x="2" y="172"/>
                </a:lnTo>
                <a:lnTo>
                  <a:pt x="1" y="172"/>
                </a:lnTo>
                <a:lnTo>
                  <a:pt x="0" y="170"/>
                </a:lnTo>
                <a:lnTo>
                  <a:pt x="0" y="169"/>
                </a:lnTo>
                <a:lnTo>
                  <a:pt x="0" y="169"/>
                </a:lnTo>
                <a:lnTo>
                  <a:pt x="0" y="87"/>
                </a:lnTo>
                <a:lnTo>
                  <a:pt x="0" y="87"/>
                </a:lnTo>
                <a:lnTo>
                  <a:pt x="0" y="4"/>
                </a:lnTo>
                <a:lnTo>
                  <a:pt x="0" y="4"/>
                </a:lnTo>
                <a:lnTo>
                  <a:pt x="1" y="2"/>
                </a:lnTo>
                <a:lnTo>
                  <a:pt x="1" y="1"/>
                </a:lnTo>
                <a:lnTo>
                  <a:pt x="2" y="0"/>
                </a:lnTo>
                <a:lnTo>
                  <a:pt x="5" y="0"/>
                </a:lnTo>
                <a:lnTo>
                  <a:pt x="5"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8" name="Freeform 407">
            <a:extLst>
              <a:ext uri="{FF2B5EF4-FFF2-40B4-BE49-F238E27FC236}">
                <a16:creationId xmlns:a16="http://schemas.microsoft.com/office/drawing/2014/main" xmlns="" id="{2E575491-12F9-41BA-AFD7-2FD917A3CA82}"/>
              </a:ext>
            </a:extLst>
          </p:cNvPr>
          <p:cNvSpPr>
            <a:spLocks/>
          </p:cNvSpPr>
          <p:nvPr/>
        </p:nvSpPr>
        <p:spPr bwMode="auto">
          <a:xfrm>
            <a:off x="3487631" y="1584641"/>
            <a:ext cx="22449" cy="17730"/>
          </a:xfrm>
          <a:custGeom>
            <a:avLst/>
            <a:gdLst>
              <a:gd name="T0" fmla="*/ 2 w 37"/>
              <a:gd name="T1" fmla="*/ 0 h 32"/>
              <a:gd name="T2" fmla="*/ 2 w 37"/>
              <a:gd name="T3" fmla="*/ 0 h 32"/>
              <a:gd name="T4" fmla="*/ 36 w 37"/>
              <a:gd name="T5" fmla="*/ 14 h 32"/>
              <a:gd name="T6" fmla="*/ 36 w 37"/>
              <a:gd name="T7" fmla="*/ 14 h 32"/>
              <a:gd name="T8" fmla="*/ 37 w 37"/>
              <a:gd name="T9" fmla="*/ 15 h 32"/>
              <a:gd name="T10" fmla="*/ 37 w 37"/>
              <a:gd name="T11" fmla="*/ 17 h 32"/>
              <a:gd name="T12" fmla="*/ 37 w 37"/>
              <a:gd name="T13" fmla="*/ 17 h 32"/>
              <a:gd name="T14" fmla="*/ 37 w 37"/>
              <a:gd name="T15" fmla="*/ 31 h 32"/>
              <a:gd name="T16" fmla="*/ 37 w 37"/>
              <a:gd name="T17" fmla="*/ 31 h 32"/>
              <a:gd name="T18" fmla="*/ 37 w 37"/>
              <a:gd name="T19" fmla="*/ 32 h 32"/>
              <a:gd name="T20" fmla="*/ 36 w 37"/>
              <a:gd name="T21" fmla="*/ 32 h 32"/>
              <a:gd name="T22" fmla="*/ 36 w 37"/>
              <a:gd name="T23" fmla="*/ 32 h 32"/>
              <a:gd name="T24" fmla="*/ 2 w 37"/>
              <a:gd name="T25" fmla="*/ 22 h 32"/>
              <a:gd name="T26" fmla="*/ 2 w 37"/>
              <a:gd name="T27" fmla="*/ 22 h 32"/>
              <a:gd name="T28" fmla="*/ 1 w 37"/>
              <a:gd name="T29" fmla="*/ 21 h 32"/>
              <a:gd name="T30" fmla="*/ 0 w 37"/>
              <a:gd name="T31" fmla="*/ 18 h 32"/>
              <a:gd name="T32" fmla="*/ 0 w 37"/>
              <a:gd name="T33" fmla="*/ 18 h 32"/>
              <a:gd name="T34" fmla="*/ 0 w 37"/>
              <a:gd name="T35" fmla="*/ 2 h 32"/>
              <a:gd name="T36" fmla="*/ 0 w 37"/>
              <a:gd name="T37" fmla="*/ 2 h 32"/>
              <a:gd name="T38" fmla="*/ 1 w 37"/>
              <a:gd name="T39" fmla="*/ 0 h 32"/>
              <a:gd name="T40" fmla="*/ 2 w 37"/>
              <a:gd name="T41" fmla="*/ 0 h 32"/>
              <a:gd name="T42" fmla="*/ 2 w 37"/>
              <a:gd name="T43" fmla="*/ 0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32">
                <a:moveTo>
                  <a:pt x="2" y="0"/>
                </a:moveTo>
                <a:lnTo>
                  <a:pt x="2" y="0"/>
                </a:lnTo>
                <a:lnTo>
                  <a:pt x="36" y="14"/>
                </a:lnTo>
                <a:lnTo>
                  <a:pt x="36" y="14"/>
                </a:lnTo>
                <a:lnTo>
                  <a:pt x="37" y="15"/>
                </a:lnTo>
                <a:lnTo>
                  <a:pt x="37" y="17"/>
                </a:lnTo>
                <a:lnTo>
                  <a:pt x="37" y="17"/>
                </a:lnTo>
                <a:lnTo>
                  <a:pt x="37" y="31"/>
                </a:lnTo>
                <a:lnTo>
                  <a:pt x="37" y="31"/>
                </a:lnTo>
                <a:lnTo>
                  <a:pt x="37" y="32"/>
                </a:lnTo>
                <a:lnTo>
                  <a:pt x="36" y="32"/>
                </a:lnTo>
                <a:lnTo>
                  <a:pt x="36" y="32"/>
                </a:lnTo>
                <a:lnTo>
                  <a:pt x="2" y="22"/>
                </a:lnTo>
                <a:lnTo>
                  <a:pt x="2" y="22"/>
                </a:lnTo>
                <a:lnTo>
                  <a:pt x="1" y="21"/>
                </a:lnTo>
                <a:lnTo>
                  <a:pt x="0" y="18"/>
                </a:lnTo>
                <a:lnTo>
                  <a:pt x="0" y="18"/>
                </a:lnTo>
                <a:lnTo>
                  <a:pt x="0" y="2"/>
                </a:lnTo>
                <a:lnTo>
                  <a:pt x="0" y="2"/>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79" name="Freeform 408">
            <a:extLst>
              <a:ext uri="{FF2B5EF4-FFF2-40B4-BE49-F238E27FC236}">
                <a16:creationId xmlns:a16="http://schemas.microsoft.com/office/drawing/2014/main" xmlns="" id="{70030341-B4A9-4380-8A69-EB55296FBB1C}"/>
              </a:ext>
            </a:extLst>
          </p:cNvPr>
          <p:cNvSpPr>
            <a:spLocks/>
          </p:cNvSpPr>
          <p:nvPr/>
        </p:nvSpPr>
        <p:spPr bwMode="auto">
          <a:xfrm>
            <a:off x="3487631" y="1600708"/>
            <a:ext cx="22449" cy="14960"/>
          </a:xfrm>
          <a:custGeom>
            <a:avLst/>
            <a:gdLst>
              <a:gd name="T0" fmla="*/ 2 w 37"/>
              <a:gd name="T1" fmla="*/ 0 h 27"/>
              <a:gd name="T2" fmla="*/ 2 w 37"/>
              <a:gd name="T3" fmla="*/ 0 h 27"/>
              <a:gd name="T4" fmla="*/ 36 w 37"/>
              <a:gd name="T5" fmla="*/ 9 h 27"/>
              <a:gd name="T6" fmla="*/ 36 w 37"/>
              <a:gd name="T7" fmla="*/ 9 h 27"/>
              <a:gd name="T8" fmla="*/ 37 w 37"/>
              <a:gd name="T9" fmla="*/ 10 h 27"/>
              <a:gd name="T10" fmla="*/ 37 w 37"/>
              <a:gd name="T11" fmla="*/ 12 h 27"/>
              <a:gd name="T12" fmla="*/ 37 w 37"/>
              <a:gd name="T13" fmla="*/ 12 h 27"/>
              <a:gd name="T14" fmla="*/ 37 w 37"/>
              <a:gd name="T15" fmla="*/ 26 h 27"/>
              <a:gd name="T16" fmla="*/ 37 w 37"/>
              <a:gd name="T17" fmla="*/ 26 h 27"/>
              <a:gd name="T18" fmla="*/ 37 w 37"/>
              <a:gd name="T19" fmla="*/ 27 h 27"/>
              <a:gd name="T20" fmla="*/ 36 w 37"/>
              <a:gd name="T21" fmla="*/ 27 h 27"/>
              <a:gd name="T22" fmla="*/ 36 w 37"/>
              <a:gd name="T23" fmla="*/ 27 h 27"/>
              <a:gd name="T24" fmla="*/ 2 w 37"/>
              <a:gd name="T25" fmla="*/ 22 h 27"/>
              <a:gd name="T26" fmla="*/ 2 w 37"/>
              <a:gd name="T27" fmla="*/ 22 h 27"/>
              <a:gd name="T28" fmla="*/ 1 w 37"/>
              <a:gd name="T29" fmla="*/ 21 h 27"/>
              <a:gd name="T30" fmla="*/ 0 w 37"/>
              <a:gd name="T31" fmla="*/ 20 h 27"/>
              <a:gd name="T32" fmla="*/ 0 w 37"/>
              <a:gd name="T33" fmla="*/ 20 h 27"/>
              <a:gd name="T34" fmla="*/ 0 w 37"/>
              <a:gd name="T35" fmla="*/ 2 h 27"/>
              <a:gd name="T36" fmla="*/ 0 w 37"/>
              <a:gd name="T37" fmla="*/ 2 h 27"/>
              <a:gd name="T38" fmla="*/ 1 w 37"/>
              <a:gd name="T39" fmla="*/ 1 h 27"/>
              <a:gd name="T40" fmla="*/ 2 w 37"/>
              <a:gd name="T41" fmla="*/ 0 h 27"/>
              <a:gd name="T42" fmla="*/ 2 w 37"/>
              <a:gd name="T43" fmla="*/ 0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27">
                <a:moveTo>
                  <a:pt x="2" y="0"/>
                </a:moveTo>
                <a:lnTo>
                  <a:pt x="2" y="0"/>
                </a:lnTo>
                <a:lnTo>
                  <a:pt x="36" y="9"/>
                </a:lnTo>
                <a:lnTo>
                  <a:pt x="36" y="9"/>
                </a:lnTo>
                <a:lnTo>
                  <a:pt x="37" y="10"/>
                </a:lnTo>
                <a:lnTo>
                  <a:pt x="37" y="12"/>
                </a:lnTo>
                <a:lnTo>
                  <a:pt x="37" y="12"/>
                </a:lnTo>
                <a:lnTo>
                  <a:pt x="37" y="26"/>
                </a:lnTo>
                <a:lnTo>
                  <a:pt x="37" y="26"/>
                </a:lnTo>
                <a:lnTo>
                  <a:pt x="37" y="27"/>
                </a:lnTo>
                <a:lnTo>
                  <a:pt x="36" y="27"/>
                </a:lnTo>
                <a:lnTo>
                  <a:pt x="36" y="27"/>
                </a:lnTo>
                <a:lnTo>
                  <a:pt x="2" y="22"/>
                </a:lnTo>
                <a:lnTo>
                  <a:pt x="2" y="22"/>
                </a:lnTo>
                <a:lnTo>
                  <a:pt x="1" y="21"/>
                </a:lnTo>
                <a:lnTo>
                  <a:pt x="0" y="20"/>
                </a:lnTo>
                <a:lnTo>
                  <a:pt x="0" y="20"/>
                </a:lnTo>
                <a:lnTo>
                  <a:pt x="0" y="2"/>
                </a:lnTo>
                <a:lnTo>
                  <a:pt x="0" y="2"/>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80" name="Freeform 409">
            <a:extLst>
              <a:ext uri="{FF2B5EF4-FFF2-40B4-BE49-F238E27FC236}">
                <a16:creationId xmlns:a16="http://schemas.microsoft.com/office/drawing/2014/main" xmlns="" id="{6D53E711-FD48-407A-A3E0-661F84B90A8F}"/>
              </a:ext>
            </a:extLst>
          </p:cNvPr>
          <p:cNvSpPr>
            <a:spLocks/>
          </p:cNvSpPr>
          <p:nvPr/>
        </p:nvSpPr>
        <p:spPr bwMode="auto">
          <a:xfrm>
            <a:off x="3487631" y="1617330"/>
            <a:ext cx="22449" cy="11635"/>
          </a:xfrm>
          <a:custGeom>
            <a:avLst/>
            <a:gdLst>
              <a:gd name="T0" fmla="*/ 2 w 37"/>
              <a:gd name="T1" fmla="*/ 0 h 21"/>
              <a:gd name="T2" fmla="*/ 2 w 37"/>
              <a:gd name="T3" fmla="*/ 0 h 21"/>
              <a:gd name="T4" fmla="*/ 36 w 37"/>
              <a:gd name="T5" fmla="*/ 3 h 21"/>
              <a:gd name="T6" fmla="*/ 36 w 37"/>
              <a:gd name="T7" fmla="*/ 3 h 21"/>
              <a:gd name="T8" fmla="*/ 37 w 37"/>
              <a:gd name="T9" fmla="*/ 4 h 21"/>
              <a:gd name="T10" fmla="*/ 37 w 37"/>
              <a:gd name="T11" fmla="*/ 5 h 21"/>
              <a:gd name="T12" fmla="*/ 37 w 37"/>
              <a:gd name="T13" fmla="*/ 5 h 21"/>
              <a:gd name="T14" fmla="*/ 37 w 37"/>
              <a:gd name="T15" fmla="*/ 20 h 21"/>
              <a:gd name="T16" fmla="*/ 37 w 37"/>
              <a:gd name="T17" fmla="*/ 20 h 21"/>
              <a:gd name="T18" fmla="*/ 37 w 37"/>
              <a:gd name="T19" fmla="*/ 21 h 21"/>
              <a:gd name="T20" fmla="*/ 36 w 37"/>
              <a:gd name="T21" fmla="*/ 21 h 21"/>
              <a:gd name="T22" fmla="*/ 36 w 37"/>
              <a:gd name="T23" fmla="*/ 21 h 21"/>
              <a:gd name="T24" fmla="*/ 2 w 37"/>
              <a:gd name="T25" fmla="*/ 21 h 21"/>
              <a:gd name="T26" fmla="*/ 2 w 37"/>
              <a:gd name="T27" fmla="*/ 21 h 21"/>
              <a:gd name="T28" fmla="*/ 1 w 37"/>
              <a:gd name="T29" fmla="*/ 21 h 21"/>
              <a:gd name="T30" fmla="*/ 0 w 37"/>
              <a:gd name="T31" fmla="*/ 19 h 21"/>
              <a:gd name="T32" fmla="*/ 0 w 37"/>
              <a:gd name="T33" fmla="*/ 19 h 21"/>
              <a:gd name="T34" fmla="*/ 0 w 37"/>
              <a:gd name="T35" fmla="*/ 2 h 21"/>
              <a:gd name="T36" fmla="*/ 0 w 37"/>
              <a:gd name="T37" fmla="*/ 2 h 21"/>
              <a:gd name="T38" fmla="*/ 1 w 37"/>
              <a:gd name="T39" fmla="*/ 0 h 21"/>
              <a:gd name="T40" fmla="*/ 2 w 37"/>
              <a:gd name="T41" fmla="*/ 0 h 21"/>
              <a:gd name="T42" fmla="*/ 2 w 37"/>
              <a:gd name="T43" fmla="*/ 0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21">
                <a:moveTo>
                  <a:pt x="2" y="0"/>
                </a:moveTo>
                <a:lnTo>
                  <a:pt x="2" y="0"/>
                </a:lnTo>
                <a:lnTo>
                  <a:pt x="36" y="3"/>
                </a:lnTo>
                <a:lnTo>
                  <a:pt x="36" y="3"/>
                </a:lnTo>
                <a:lnTo>
                  <a:pt x="37" y="4"/>
                </a:lnTo>
                <a:lnTo>
                  <a:pt x="37" y="5"/>
                </a:lnTo>
                <a:lnTo>
                  <a:pt x="37" y="5"/>
                </a:lnTo>
                <a:lnTo>
                  <a:pt x="37" y="20"/>
                </a:lnTo>
                <a:lnTo>
                  <a:pt x="37" y="20"/>
                </a:lnTo>
                <a:lnTo>
                  <a:pt x="37" y="21"/>
                </a:lnTo>
                <a:lnTo>
                  <a:pt x="36" y="21"/>
                </a:lnTo>
                <a:lnTo>
                  <a:pt x="36" y="21"/>
                </a:lnTo>
                <a:lnTo>
                  <a:pt x="2" y="21"/>
                </a:lnTo>
                <a:lnTo>
                  <a:pt x="2" y="21"/>
                </a:lnTo>
                <a:lnTo>
                  <a:pt x="1" y="21"/>
                </a:lnTo>
                <a:lnTo>
                  <a:pt x="0" y="19"/>
                </a:lnTo>
                <a:lnTo>
                  <a:pt x="0" y="19"/>
                </a:lnTo>
                <a:lnTo>
                  <a:pt x="0" y="2"/>
                </a:lnTo>
                <a:lnTo>
                  <a:pt x="0" y="2"/>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81" name="Freeform 410">
            <a:extLst>
              <a:ext uri="{FF2B5EF4-FFF2-40B4-BE49-F238E27FC236}">
                <a16:creationId xmlns:a16="http://schemas.microsoft.com/office/drawing/2014/main" xmlns="" id="{3E366B20-9023-412D-9C19-7274C885056C}"/>
              </a:ext>
            </a:extLst>
          </p:cNvPr>
          <p:cNvSpPr>
            <a:spLocks/>
          </p:cNvSpPr>
          <p:nvPr/>
        </p:nvSpPr>
        <p:spPr bwMode="auto">
          <a:xfrm>
            <a:off x="3487631" y="1632844"/>
            <a:ext cx="22449" cy="12743"/>
          </a:xfrm>
          <a:custGeom>
            <a:avLst/>
            <a:gdLst>
              <a:gd name="T0" fmla="*/ 2 w 37"/>
              <a:gd name="T1" fmla="*/ 1 h 23"/>
              <a:gd name="T2" fmla="*/ 2 w 37"/>
              <a:gd name="T3" fmla="*/ 1 h 23"/>
              <a:gd name="T4" fmla="*/ 36 w 37"/>
              <a:gd name="T5" fmla="*/ 0 h 23"/>
              <a:gd name="T6" fmla="*/ 36 w 37"/>
              <a:gd name="T7" fmla="*/ 0 h 23"/>
              <a:gd name="T8" fmla="*/ 37 w 37"/>
              <a:gd name="T9" fmla="*/ 0 h 23"/>
              <a:gd name="T10" fmla="*/ 37 w 37"/>
              <a:gd name="T11" fmla="*/ 1 h 23"/>
              <a:gd name="T12" fmla="*/ 37 w 37"/>
              <a:gd name="T13" fmla="*/ 1 h 23"/>
              <a:gd name="T14" fmla="*/ 37 w 37"/>
              <a:gd name="T15" fmla="*/ 16 h 23"/>
              <a:gd name="T16" fmla="*/ 37 w 37"/>
              <a:gd name="T17" fmla="*/ 16 h 23"/>
              <a:gd name="T18" fmla="*/ 37 w 37"/>
              <a:gd name="T19" fmla="*/ 17 h 23"/>
              <a:gd name="T20" fmla="*/ 36 w 37"/>
              <a:gd name="T21" fmla="*/ 18 h 23"/>
              <a:gd name="T22" fmla="*/ 36 w 37"/>
              <a:gd name="T23" fmla="*/ 18 h 23"/>
              <a:gd name="T24" fmla="*/ 2 w 37"/>
              <a:gd name="T25" fmla="*/ 23 h 23"/>
              <a:gd name="T26" fmla="*/ 2 w 37"/>
              <a:gd name="T27" fmla="*/ 23 h 23"/>
              <a:gd name="T28" fmla="*/ 1 w 37"/>
              <a:gd name="T29" fmla="*/ 22 h 23"/>
              <a:gd name="T30" fmla="*/ 0 w 37"/>
              <a:gd name="T31" fmla="*/ 21 h 23"/>
              <a:gd name="T32" fmla="*/ 0 w 37"/>
              <a:gd name="T33" fmla="*/ 21 h 23"/>
              <a:gd name="T34" fmla="*/ 0 w 37"/>
              <a:gd name="T35" fmla="*/ 4 h 23"/>
              <a:gd name="T36" fmla="*/ 0 w 37"/>
              <a:gd name="T37" fmla="*/ 4 h 23"/>
              <a:gd name="T38" fmla="*/ 1 w 37"/>
              <a:gd name="T39" fmla="*/ 2 h 23"/>
              <a:gd name="T40" fmla="*/ 2 w 37"/>
              <a:gd name="T41" fmla="*/ 1 h 23"/>
              <a:gd name="T42" fmla="*/ 2 w 37"/>
              <a:gd name="T43" fmla="*/ 1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23">
                <a:moveTo>
                  <a:pt x="2" y="1"/>
                </a:moveTo>
                <a:lnTo>
                  <a:pt x="2" y="1"/>
                </a:lnTo>
                <a:lnTo>
                  <a:pt x="36" y="0"/>
                </a:lnTo>
                <a:lnTo>
                  <a:pt x="36" y="0"/>
                </a:lnTo>
                <a:lnTo>
                  <a:pt x="37" y="0"/>
                </a:lnTo>
                <a:lnTo>
                  <a:pt x="37" y="1"/>
                </a:lnTo>
                <a:lnTo>
                  <a:pt x="37" y="1"/>
                </a:lnTo>
                <a:lnTo>
                  <a:pt x="37" y="16"/>
                </a:lnTo>
                <a:lnTo>
                  <a:pt x="37" y="16"/>
                </a:lnTo>
                <a:lnTo>
                  <a:pt x="37" y="17"/>
                </a:lnTo>
                <a:lnTo>
                  <a:pt x="36" y="18"/>
                </a:lnTo>
                <a:lnTo>
                  <a:pt x="36" y="18"/>
                </a:lnTo>
                <a:lnTo>
                  <a:pt x="2" y="23"/>
                </a:lnTo>
                <a:lnTo>
                  <a:pt x="2" y="23"/>
                </a:lnTo>
                <a:lnTo>
                  <a:pt x="1" y="22"/>
                </a:lnTo>
                <a:lnTo>
                  <a:pt x="0" y="21"/>
                </a:lnTo>
                <a:lnTo>
                  <a:pt x="0" y="21"/>
                </a:lnTo>
                <a:lnTo>
                  <a:pt x="0" y="4"/>
                </a:lnTo>
                <a:lnTo>
                  <a:pt x="0" y="4"/>
                </a:lnTo>
                <a:lnTo>
                  <a:pt x="1" y="2"/>
                </a:lnTo>
                <a:lnTo>
                  <a:pt x="2" y="1"/>
                </a:lnTo>
                <a:lnTo>
                  <a:pt x="2"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82" name="Freeform 411">
            <a:extLst>
              <a:ext uri="{FF2B5EF4-FFF2-40B4-BE49-F238E27FC236}">
                <a16:creationId xmlns:a16="http://schemas.microsoft.com/office/drawing/2014/main" xmlns="" id="{B294A5D9-C342-43E6-935A-575B2E6186C1}"/>
              </a:ext>
            </a:extLst>
          </p:cNvPr>
          <p:cNvSpPr>
            <a:spLocks/>
          </p:cNvSpPr>
          <p:nvPr/>
        </p:nvSpPr>
        <p:spPr bwMode="auto">
          <a:xfrm>
            <a:off x="3487631" y="1648358"/>
            <a:ext cx="22449" cy="7203"/>
          </a:xfrm>
          <a:custGeom>
            <a:avLst/>
            <a:gdLst>
              <a:gd name="T0" fmla="*/ 2 w 37"/>
              <a:gd name="T1" fmla="*/ 7 h 13"/>
              <a:gd name="T2" fmla="*/ 2 w 37"/>
              <a:gd name="T3" fmla="*/ 7 h 13"/>
              <a:gd name="T4" fmla="*/ 36 w 37"/>
              <a:gd name="T5" fmla="*/ 0 h 13"/>
              <a:gd name="T6" fmla="*/ 36 w 37"/>
              <a:gd name="T7" fmla="*/ 0 h 13"/>
              <a:gd name="T8" fmla="*/ 37 w 37"/>
              <a:gd name="T9" fmla="*/ 0 h 13"/>
              <a:gd name="T10" fmla="*/ 37 w 37"/>
              <a:gd name="T11" fmla="*/ 1 h 13"/>
              <a:gd name="T12" fmla="*/ 37 w 37"/>
              <a:gd name="T13" fmla="*/ 1 h 13"/>
              <a:gd name="T14" fmla="*/ 37 w 37"/>
              <a:gd name="T15" fmla="*/ 2 h 13"/>
              <a:gd name="T16" fmla="*/ 37 w 37"/>
              <a:gd name="T17" fmla="*/ 2 h 13"/>
              <a:gd name="T18" fmla="*/ 37 w 37"/>
              <a:gd name="T19" fmla="*/ 4 h 13"/>
              <a:gd name="T20" fmla="*/ 36 w 37"/>
              <a:gd name="T21" fmla="*/ 5 h 13"/>
              <a:gd name="T22" fmla="*/ 36 w 37"/>
              <a:gd name="T23" fmla="*/ 5 h 13"/>
              <a:gd name="T24" fmla="*/ 2 w 37"/>
              <a:gd name="T25" fmla="*/ 13 h 13"/>
              <a:gd name="T26" fmla="*/ 2 w 37"/>
              <a:gd name="T27" fmla="*/ 13 h 13"/>
              <a:gd name="T28" fmla="*/ 1 w 37"/>
              <a:gd name="T29" fmla="*/ 13 h 13"/>
              <a:gd name="T30" fmla="*/ 0 w 37"/>
              <a:gd name="T31" fmla="*/ 11 h 13"/>
              <a:gd name="T32" fmla="*/ 0 w 37"/>
              <a:gd name="T33" fmla="*/ 11 h 13"/>
              <a:gd name="T34" fmla="*/ 0 w 37"/>
              <a:gd name="T35" fmla="*/ 9 h 13"/>
              <a:gd name="T36" fmla="*/ 0 w 37"/>
              <a:gd name="T37" fmla="*/ 9 h 13"/>
              <a:gd name="T38" fmla="*/ 1 w 37"/>
              <a:gd name="T39" fmla="*/ 8 h 13"/>
              <a:gd name="T40" fmla="*/ 2 w 37"/>
              <a:gd name="T41" fmla="*/ 7 h 13"/>
              <a:gd name="T42" fmla="*/ 2 w 37"/>
              <a:gd name="T43" fmla="*/ 7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13">
                <a:moveTo>
                  <a:pt x="2" y="7"/>
                </a:moveTo>
                <a:lnTo>
                  <a:pt x="2" y="7"/>
                </a:lnTo>
                <a:lnTo>
                  <a:pt x="36" y="0"/>
                </a:lnTo>
                <a:lnTo>
                  <a:pt x="36" y="0"/>
                </a:lnTo>
                <a:lnTo>
                  <a:pt x="37" y="0"/>
                </a:lnTo>
                <a:lnTo>
                  <a:pt x="37" y="1"/>
                </a:lnTo>
                <a:lnTo>
                  <a:pt x="37" y="1"/>
                </a:lnTo>
                <a:lnTo>
                  <a:pt x="37" y="2"/>
                </a:lnTo>
                <a:lnTo>
                  <a:pt x="37" y="2"/>
                </a:lnTo>
                <a:lnTo>
                  <a:pt x="37" y="4"/>
                </a:lnTo>
                <a:lnTo>
                  <a:pt x="36" y="5"/>
                </a:lnTo>
                <a:lnTo>
                  <a:pt x="36" y="5"/>
                </a:lnTo>
                <a:lnTo>
                  <a:pt x="2" y="13"/>
                </a:lnTo>
                <a:lnTo>
                  <a:pt x="2" y="13"/>
                </a:lnTo>
                <a:lnTo>
                  <a:pt x="1" y="13"/>
                </a:lnTo>
                <a:lnTo>
                  <a:pt x="0" y="11"/>
                </a:lnTo>
                <a:lnTo>
                  <a:pt x="0" y="11"/>
                </a:lnTo>
                <a:lnTo>
                  <a:pt x="0" y="9"/>
                </a:lnTo>
                <a:lnTo>
                  <a:pt x="0" y="9"/>
                </a:lnTo>
                <a:lnTo>
                  <a:pt x="1" y="8"/>
                </a:lnTo>
                <a:lnTo>
                  <a:pt x="2" y="7"/>
                </a:lnTo>
                <a:lnTo>
                  <a:pt x="2" y="7"/>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83" name="Freeform 412">
            <a:extLst>
              <a:ext uri="{FF2B5EF4-FFF2-40B4-BE49-F238E27FC236}">
                <a16:creationId xmlns:a16="http://schemas.microsoft.com/office/drawing/2014/main" xmlns="" id="{5D517F2E-A1C9-4E14-B6DF-D9A3D37577E1}"/>
              </a:ext>
            </a:extLst>
          </p:cNvPr>
          <p:cNvSpPr>
            <a:spLocks/>
          </p:cNvSpPr>
          <p:nvPr/>
        </p:nvSpPr>
        <p:spPr bwMode="auto">
          <a:xfrm>
            <a:off x="3487631" y="1652790"/>
            <a:ext cx="22449" cy="8865"/>
          </a:xfrm>
          <a:custGeom>
            <a:avLst/>
            <a:gdLst>
              <a:gd name="T0" fmla="*/ 2 w 37"/>
              <a:gd name="T1" fmla="*/ 9 h 16"/>
              <a:gd name="T2" fmla="*/ 2 w 37"/>
              <a:gd name="T3" fmla="*/ 9 h 16"/>
              <a:gd name="T4" fmla="*/ 36 w 37"/>
              <a:gd name="T5" fmla="*/ 0 h 16"/>
              <a:gd name="T6" fmla="*/ 36 w 37"/>
              <a:gd name="T7" fmla="*/ 0 h 16"/>
              <a:gd name="T8" fmla="*/ 37 w 37"/>
              <a:gd name="T9" fmla="*/ 0 h 16"/>
              <a:gd name="T10" fmla="*/ 37 w 37"/>
              <a:gd name="T11" fmla="*/ 1 h 16"/>
              <a:gd name="T12" fmla="*/ 37 w 37"/>
              <a:gd name="T13" fmla="*/ 1 h 16"/>
              <a:gd name="T14" fmla="*/ 37 w 37"/>
              <a:gd name="T15" fmla="*/ 3 h 16"/>
              <a:gd name="T16" fmla="*/ 37 w 37"/>
              <a:gd name="T17" fmla="*/ 3 h 16"/>
              <a:gd name="T18" fmla="*/ 37 w 37"/>
              <a:gd name="T19" fmla="*/ 4 h 16"/>
              <a:gd name="T20" fmla="*/ 36 w 37"/>
              <a:gd name="T21" fmla="*/ 5 h 16"/>
              <a:gd name="T22" fmla="*/ 36 w 37"/>
              <a:gd name="T23" fmla="*/ 5 h 16"/>
              <a:gd name="T24" fmla="*/ 2 w 37"/>
              <a:gd name="T25" fmla="*/ 16 h 16"/>
              <a:gd name="T26" fmla="*/ 2 w 37"/>
              <a:gd name="T27" fmla="*/ 16 h 16"/>
              <a:gd name="T28" fmla="*/ 1 w 37"/>
              <a:gd name="T29" fmla="*/ 16 h 16"/>
              <a:gd name="T30" fmla="*/ 0 w 37"/>
              <a:gd name="T31" fmla="*/ 13 h 16"/>
              <a:gd name="T32" fmla="*/ 0 w 37"/>
              <a:gd name="T33" fmla="*/ 13 h 16"/>
              <a:gd name="T34" fmla="*/ 0 w 37"/>
              <a:gd name="T35" fmla="*/ 12 h 16"/>
              <a:gd name="T36" fmla="*/ 0 w 37"/>
              <a:gd name="T37" fmla="*/ 12 h 16"/>
              <a:gd name="T38" fmla="*/ 1 w 37"/>
              <a:gd name="T39" fmla="*/ 10 h 16"/>
              <a:gd name="T40" fmla="*/ 2 w 37"/>
              <a:gd name="T41" fmla="*/ 9 h 16"/>
              <a:gd name="T42" fmla="*/ 2 w 37"/>
              <a:gd name="T43" fmla="*/ 9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16">
                <a:moveTo>
                  <a:pt x="2" y="9"/>
                </a:moveTo>
                <a:lnTo>
                  <a:pt x="2" y="9"/>
                </a:lnTo>
                <a:lnTo>
                  <a:pt x="36" y="0"/>
                </a:lnTo>
                <a:lnTo>
                  <a:pt x="36" y="0"/>
                </a:lnTo>
                <a:lnTo>
                  <a:pt x="37" y="0"/>
                </a:lnTo>
                <a:lnTo>
                  <a:pt x="37" y="1"/>
                </a:lnTo>
                <a:lnTo>
                  <a:pt x="37" y="1"/>
                </a:lnTo>
                <a:lnTo>
                  <a:pt x="37" y="3"/>
                </a:lnTo>
                <a:lnTo>
                  <a:pt x="37" y="3"/>
                </a:lnTo>
                <a:lnTo>
                  <a:pt x="37" y="4"/>
                </a:lnTo>
                <a:lnTo>
                  <a:pt x="36" y="5"/>
                </a:lnTo>
                <a:lnTo>
                  <a:pt x="36" y="5"/>
                </a:lnTo>
                <a:lnTo>
                  <a:pt x="2" y="16"/>
                </a:lnTo>
                <a:lnTo>
                  <a:pt x="2" y="16"/>
                </a:lnTo>
                <a:lnTo>
                  <a:pt x="1" y="16"/>
                </a:lnTo>
                <a:lnTo>
                  <a:pt x="0" y="13"/>
                </a:lnTo>
                <a:lnTo>
                  <a:pt x="0" y="13"/>
                </a:lnTo>
                <a:lnTo>
                  <a:pt x="0" y="12"/>
                </a:lnTo>
                <a:lnTo>
                  <a:pt x="0" y="12"/>
                </a:lnTo>
                <a:lnTo>
                  <a:pt x="1" y="10"/>
                </a:lnTo>
                <a:lnTo>
                  <a:pt x="2" y="9"/>
                </a:lnTo>
                <a:lnTo>
                  <a:pt x="2" y="9"/>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84" name="Freeform 413">
            <a:extLst>
              <a:ext uri="{FF2B5EF4-FFF2-40B4-BE49-F238E27FC236}">
                <a16:creationId xmlns:a16="http://schemas.microsoft.com/office/drawing/2014/main" xmlns="" id="{B574EF51-003B-4732-B64C-02E687DA180B}"/>
              </a:ext>
            </a:extLst>
          </p:cNvPr>
          <p:cNvSpPr>
            <a:spLocks/>
          </p:cNvSpPr>
          <p:nvPr/>
        </p:nvSpPr>
        <p:spPr bwMode="auto">
          <a:xfrm>
            <a:off x="3269815" y="1502640"/>
            <a:ext cx="63100" cy="219961"/>
          </a:xfrm>
          <a:custGeom>
            <a:avLst/>
            <a:gdLst>
              <a:gd name="T0" fmla="*/ 104 w 104"/>
              <a:gd name="T1" fmla="*/ 397 h 397"/>
              <a:gd name="T2" fmla="*/ 0 w 104"/>
              <a:gd name="T3" fmla="*/ 392 h 397"/>
              <a:gd name="T4" fmla="*/ 0 w 104"/>
              <a:gd name="T5" fmla="*/ 0 h 397"/>
              <a:gd name="T6" fmla="*/ 104 w 104"/>
              <a:gd name="T7" fmla="*/ 3 h 397"/>
              <a:gd name="T8" fmla="*/ 104 w 104"/>
              <a:gd name="T9" fmla="*/ 397 h 397"/>
            </a:gdLst>
            <a:ahLst/>
            <a:cxnLst>
              <a:cxn ang="0">
                <a:pos x="T0" y="T1"/>
              </a:cxn>
              <a:cxn ang="0">
                <a:pos x="T2" y="T3"/>
              </a:cxn>
              <a:cxn ang="0">
                <a:pos x="T4" y="T5"/>
              </a:cxn>
              <a:cxn ang="0">
                <a:pos x="T6" y="T7"/>
              </a:cxn>
              <a:cxn ang="0">
                <a:pos x="T8" y="T9"/>
              </a:cxn>
            </a:cxnLst>
            <a:rect l="0" t="0" r="r" b="b"/>
            <a:pathLst>
              <a:path w="104" h="397">
                <a:moveTo>
                  <a:pt x="104" y="397"/>
                </a:moveTo>
                <a:lnTo>
                  <a:pt x="0" y="392"/>
                </a:lnTo>
                <a:lnTo>
                  <a:pt x="0" y="0"/>
                </a:lnTo>
                <a:lnTo>
                  <a:pt x="104" y="3"/>
                </a:lnTo>
                <a:lnTo>
                  <a:pt x="104" y="397"/>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sz="1600">
              <a:ln>
                <a:solidFill>
                  <a:schemeClr val="bg1"/>
                </a:solidFill>
              </a:ln>
              <a:cs typeface="+mn-ea"/>
              <a:sym typeface="+mn-lt"/>
            </a:endParaRPr>
          </a:p>
        </p:txBody>
      </p:sp>
      <p:sp>
        <p:nvSpPr>
          <p:cNvPr id="285" name="矩形 284">
            <a:extLst>
              <a:ext uri="{FF2B5EF4-FFF2-40B4-BE49-F238E27FC236}">
                <a16:creationId xmlns:a16="http://schemas.microsoft.com/office/drawing/2014/main" xmlns="" id="{C14DA554-0D2E-4781-A6CA-CA05996DDDFF}"/>
              </a:ext>
            </a:extLst>
          </p:cNvPr>
          <p:cNvSpPr/>
          <p:nvPr/>
        </p:nvSpPr>
        <p:spPr>
          <a:xfrm>
            <a:off x="3738850" y="5545023"/>
            <a:ext cx="1207538" cy="338554"/>
          </a:xfrm>
          <a:prstGeom prst="rect">
            <a:avLst/>
          </a:prstGeom>
          <a:ln>
            <a:noFill/>
          </a:ln>
        </p:spPr>
        <p:txBody>
          <a:bodyPr wrap="square">
            <a:spAutoFit/>
          </a:bodyPr>
          <a:lstStyle/>
          <a:p>
            <a:pPr algn="ctr" defTabSz="914373"/>
            <a:r>
              <a:rPr lang="en-US" altLang="zh-CN" sz="1600" kern="0" dirty="0">
                <a:cs typeface="+mn-ea"/>
                <a:sym typeface="+mn-lt"/>
              </a:rPr>
              <a:t>SD-WAN</a:t>
            </a:r>
            <a:endParaRPr lang="zh-CN" altLang="en-US" sz="1600" kern="0" dirty="0">
              <a:cs typeface="+mn-ea"/>
              <a:sym typeface="+mn-lt"/>
            </a:endParaRPr>
          </a:p>
        </p:txBody>
      </p:sp>
      <p:sp>
        <p:nvSpPr>
          <p:cNvPr id="286" name="矩形 285">
            <a:extLst>
              <a:ext uri="{FF2B5EF4-FFF2-40B4-BE49-F238E27FC236}">
                <a16:creationId xmlns:a16="http://schemas.microsoft.com/office/drawing/2014/main" xmlns="" id="{3A0ED00D-FA6B-455F-8410-AFAFB2DDB4D0}"/>
              </a:ext>
            </a:extLst>
          </p:cNvPr>
          <p:cNvSpPr/>
          <p:nvPr/>
        </p:nvSpPr>
        <p:spPr>
          <a:xfrm flipH="1">
            <a:off x="2552833" y="3705284"/>
            <a:ext cx="508406" cy="338554"/>
          </a:xfrm>
          <a:prstGeom prst="rect">
            <a:avLst/>
          </a:prstGeom>
        </p:spPr>
        <p:txBody>
          <a:bodyPr wrap="square">
            <a:spAutoFit/>
          </a:bodyPr>
          <a:lstStyle/>
          <a:p>
            <a:pPr algn="ctr" defTabSz="914373"/>
            <a:r>
              <a:rPr lang="en-US" altLang="zh-CN" sz="1600" kern="0" dirty="0">
                <a:cs typeface="+mn-ea"/>
                <a:sym typeface="+mn-lt"/>
              </a:rPr>
              <a:t>AP</a:t>
            </a:r>
          </a:p>
        </p:txBody>
      </p:sp>
      <p:sp>
        <p:nvSpPr>
          <p:cNvPr id="287" name="矩形 286">
            <a:extLst>
              <a:ext uri="{FF2B5EF4-FFF2-40B4-BE49-F238E27FC236}">
                <a16:creationId xmlns:a16="http://schemas.microsoft.com/office/drawing/2014/main" xmlns="" id="{BE443161-D9EB-4BCF-86E0-592C6B08777B}"/>
              </a:ext>
            </a:extLst>
          </p:cNvPr>
          <p:cNvSpPr/>
          <p:nvPr/>
        </p:nvSpPr>
        <p:spPr>
          <a:xfrm flipH="1">
            <a:off x="10268361" y="3670071"/>
            <a:ext cx="508406" cy="338554"/>
          </a:xfrm>
          <a:prstGeom prst="rect">
            <a:avLst/>
          </a:prstGeom>
        </p:spPr>
        <p:txBody>
          <a:bodyPr wrap="square">
            <a:spAutoFit/>
          </a:bodyPr>
          <a:lstStyle/>
          <a:p>
            <a:pPr algn="ctr" defTabSz="914373"/>
            <a:r>
              <a:rPr lang="en-US" altLang="zh-CN" sz="1600" kern="0" dirty="0">
                <a:cs typeface="+mn-ea"/>
                <a:sym typeface="+mn-lt"/>
              </a:rPr>
              <a:t>AP</a:t>
            </a:r>
          </a:p>
        </p:txBody>
      </p:sp>
      <p:sp>
        <p:nvSpPr>
          <p:cNvPr id="288" name="Freeform 309">
            <a:extLst>
              <a:ext uri="{FF2B5EF4-FFF2-40B4-BE49-F238E27FC236}">
                <a16:creationId xmlns:a16="http://schemas.microsoft.com/office/drawing/2014/main" xmlns="" id="{1B6AA344-BC99-4A79-878E-F2D6388C6BF3}"/>
              </a:ext>
            </a:extLst>
          </p:cNvPr>
          <p:cNvSpPr>
            <a:spLocks/>
          </p:cNvSpPr>
          <p:nvPr/>
        </p:nvSpPr>
        <p:spPr bwMode="auto">
          <a:xfrm rot="536204">
            <a:off x="7356516" y="4538986"/>
            <a:ext cx="1279651" cy="825050"/>
          </a:xfrm>
          <a:custGeom>
            <a:avLst/>
            <a:gdLst>
              <a:gd name="T0" fmla="*/ 52417 w 3217"/>
              <a:gd name="T1" fmla="*/ 221271 h 2156"/>
              <a:gd name="T2" fmla="*/ 23420 w 3217"/>
              <a:gd name="T3" fmla="*/ 242443 h 2156"/>
              <a:gd name="T4" fmla="*/ 6413 w 3217"/>
              <a:gd name="T5" fmla="*/ 269282 h 2156"/>
              <a:gd name="T6" fmla="*/ 0 w 3217"/>
              <a:gd name="T7" fmla="*/ 301489 h 2156"/>
              <a:gd name="T8" fmla="*/ 11710 w 3217"/>
              <a:gd name="T9" fmla="*/ 345325 h 2156"/>
              <a:gd name="T10" fmla="*/ 44889 w 3217"/>
              <a:gd name="T11" fmla="*/ 378128 h 2156"/>
              <a:gd name="T12" fmla="*/ 27602 w 3217"/>
              <a:gd name="T13" fmla="*/ 400792 h 2156"/>
              <a:gd name="T14" fmla="*/ 19796 w 3217"/>
              <a:gd name="T15" fmla="*/ 432998 h 2156"/>
              <a:gd name="T16" fmla="*/ 25093 w 3217"/>
              <a:gd name="T17" fmla="*/ 467292 h 2156"/>
              <a:gd name="T18" fmla="*/ 43216 w 3217"/>
              <a:gd name="T19" fmla="*/ 496517 h 2156"/>
              <a:gd name="T20" fmla="*/ 71097 w 3217"/>
              <a:gd name="T21" fmla="*/ 516497 h 2156"/>
              <a:gd name="T22" fmla="*/ 105949 w 3217"/>
              <a:gd name="T23" fmla="*/ 525145 h 2156"/>
              <a:gd name="T24" fmla="*/ 132157 w 3217"/>
              <a:gd name="T25" fmla="*/ 542143 h 2156"/>
              <a:gd name="T26" fmla="*/ 188198 w 3217"/>
              <a:gd name="T27" fmla="*/ 587470 h 2156"/>
              <a:gd name="T28" fmla="*/ 227789 w 3217"/>
              <a:gd name="T29" fmla="*/ 601188 h 2156"/>
              <a:gd name="T30" fmla="*/ 270448 w 3217"/>
              <a:gd name="T31" fmla="*/ 603574 h 2156"/>
              <a:gd name="T32" fmla="*/ 312827 w 3217"/>
              <a:gd name="T33" fmla="*/ 595522 h 2156"/>
              <a:gd name="T34" fmla="*/ 347121 w 3217"/>
              <a:gd name="T35" fmla="*/ 588663 h 2156"/>
              <a:gd name="T36" fmla="*/ 400095 w 3217"/>
              <a:gd name="T37" fmla="*/ 630412 h 2156"/>
              <a:gd name="T38" fmla="*/ 464222 w 3217"/>
              <a:gd name="T39" fmla="*/ 642341 h 2156"/>
              <a:gd name="T40" fmla="*/ 507995 w 3217"/>
              <a:gd name="T41" fmla="*/ 633693 h 2156"/>
              <a:gd name="T42" fmla="*/ 545914 w 3217"/>
              <a:gd name="T43" fmla="*/ 612520 h 2156"/>
              <a:gd name="T44" fmla="*/ 576025 w 3217"/>
              <a:gd name="T45" fmla="*/ 580611 h 2156"/>
              <a:gd name="T46" fmla="*/ 592475 w 3217"/>
              <a:gd name="T47" fmla="*/ 546318 h 2156"/>
              <a:gd name="T48" fmla="*/ 651862 w 3217"/>
              <a:gd name="T49" fmla="*/ 563315 h 2156"/>
              <a:gd name="T50" fmla="*/ 697309 w 3217"/>
              <a:gd name="T51" fmla="*/ 556457 h 2156"/>
              <a:gd name="T52" fmla="*/ 736342 w 3217"/>
              <a:gd name="T53" fmla="*/ 533793 h 2156"/>
              <a:gd name="T54" fmla="*/ 764224 w 3217"/>
              <a:gd name="T55" fmla="*/ 498306 h 2156"/>
              <a:gd name="T56" fmla="*/ 775934 w 3217"/>
              <a:gd name="T57" fmla="*/ 453575 h 2156"/>
              <a:gd name="T58" fmla="*/ 813016 w 3217"/>
              <a:gd name="T59" fmla="*/ 436875 h 2156"/>
              <a:gd name="T60" fmla="*/ 854280 w 3217"/>
              <a:gd name="T61" fmla="*/ 410036 h 2156"/>
              <a:gd name="T62" fmla="*/ 882997 w 3217"/>
              <a:gd name="T63" fmla="*/ 371269 h 2156"/>
              <a:gd name="T64" fmla="*/ 896380 w 3217"/>
              <a:gd name="T65" fmla="*/ 324152 h 2156"/>
              <a:gd name="T66" fmla="*/ 892756 w 3217"/>
              <a:gd name="T67" fmla="*/ 277930 h 2156"/>
              <a:gd name="T68" fmla="*/ 874354 w 3217"/>
              <a:gd name="T69" fmla="*/ 237374 h 2156"/>
              <a:gd name="T70" fmla="*/ 874912 w 3217"/>
              <a:gd name="T71" fmla="*/ 201291 h 2156"/>
              <a:gd name="T72" fmla="*/ 874075 w 3217"/>
              <a:gd name="T73" fmla="*/ 162822 h 2156"/>
              <a:gd name="T74" fmla="*/ 861250 w 3217"/>
              <a:gd name="T75" fmla="*/ 130317 h 2156"/>
              <a:gd name="T76" fmla="*/ 835042 w 3217"/>
              <a:gd name="T77" fmla="*/ 100496 h 2156"/>
              <a:gd name="T78" fmla="*/ 799075 w 3217"/>
              <a:gd name="T79" fmla="*/ 82305 h 2156"/>
              <a:gd name="T80" fmla="*/ 787365 w 3217"/>
              <a:gd name="T81" fmla="*/ 55467 h 2156"/>
              <a:gd name="T82" fmla="*/ 767012 w 3217"/>
              <a:gd name="T83" fmla="*/ 28032 h 2156"/>
              <a:gd name="T84" fmla="*/ 734948 w 3217"/>
              <a:gd name="T85" fmla="*/ 7455 h 2156"/>
              <a:gd name="T86" fmla="*/ 700654 w 3217"/>
              <a:gd name="T87" fmla="*/ 0 h 2156"/>
              <a:gd name="T88" fmla="*/ 658275 w 3217"/>
              <a:gd name="T89" fmla="*/ 6859 h 2156"/>
              <a:gd name="T90" fmla="*/ 622587 w 3217"/>
              <a:gd name="T91" fmla="*/ 30119 h 2156"/>
              <a:gd name="T92" fmla="*/ 596379 w 3217"/>
              <a:gd name="T93" fmla="*/ 13718 h 2156"/>
              <a:gd name="T94" fmla="*/ 557903 w 3217"/>
              <a:gd name="T95" fmla="*/ 596 h 2156"/>
              <a:gd name="T96" fmla="*/ 510226 w 3217"/>
              <a:gd name="T97" fmla="*/ 7455 h 2156"/>
              <a:gd name="T98" fmla="*/ 472307 w 3217"/>
              <a:gd name="T99" fmla="*/ 38171 h 2156"/>
              <a:gd name="T100" fmla="*/ 444984 w 3217"/>
              <a:gd name="T101" fmla="*/ 34294 h 2156"/>
              <a:gd name="T102" fmla="*/ 404835 w 3217"/>
              <a:gd name="T103" fmla="*/ 20576 h 2156"/>
              <a:gd name="T104" fmla="*/ 351861 w 3217"/>
              <a:gd name="T105" fmla="*/ 25049 h 2156"/>
              <a:gd name="T106" fmla="*/ 303069 w 3217"/>
              <a:gd name="T107" fmla="*/ 58151 h 2156"/>
              <a:gd name="T108" fmla="*/ 260968 w 3217"/>
              <a:gd name="T109" fmla="*/ 64413 h 2156"/>
              <a:gd name="T110" fmla="*/ 224165 w 3217"/>
              <a:gd name="T111" fmla="*/ 58151 h 2156"/>
              <a:gd name="T112" fmla="*/ 171748 w 3217"/>
              <a:gd name="T113" fmla="*/ 66799 h 2156"/>
              <a:gd name="T114" fmla="*/ 125187 w 3217"/>
              <a:gd name="T115" fmla="*/ 93637 h 2156"/>
              <a:gd name="T116" fmla="*/ 92844 w 3217"/>
              <a:gd name="T117" fmla="*/ 135983 h 2156"/>
              <a:gd name="T118" fmla="*/ 79740 w 3217"/>
              <a:gd name="T119" fmla="*/ 188169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3217" h="2156">
                <a:moveTo>
                  <a:pt x="291" y="715"/>
                </a:moveTo>
                <a:lnTo>
                  <a:pt x="276" y="717"/>
                </a:lnTo>
                <a:lnTo>
                  <a:pt x="261" y="719"/>
                </a:lnTo>
                <a:lnTo>
                  <a:pt x="245" y="723"/>
                </a:lnTo>
                <a:lnTo>
                  <a:pt x="230" y="727"/>
                </a:lnTo>
                <a:lnTo>
                  <a:pt x="216" y="731"/>
                </a:lnTo>
                <a:lnTo>
                  <a:pt x="203" y="736"/>
                </a:lnTo>
                <a:lnTo>
                  <a:pt x="188" y="742"/>
                </a:lnTo>
                <a:lnTo>
                  <a:pt x="176" y="748"/>
                </a:lnTo>
                <a:lnTo>
                  <a:pt x="163" y="754"/>
                </a:lnTo>
                <a:lnTo>
                  <a:pt x="149" y="761"/>
                </a:lnTo>
                <a:lnTo>
                  <a:pt x="138" y="769"/>
                </a:lnTo>
                <a:lnTo>
                  <a:pt x="126" y="777"/>
                </a:lnTo>
                <a:lnTo>
                  <a:pt x="103" y="794"/>
                </a:lnTo>
                <a:lnTo>
                  <a:pt x="94" y="802"/>
                </a:lnTo>
                <a:lnTo>
                  <a:pt x="84" y="813"/>
                </a:lnTo>
                <a:lnTo>
                  <a:pt x="74" y="823"/>
                </a:lnTo>
                <a:lnTo>
                  <a:pt x="65" y="832"/>
                </a:lnTo>
                <a:lnTo>
                  <a:pt x="55" y="844"/>
                </a:lnTo>
                <a:lnTo>
                  <a:pt x="48" y="855"/>
                </a:lnTo>
                <a:lnTo>
                  <a:pt x="40" y="867"/>
                </a:lnTo>
                <a:lnTo>
                  <a:pt x="34" y="878"/>
                </a:lnTo>
                <a:lnTo>
                  <a:pt x="28" y="890"/>
                </a:lnTo>
                <a:lnTo>
                  <a:pt x="23" y="903"/>
                </a:lnTo>
                <a:lnTo>
                  <a:pt x="17" y="915"/>
                </a:lnTo>
                <a:lnTo>
                  <a:pt x="13" y="928"/>
                </a:lnTo>
                <a:lnTo>
                  <a:pt x="9" y="942"/>
                </a:lnTo>
                <a:lnTo>
                  <a:pt x="5" y="955"/>
                </a:lnTo>
                <a:lnTo>
                  <a:pt x="4" y="968"/>
                </a:lnTo>
                <a:lnTo>
                  <a:pt x="2" y="984"/>
                </a:lnTo>
                <a:lnTo>
                  <a:pt x="0" y="997"/>
                </a:lnTo>
                <a:lnTo>
                  <a:pt x="0" y="1011"/>
                </a:lnTo>
                <a:lnTo>
                  <a:pt x="0" y="1030"/>
                </a:lnTo>
                <a:lnTo>
                  <a:pt x="2" y="1051"/>
                </a:lnTo>
                <a:lnTo>
                  <a:pt x="5" y="1070"/>
                </a:lnTo>
                <a:lnTo>
                  <a:pt x="11" y="1087"/>
                </a:lnTo>
                <a:lnTo>
                  <a:pt x="17" y="1107"/>
                </a:lnTo>
                <a:lnTo>
                  <a:pt x="25" y="1124"/>
                </a:lnTo>
                <a:lnTo>
                  <a:pt x="32" y="1141"/>
                </a:lnTo>
                <a:lnTo>
                  <a:pt x="42" y="1158"/>
                </a:lnTo>
                <a:lnTo>
                  <a:pt x="53" y="1174"/>
                </a:lnTo>
                <a:lnTo>
                  <a:pt x="65" y="1191"/>
                </a:lnTo>
                <a:lnTo>
                  <a:pt x="78" y="1204"/>
                </a:lnTo>
                <a:lnTo>
                  <a:pt x="94" y="1220"/>
                </a:lnTo>
                <a:lnTo>
                  <a:pt x="109" y="1233"/>
                </a:lnTo>
                <a:lnTo>
                  <a:pt x="124" y="1245"/>
                </a:lnTo>
                <a:lnTo>
                  <a:pt x="142" y="1256"/>
                </a:lnTo>
                <a:lnTo>
                  <a:pt x="161" y="1268"/>
                </a:lnTo>
                <a:lnTo>
                  <a:pt x="159" y="1264"/>
                </a:lnTo>
                <a:lnTo>
                  <a:pt x="147" y="1273"/>
                </a:lnTo>
                <a:lnTo>
                  <a:pt x="138" y="1285"/>
                </a:lnTo>
                <a:lnTo>
                  <a:pt x="130" y="1297"/>
                </a:lnTo>
                <a:lnTo>
                  <a:pt x="121" y="1308"/>
                </a:lnTo>
                <a:lnTo>
                  <a:pt x="113" y="1320"/>
                </a:lnTo>
                <a:lnTo>
                  <a:pt x="105" y="1331"/>
                </a:lnTo>
                <a:lnTo>
                  <a:pt x="99" y="1344"/>
                </a:lnTo>
                <a:lnTo>
                  <a:pt x="94" y="1358"/>
                </a:lnTo>
                <a:lnTo>
                  <a:pt x="88" y="1369"/>
                </a:lnTo>
                <a:lnTo>
                  <a:pt x="84" y="1383"/>
                </a:lnTo>
                <a:lnTo>
                  <a:pt x="80" y="1396"/>
                </a:lnTo>
                <a:lnTo>
                  <a:pt x="76" y="1410"/>
                </a:lnTo>
                <a:lnTo>
                  <a:pt x="74" y="1423"/>
                </a:lnTo>
                <a:lnTo>
                  <a:pt x="73" y="1437"/>
                </a:lnTo>
                <a:lnTo>
                  <a:pt x="71" y="1452"/>
                </a:lnTo>
                <a:lnTo>
                  <a:pt x="71" y="1465"/>
                </a:lnTo>
                <a:lnTo>
                  <a:pt x="71" y="1481"/>
                </a:lnTo>
                <a:lnTo>
                  <a:pt x="73" y="1496"/>
                </a:lnTo>
                <a:lnTo>
                  <a:pt x="74" y="1511"/>
                </a:lnTo>
                <a:lnTo>
                  <a:pt x="76" y="1525"/>
                </a:lnTo>
                <a:lnTo>
                  <a:pt x="80" y="1540"/>
                </a:lnTo>
                <a:lnTo>
                  <a:pt x="86" y="1554"/>
                </a:lnTo>
                <a:lnTo>
                  <a:pt x="90" y="1567"/>
                </a:lnTo>
                <a:lnTo>
                  <a:pt x="96" y="1580"/>
                </a:lnTo>
                <a:lnTo>
                  <a:pt x="103" y="1594"/>
                </a:lnTo>
                <a:lnTo>
                  <a:pt x="109" y="1607"/>
                </a:lnTo>
                <a:lnTo>
                  <a:pt x="119" y="1619"/>
                </a:lnTo>
                <a:lnTo>
                  <a:pt x="126" y="1630"/>
                </a:lnTo>
                <a:lnTo>
                  <a:pt x="136" y="1642"/>
                </a:lnTo>
                <a:lnTo>
                  <a:pt x="145" y="1653"/>
                </a:lnTo>
                <a:lnTo>
                  <a:pt x="155" y="1665"/>
                </a:lnTo>
                <a:lnTo>
                  <a:pt x="167" y="1674"/>
                </a:lnTo>
                <a:lnTo>
                  <a:pt x="176" y="1684"/>
                </a:lnTo>
                <a:lnTo>
                  <a:pt x="190" y="1694"/>
                </a:lnTo>
                <a:lnTo>
                  <a:pt x="201" y="1701"/>
                </a:lnTo>
                <a:lnTo>
                  <a:pt x="215" y="1711"/>
                </a:lnTo>
                <a:lnTo>
                  <a:pt x="226" y="1719"/>
                </a:lnTo>
                <a:lnTo>
                  <a:pt x="241" y="1724"/>
                </a:lnTo>
                <a:lnTo>
                  <a:pt x="255" y="1732"/>
                </a:lnTo>
                <a:lnTo>
                  <a:pt x="268" y="1738"/>
                </a:lnTo>
                <a:lnTo>
                  <a:pt x="284" y="1743"/>
                </a:lnTo>
                <a:lnTo>
                  <a:pt x="299" y="1747"/>
                </a:lnTo>
                <a:lnTo>
                  <a:pt x="314" y="1751"/>
                </a:lnTo>
                <a:lnTo>
                  <a:pt x="330" y="1755"/>
                </a:lnTo>
                <a:lnTo>
                  <a:pt x="345" y="1757"/>
                </a:lnTo>
                <a:lnTo>
                  <a:pt x="362" y="1759"/>
                </a:lnTo>
                <a:lnTo>
                  <a:pt x="380" y="1761"/>
                </a:lnTo>
                <a:lnTo>
                  <a:pt x="395" y="1761"/>
                </a:lnTo>
                <a:lnTo>
                  <a:pt x="414" y="1761"/>
                </a:lnTo>
                <a:lnTo>
                  <a:pt x="433" y="1759"/>
                </a:lnTo>
                <a:lnTo>
                  <a:pt x="431" y="1761"/>
                </a:lnTo>
                <a:lnTo>
                  <a:pt x="441" y="1776"/>
                </a:lnTo>
                <a:lnTo>
                  <a:pt x="452" y="1791"/>
                </a:lnTo>
                <a:lnTo>
                  <a:pt x="462" y="1805"/>
                </a:lnTo>
                <a:lnTo>
                  <a:pt x="474" y="1818"/>
                </a:lnTo>
                <a:lnTo>
                  <a:pt x="498" y="1845"/>
                </a:lnTo>
                <a:lnTo>
                  <a:pt x="523" y="1872"/>
                </a:lnTo>
                <a:lnTo>
                  <a:pt x="550" y="1895"/>
                </a:lnTo>
                <a:lnTo>
                  <a:pt x="581" y="1916"/>
                </a:lnTo>
                <a:lnTo>
                  <a:pt x="610" y="1937"/>
                </a:lnTo>
                <a:lnTo>
                  <a:pt x="642" y="1955"/>
                </a:lnTo>
                <a:lnTo>
                  <a:pt x="658" y="1962"/>
                </a:lnTo>
                <a:lnTo>
                  <a:pt x="675" y="1970"/>
                </a:lnTo>
                <a:lnTo>
                  <a:pt x="692" y="1978"/>
                </a:lnTo>
                <a:lnTo>
                  <a:pt x="710" y="1985"/>
                </a:lnTo>
                <a:lnTo>
                  <a:pt x="727" y="1991"/>
                </a:lnTo>
                <a:lnTo>
                  <a:pt x="744" y="1997"/>
                </a:lnTo>
                <a:lnTo>
                  <a:pt x="761" y="2002"/>
                </a:lnTo>
                <a:lnTo>
                  <a:pt x="781" y="2006"/>
                </a:lnTo>
                <a:lnTo>
                  <a:pt x="798" y="2012"/>
                </a:lnTo>
                <a:lnTo>
                  <a:pt x="817" y="2016"/>
                </a:lnTo>
                <a:lnTo>
                  <a:pt x="836" y="2018"/>
                </a:lnTo>
                <a:lnTo>
                  <a:pt x="853" y="2022"/>
                </a:lnTo>
                <a:lnTo>
                  <a:pt x="873" y="2024"/>
                </a:lnTo>
                <a:lnTo>
                  <a:pt x="892" y="2024"/>
                </a:lnTo>
                <a:lnTo>
                  <a:pt x="911" y="2026"/>
                </a:lnTo>
                <a:lnTo>
                  <a:pt x="930" y="2026"/>
                </a:lnTo>
                <a:lnTo>
                  <a:pt x="949" y="2026"/>
                </a:lnTo>
                <a:lnTo>
                  <a:pt x="970" y="2024"/>
                </a:lnTo>
                <a:lnTo>
                  <a:pt x="990" y="2024"/>
                </a:lnTo>
                <a:lnTo>
                  <a:pt x="1009" y="2022"/>
                </a:lnTo>
                <a:lnTo>
                  <a:pt x="1028" y="2018"/>
                </a:lnTo>
                <a:lnTo>
                  <a:pt x="1047" y="2014"/>
                </a:lnTo>
                <a:lnTo>
                  <a:pt x="1066" y="2010"/>
                </a:lnTo>
                <a:lnTo>
                  <a:pt x="1084" y="2006"/>
                </a:lnTo>
                <a:lnTo>
                  <a:pt x="1103" y="2001"/>
                </a:lnTo>
                <a:lnTo>
                  <a:pt x="1122" y="1997"/>
                </a:lnTo>
                <a:lnTo>
                  <a:pt x="1139" y="1989"/>
                </a:lnTo>
                <a:lnTo>
                  <a:pt x="1157" y="1983"/>
                </a:lnTo>
                <a:lnTo>
                  <a:pt x="1176" y="1976"/>
                </a:lnTo>
                <a:lnTo>
                  <a:pt x="1193" y="1968"/>
                </a:lnTo>
                <a:lnTo>
                  <a:pt x="1210" y="1958"/>
                </a:lnTo>
                <a:lnTo>
                  <a:pt x="1228" y="1951"/>
                </a:lnTo>
                <a:lnTo>
                  <a:pt x="1226" y="1951"/>
                </a:lnTo>
                <a:lnTo>
                  <a:pt x="1245" y="1974"/>
                </a:lnTo>
                <a:lnTo>
                  <a:pt x="1264" y="1997"/>
                </a:lnTo>
                <a:lnTo>
                  <a:pt x="1285" y="2018"/>
                </a:lnTo>
                <a:lnTo>
                  <a:pt x="1306" y="2037"/>
                </a:lnTo>
                <a:lnTo>
                  <a:pt x="1331" y="2054"/>
                </a:lnTo>
                <a:lnTo>
                  <a:pt x="1354" y="2072"/>
                </a:lnTo>
                <a:lnTo>
                  <a:pt x="1381" y="2087"/>
                </a:lnTo>
                <a:lnTo>
                  <a:pt x="1406" y="2100"/>
                </a:lnTo>
                <a:lnTo>
                  <a:pt x="1435" y="2114"/>
                </a:lnTo>
                <a:lnTo>
                  <a:pt x="1462" y="2123"/>
                </a:lnTo>
                <a:lnTo>
                  <a:pt x="1492" y="2133"/>
                </a:lnTo>
                <a:lnTo>
                  <a:pt x="1521" y="2141"/>
                </a:lnTo>
                <a:lnTo>
                  <a:pt x="1552" y="2146"/>
                </a:lnTo>
                <a:lnTo>
                  <a:pt x="1582" y="2152"/>
                </a:lnTo>
                <a:lnTo>
                  <a:pt x="1613" y="2154"/>
                </a:lnTo>
                <a:lnTo>
                  <a:pt x="1644" y="2156"/>
                </a:lnTo>
                <a:lnTo>
                  <a:pt x="1665" y="2154"/>
                </a:lnTo>
                <a:lnTo>
                  <a:pt x="1686" y="2154"/>
                </a:lnTo>
                <a:lnTo>
                  <a:pt x="1705" y="2152"/>
                </a:lnTo>
                <a:lnTo>
                  <a:pt x="1726" y="2148"/>
                </a:lnTo>
                <a:lnTo>
                  <a:pt x="1746" y="2146"/>
                </a:lnTo>
                <a:lnTo>
                  <a:pt x="1765" y="2141"/>
                </a:lnTo>
                <a:lnTo>
                  <a:pt x="1784" y="2137"/>
                </a:lnTo>
                <a:lnTo>
                  <a:pt x="1803" y="2131"/>
                </a:lnTo>
                <a:lnTo>
                  <a:pt x="1822" y="2125"/>
                </a:lnTo>
                <a:lnTo>
                  <a:pt x="1841" y="2118"/>
                </a:lnTo>
                <a:lnTo>
                  <a:pt x="1859" y="2110"/>
                </a:lnTo>
                <a:lnTo>
                  <a:pt x="1876" y="2102"/>
                </a:lnTo>
                <a:lnTo>
                  <a:pt x="1893" y="2095"/>
                </a:lnTo>
                <a:lnTo>
                  <a:pt x="1911" y="2085"/>
                </a:lnTo>
                <a:lnTo>
                  <a:pt x="1928" y="2075"/>
                </a:lnTo>
                <a:lnTo>
                  <a:pt x="1943" y="2064"/>
                </a:lnTo>
                <a:lnTo>
                  <a:pt x="1958" y="2054"/>
                </a:lnTo>
                <a:lnTo>
                  <a:pt x="1974" y="2041"/>
                </a:lnTo>
                <a:lnTo>
                  <a:pt x="1989" y="2029"/>
                </a:lnTo>
                <a:lnTo>
                  <a:pt x="2003" y="2018"/>
                </a:lnTo>
                <a:lnTo>
                  <a:pt x="2016" y="2004"/>
                </a:lnTo>
                <a:lnTo>
                  <a:pt x="2029" y="1991"/>
                </a:lnTo>
                <a:lnTo>
                  <a:pt x="2043" y="1976"/>
                </a:lnTo>
                <a:lnTo>
                  <a:pt x="2054" y="1960"/>
                </a:lnTo>
                <a:lnTo>
                  <a:pt x="2066" y="1947"/>
                </a:lnTo>
                <a:lnTo>
                  <a:pt x="2076" y="1930"/>
                </a:lnTo>
                <a:lnTo>
                  <a:pt x="2085" y="1914"/>
                </a:lnTo>
                <a:lnTo>
                  <a:pt x="2095" y="1899"/>
                </a:lnTo>
                <a:lnTo>
                  <a:pt x="2104" y="1882"/>
                </a:lnTo>
                <a:lnTo>
                  <a:pt x="2112" y="1864"/>
                </a:lnTo>
                <a:lnTo>
                  <a:pt x="2118" y="1847"/>
                </a:lnTo>
                <a:lnTo>
                  <a:pt x="2125" y="1828"/>
                </a:lnTo>
                <a:lnTo>
                  <a:pt x="2125" y="1832"/>
                </a:lnTo>
                <a:lnTo>
                  <a:pt x="2152" y="1845"/>
                </a:lnTo>
                <a:lnTo>
                  <a:pt x="2179" y="1857"/>
                </a:lnTo>
                <a:lnTo>
                  <a:pt x="2206" y="1866"/>
                </a:lnTo>
                <a:lnTo>
                  <a:pt x="2235" y="1876"/>
                </a:lnTo>
                <a:lnTo>
                  <a:pt x="2264" y="1882"/>
                </a:lnTo>
                <a:lnTo>
                  <a:pt x="2294" y="1887"/>
                </a:lnTo>
                <a:lnTo>
                  <a:pt x="2323" y="1889"/>
                </a:lnTo>
                <a:lnTo>
                  <a:pt x="2338" y="1889"/>
                </a:lnTo>
                <a:lnTo>
                  <a:pt x="2354" y="1891"/>
                </a:lnTo>
                <a:lnTo>
                  <a:pt x="2377" y="1889"/>
                </a:lnTo>
                <a:lnTo>
                  <a:pt x="2398" y="1887"/>
                </a:lnTo>
                <a:lnTo>
                  <a:pt x="2419" y="1885"/>
                </a:lnTo>
                <a:lnTo>
                  <a:pt x="2440" y="1882"/>
                </a:lnTo>
                <a:lnTo>
                  <a:pt x="2461" y="1878"/>
                </a:lnTo>
                <a:lnTo>
                  <a:pt x="2480" y="1872"/>
                </a:lnTo>
                <a:lnTo>
                  <a:pt x="2501" y="1866"/>
                </a:lnTo>
                <a:lnTo>
                  <a:pt x="2521" y="1861"/>
                </a:lnTo>
                <a:lnTo>
                  <a:pt x="2540" y="1853"/>
                </a:lnTo>
                <a:lnTo>
                  <a:pt x="2559" y="1843"/>
                </a:lnTo>
                <a:lnTo>
                  <a:pt x="2576" y="1834"/>
                </a:lnTo>
                <a:lnTo>
                  <a:pt x="2594" y="1824"/>
                </a:lnTo>
                <a:lnTo>
                  <a:pt x="2611" y="1813"/>
                </a:lnTo>
                <a:lnTo>
                  <a:pt x="2626" y="1801"/>
                </a:lnTo>
                <a:lnTo>
                  <a:pt x="2641" y="1790"/>
                </a:lnTo>
                <a:lnTo>
                  <a:pt x="2657" y="1776"/>
                </a:lnTo>
                <a:lnTo>
                  <a:pt x="2672" y="1763"/>
                </a:lnTo>
                <a:lnTo>
                  <a:pt x="2686" y="1749"/>
                </a:lnTo>
                <a:lnTo>
                  <a:pt x="2697" y="1734"/>
                </a:lnTo>
                <a:lnTo>
                  <a:pt x="2711" y="1719"/>
                </a:lnTo>
                <a:lnTo>
                  <a:pt x="2722" y="1703"/>
                </a:lnTo>
                <a:lnTo>
                  <a:pt x="2732" y="1686"/>
                </a:lnTo>
                <a:lnTo>
                  <a:pt x="2741" y="1671"/>
                </a:lnTo>
                <a:lnTo>
                  <a:pt x="2749" y="1653"/>
                </a:lnTo>
                <a:lnTo>
                  <a:pt x="2759" y="1634"/>
                </a:lnTo>
                <a:lnTo>
                  <a:pt x="2764" y="1617"/>
                </a:lnTo>
                <a:lnTo>
                  <a:pt x="2770" y="1598"/>
                </a:lnTo>
                <a:lnTo>
                  <a:pt x="2776" y="1580"/>
                </a:lnTo>
                <a:lnTo>
                  <a:pt x="2780" y="1561"/>
                </a:lnTo>
                <a:lnTo>
                  <a:pt x="2782" y="1540"/>
                </a:lnTo>
                <a:lnTo>
                  <a:pt x="2783" y="1521"/>
                </a:lnTo>
                <a:lnTo>
                  <a:pt x="2785" y="1502"/>
                </a:lnTo>
                <a:lnTo>
                  <a:pt x="2783" y="1500"/>
                </a:lnTo>
                <a:lnTo>
                  <a:pt x="2806" y="1496"/>
                </a:lnTo>
                <a:lnTo>
                  <a:pt x="2830" y="1492"/>
                </a:lnTo>
                <a:lnTo>
                  <a:pt x="2853" y="1486"/>
                </a:lnTo>
                <a:lnTo>
                  <a:pt x="2874" y="1481"/>
                </a:lnTo>
                <a:lnTo>
                  <a:pt x="2895" y="1473"/>
                </a:lnTo>
                <a:lnTo>
                  <a:pt x="2916" y="1465"/>
                </a:lnTo>
                <a:lnTo>
                  <a:pt x="2937" y="1456"/>
                </a:lnTo>
                <a:lnTo>
                  <a:pt x="2956" y="1448"/>
                </a:lnTo>
                <a:lnTo>
                  <a:pt x="2975" y="1437"/>
                </a:lnTo>
                <a:lnTo>
                  <a:pt x="2995" y="1425"/>
                </a:lnTo>
                <a:lnTo>
                  <a:pt x="3012" y="1414"/>
                </a:lnTo>
                <a:lnTo>
                  <a:pt x="3031" y="1402"/>
                </a:lnTo>
                <a:lnTo>
                  <a:pt x="3046" y="1389"/>
                </a:lnTo>
                <a:lnTo>
                  <a:pt x="3064" y="1375"/>
                </a:lnTo>
                <a:lnTo>
                  <a:pt x="3079" y="1360"/>
                </a:lnTo>
                <a:lnTo>
                  <a:pt x="3094" y="1346"/>
                </a:lnTo>
                <a:lnTo>
                  <a:pt x="3108" y="1331"/>
                </a:lnTo>
                <a:lnTo>
                  <a:pt x="3121" y="1314"/>
                </a:lnTo>
                <a:lnTo>
                  <a:pt x="3135" y="1298"/>
                </a:lnTo>
                <a:lnTo>
                  <a:pt x="3146" y="1281"/>
                </a:lnTo>
                <a:lnTo>
                  <a:pt x="3156" y="1264"/>
                </a:lnTo>
                <a:lnTo>
                  <a:pt x="3167" y="1245"/>
                </a:lnTo>
                <a:lnTo>
                  <a:pt x="3177" y="1227"/>
                </a:lnTo>
                <a:lnTo>
                  <a:pt x="3184" y="1208"/>
                </a:lnTo>
                <a:lnTo>
                  <a:pt x="3192" y="1189"/>
                </a:lnTo>
                <a:lnTo>
                  <a:pt x="3198" y="1168"/>
                </a:lnTo>
                <a:lnTo>
                  <a:pt x="3204" y="1149"/>
                </a:lnTo>
                <a:lnTo>
                  <a:pt x="3209" y="1128"/>
                </a:lnTo>
                <a:lnTo>
                  <a:pt x="3213" y="1109"/>
                </a:lnTo>
                <a:lnTo>
                  <a:pt x="3215" y="1087"/>
                </a:lnTo>
                <a:lnTo>
                  <a:pt x="3217" y="1066"/>
                </a:lnTo>
                <a:lnTo>
                  <a:pt x="3217" y="1045"/>
                </a:lnTo>
                <a:lnTo>
                  <a:pt x="3217" y="1026"/>
                </a:lnTo>
                <a:lnTo>
                  <a:pt x="3215" y="1007"/>
                </a:lnTo>
                <a:lnTo>
                  <a:pt x="3213" y="988"/>
                </a:lnTo>
                <a:lnTo>
                  <a:pt x="3209" y="968"/>
                </a:lnTo>
                <a:lnTo>
                  <a:pt x="3206" y="951"/>
                </a:lnTo>
                <a:lnTo>
                  <a:pt x="3202" y="932"/>
                </a:lnTo>
                <a:lnTo>
                  <a:pt x="3196" y="915"/>
                </a:lnTo>
                <a:lnTo>
                  <a:pt x="3190" y="896"/>
                </a:lnTo>
                <a:lnTo>
                  <a:pt x="3183" y="878"/>
                </a:lnTo>
                <a:lnTo>
                  <a:pt x="3175" y="861"/>
                </a:lnTo>
                <a:lnTo>
                  <a:pt x="3167" y="844"/>
                </a:lnTo>
                <a:lnTo>
                  <a:pt x="3158" y="828"/>
                </a:lnTo>
                <a:lnTo>
                  <a:pt x="3148" y="811"/>
                </a:lnTo>
                <a:lnTo>
                  <a:pt x="3136" y="796"/>
                </a:lnTo>
                <a:lnTo>
                  <a:pt x="3125" y="779"/>
                </a:lnTo>
                <a:lnTo>
                  <a:pt x="3113" y="765"/>
                </a:lnTo>
                <a:lnTo>
                  <a:pt x="3112" y="763"/>
                </a:lnTo>
                <a:lnTo>
                  <a:pt x="3119" y="746"/>
                </a:lnTo>
                <a:lnTo>
                  <a:pt x="3125" y="729"/>
                </a:lnTo>
                <a:lnTo>
                  <a:pt x="3131" y="711"/>
                </a:lnTo>
                <a:lnTo>
                  <a:pt x="3136" y="694"/>
                </a:lnTo>
                <a:lnTo>
                  <a:pt x="3138" y="675"/>
                </a:lnTo>
                <a:lnTo>
                  <a:pt x="3142" y="658"/>
                </a:lnTo>
                <a:lnTo>
                  <a:pt x="3144" y="638"/>
                </a:lnTo>
                <a:lnTo>
                  <a:pt x="3144" y="621"/>
                </a:lnTo>
                <a:lnTo>
                  <a:pt x="3144" y="606"/>
                </a:lnTo>
                <a:lnTo>
                  <a:pt x="3142" y="591"/>
                </a:lnTo>
                <a:lnTo>
                  <a:pt x="3140" y="575"/>
                </a:lnTo>
                <a:lnTo>
                  <a:pt x="3138" y="560"/>
                </a:lnTo>
                <a:lnTo>
                  <a:pt x="3135" y="546"/>
                </a:lnTo>
                <a:lnTo>
                  <a:pt x="3131" y="531"/>
                </a:lnTo>
                <a:lnTo>
                  <a:pt x="3127" y="518"/>
                </a:lnTo>
                <a:lnTo>
                  <a:pt x="3123" y="502"/>
                </a:lnTo>
                <a:lnTo>
                  <a:pt x="3117" y="489"/>
                </a:lnTo>
                <a:lnTo>
                  <a:pt x="3112" y="475"/>
                </a:lnTo>
                <a:lnTo>
                  <a:pt x="3104" y="462"/>
                </a:lnTo>
                <a:lnTo>
                  <a:pt x="3096" y="449"/>
                </a:lnTo>
                <a:lnTo>
                  <a:pt x="3089" y="437"/>
                </a:lnTo>
                <a:lnTo>
                  <a:pt x="3081" y="424"/>
                </a:lnTo>
                <a:lnTo>
                  <a:pt x="3071" y="412"/>
                </a:lnTo>
                <a:lnTo>
                  <a:pt x="3062" y="401"/>
                </a:lnTo>
                <a:lnTo>
                  <a:pt x="3052" y="389"/>
                </a:lnTo>
                <a:lnTo>
                  <a:pt x="3042" y="378"/>
                </a:lnTo>
                <a:lnTo>
                  <a:pt x="3031" y="368"/>
                </a:lnTo>
                <a:lnTo>
                  <a:pt x="3019" y="356"/>
                </a:lnTo>
                <a:lnTo>
                  <a:pt x="2995" y="337"/>
                </a:lnTo>
                <a:lnTo>
                  <a:pt x="2970" y="320"/>
                </a:lnTo>
                <a:lnTo>
                  <a:pt x="2956" y="312"/>
                </a:lnTo>
                <a:lnTo>
                  <a:pt x="2943" y="305"/>
                </a:lnTo>
                <a:lnTo>
                  <a:pt x="2927" y="297"/>
                </a:lnTo>
                <a:lnTo>
                  <a:pt x="2912" y="291"/>
                </a:lnTo>
                <a:lnTo>
                  <a:pt x="2899" y="286"/>
                </a:lnTo>
                <a:lnTo>
                  <a:pt x="2883" y="280"/>
                </a:lnTo>
                <a:lnTo>
                  <a:pt x="2866" y="276"/>
                </a:lnTo>
                <a:lnTo>
                  <a:pt x="2851" y="270"/>
                </a:lnTo>
                <a:lnTo>
                  <a:pt x="2853" y="270"/>
                </a:lnTo>
                <a:lnTo>
                  <a:pt x="2849" y="255"/>
                </a:lnTo>
                <a:lnTo>
                  <a:pt x="2845" y="241"/>
                </a:lnTo>
                <a:lnTo>
                  <a:pt x="2841" y="226"/>
                </a:lnTo>
                <a:lnTo>
                  <a:pt x="2835" y="213"/>
                </a:lnTo>
                <a:lnTo>
                  <a:pt x="2830" y="199"/>
                </a:lnTo>
                <a:lnTo>
                  <a:pt x="2824" y="186"/>
                </a:lnTo>
                <a:lnTo>
                  <a:pt x="2816" y="174"/>
                </a:lnTo>
                <a:lnTo>
                  <a:pt x="2808" y="161"/>
                </a:lnTo>
                <a:lnTo>
                  <a:pt x="2801" y="149"/>
                </a:lnTo>
                <a:lnTo>
                  <a:pt x="2791" y="138"/>
                </a:lnTo>
                <a:lnTo>
                  <a:pt x="2782" y="126"/>
                </a:lnTo>
                <a:lnTo>
                  <a:pt x="2772" y="115"/>
                </a:lnTo>
                <a:lnTo>
                  <a:pt x="2762" y="105"/>
                </a:lnTo>
                <a:lnTo>
                  <a:pt x="2751" y="94"/>
                </a:lnTo>
                <a:lnTo>
                  <a:pt x="2728" y="76"/>
                </a:lnTo>
                <a:lnTo>
                  <a:pt x="2716" y="67"/>
                </a:lnTo>
                <a:lnTo>
                  <a:pt x="2703" y="59"/>
                </a:lnTo>
                <a:lnTo>
                  <a:pt x="2691" y="51"/>
                </a:lnTo>
                <a:lnTo>
                  <a:pt x="2678" y="44"/>
                </a:lnTo>
                <a:lnTo>
                  <a:pt x="2665" y="36"/>
                </a:lnTo>
                <a:lnTo>
                  <a:pt x="2651" y="30"/>
                </a:lnTo>
                <a:lnTo>
                  <a:pt x="2636" y="25"/>
                </a:lnTo>
                <a:lnTo>
                  <a:pt x="2622" y="19"/>
                </a:lnTo>
                <a:lnTo>
                  <a:pt x="2607" y="15"/>
                </a:lnTo>
                <a:lnTo>
                  <a:pt x="2592" y="11"/>
                </a:lnTo>
                <a:lnTo>
                  <a:pt x="2576" y="7"/>
                </a:lnTo>
                <a:lnTo>
                  <a:pt x="2561" y="4"/>
                </a:lnTo>
                <a:lnTo>
                  <a:pt x="2546" y="2"/>
                </a:lnTo>
                <a:lnTo>
                  <a:pt x="2528" y="0"/>
                </a:lnTo>
                <a:lnTo>
                  <a:pt x="2513" y="0"/>
                </a:lnTo>
                <a:lnTo>
                  <a:pt x="2496" y="0"/>
                </a:lnTo>
                <a:lnTo>
                  <a:pt x="2477" y="0"/>
                </a:lnTo>
                <a:lnTo>
                  <a:pt x="2457" y="2"/>
                </a:lnTo>
                <a:lnTo>
                  <a:pt x="2436" y="4"/>
                </a:lnTo>
                <a:lnTo>
                  <a:pt x="2417" y="7"/>
                </a:lnTo>
                <a:lnTo>
                  <a:pt x="2400" y="11"/>
                </a:lnTo>
                <a:lnTo>
                  <a:pt x="2381" y="17"/>
                </a:lnTo>
                <a:lnTo>
                  <a:pt x="2361" y="23"/>
                </a:lnTo>
                <a:lnTo>
                  <a:pt x="2344" y="28"/>
                </a:lnTo>
                <a:lnTo>
                  <a:pt x="2327" y="38"/>
                </a:lnTo>
                <a:lnTo>
                  <a:pt x="2310" y="46"/>
                </a:lnTo>
                <a:lnTo>
                  <a:pt x="2294" y="55"/>
                </a:lnTo>
                <a:lnTo>
                  <a:pt x="2277" y="67"/>
                </a:lnTo>
                <a:lnTo>
                  <a:pt x="2262" y="76"/>
                </a:lnTo>
                <a:lnTo>
                  <a:pt x="2248" y="90"/>
                </a:lnTo>
                <a:lnTo>
                  <a:pt x="2233" y="101"/>
                </a:lnTo>
                <a:lnTo>
                  <a:pt x="2221" y="115"/>
                </a:lnTo>
                <a:lnTo>
                  <a:pt x="2221" y="117"/>
                </a:lnTo>
                <a:lnTo>
                  <a:pt x="2210" y="103"/>
                </a:lnTo>
                <a:lnTo>
                  <a:pt x="2196" y="90"/>
                </a:lnTo>
                <a:lnTo>
                  <a:pt x="2183" y="78"/>
                </a:lnTo>
                <a:lnTo>
                  <a:pt x="2170" y="67"/>
                </a:lnTo>
                <a:lnTo>
                  <a:pt x="2154" y="55"/>
                </a:lnTo>
                <a:lnTo>
                  <a:pt x="2139" y="46"/>
                </a:lnTo>
                <a:lnTo>
                  <a:pt x="2123" y="38"/>
                </a:lnTo>
                <a:lnTo>
                  <a:pt x="2106" y="30"/>
                </a:lnTo>
                <a:lnTo>
                  <a:pt x="2089" y="23"/>
                </a:lnTo>
                <a:lnTo>
                  <a:pt x="2072" y="17"/>
                </a:lnTo>
                <a:lnTo>
                  <a:pt x="2054" y="11"/>
                </a:lnTo>
                <a:lnTo>
                  <a:pt x="2037" y="7"/>
                </a:lnTo>
                <a:lnTo>
                  <a:pt x="2018" y="4"/>
                </a:lnTo>
                <a:lnTo>
                  <a:pt x="2001" y="2"/>
                </a:lnTo>
                <a:lnTo>
                  <a:pt x="1982" y="0"/>
                </a:lnTo>
                <a:lnTo>
                  <a:pt x="1962" y="0"/>
                </a:lnTo>
                <a:lnTo>
                  <a:pt x="1939" y="0"/>
                </a:lnTo>
                <a:lnTo>
                  <a:pt x="1916" y="2"/>
                </a:lnTo>
                <a:lnTo>
                  <a:pt x="1895" y="5"/>
                </a:lnTo>
                <a:lnTo>
                  <a:pt x="1872" y="11"/>
                </a:lnTo>
                <a:lnTo>
                  <a:pt x="1851" y="17"/>
                </a:lnTo>
                <a:lnTo>
                  <a:pt x="1830" y="25"/>
                </a:lnTo>
                <a:lnTo>
                  <a:pt x="1811" y="32"/>
                </a:lnTo>
                <a:lnTo>
                  <a:pt x="1792" y="44"/>
                </a:lnTo>
                <a:lnTo>
                  <a:pt x="1772" y="55"/>
                </a:lnTo>
                <a:lnTo>
                  <a:pt x="1755" y="67"/>
                </a:lnTo>
                <a:lnTo>
                  <a:pt x="1738" y="80"/>
                </a:lnTo>
                <a:lnTo>
                  <a:pt x="1723" y="96"/>
                </a:lnTo>
                <a:lnTo>
                  <a:pt x="1707" y="111"/>
                </a:lnTo>
                <a:lnTo>
                  <a:pt x="1694" y="128"/>
                </a:lnTo>
                <a:lnTo>
                  <a:pt x="1682" y="145"/>
                </a:lnTo>
                <a:lnTo>
                  <a:pt x="1671" y="163"/>
                </a:lnTo>
                <a:lnTo>
                  <a:pt x="1673" y="168"/>
                </a:lnTo>
                <a:lnTo>
                  <a:pt x="1659" y="155"/>
                </a:lnTo>
                <a:lnTo>
                  <a:pt x="1644" y="144"/>
                </a:lnTo>
                <a:lnTo>
                  <a:pt x="1629" y="134"/>
                </a:lnTo>
                <a:lnTo>
                  <a:pt x="1613" y="124"/>
                </a:lnTo>
                <a:lnTo>
                  <a:pt x="1596" y="115"/>
                </a:lnTo>
                <a:lnTo>
                  <a:pt x="1579" y="105"/>
                </a:lnTo>
                <a:lnTo>
                  <a:pt x="1561" y="98"/>
                </a:lnTo>
                <a:lnTo>
                  <a:pt x="1544" y="92"/>
                </a:lnTo>
                <a:lnTo>
                  <a:pt x="1527" y="84"/>
                </a:lnTo>
                <a:lnTo>
                  <a:pt x="1508" y="80"/>
                </a:lnTo>
                <a:lnTo>
                  <a:pt x="1490" y="74"/>
                </a:lnTo>
                <a:lnTo>
                  <a:pt x="1471" y="71"/>
                </a:lnTo>
                <a:lnTo>
                  <a:pt x="1452" y="69"/>
                </a:lnTo>
                <a:lnTo>
                  <a:pt x="1433" y="65"/>
                </a:lnTo>
                <a:lnTo>
                  <a:pt x="1414" y="65"/>
                </a:lnTo>
                <a:lnTo>
                  <a:pt x="1394" y="65"/>
                </a:lnTo>
                <a:lnTo>
                  <a:pt x="1368" y="65"/>
                </a:lnTo>
                <a:lnTo>
                  <a:pt x="1339" y="67"/>
                </a:lnTo>
                <a:lnTo>
                  <a:pt x="1314" y="71"/>
                </a:lnTo>
                <a:lnTo>
                  <a:pt x="1287" y="78"/>
                </a:lnTo>
                <a:lnTo>
                  <a:pt x="1262" y="84"/>
                </a:lnTo>
                <a:lnTo>
                  <a:pt x="1237" y="94"/>
                </a:lnTo>
                <a:lnTo>
                  <a:pt x="1212" y="103"/>
                </a:lnTo>
                <a:lnTo>
                  <a:pt x="1189" y="115"/>
                </a:lnTo>
                <a:lnTo>
                  <a:pt x="1166" y="128"/>
                </a:lnTo>
                <a:lnTo>
                  <a:pt x="1145" y="144"/>
                </a:lnTo>
                <a:lnTo>
                  <a:pt x="1126" y="159"/>
                </a:lnTo>
                <a:lnTo>
                  <a:pt x="1107" y="176"/>
                </a:lnTo>
                <a:lnTo>
                  <a:pt x="1087" y="195"/>
                </a:lnTo>
                <a:lnTo>
                  <a:pt x="1072" y="215"/>
                </a:lnTo>
                <a:lnTo>
                  <a:pt x="1057" y="234"/>
                </a:lnTo>
                <a:lnTo>
                  <a:pt x="1043" y="257"/>
                </a:lnTo>
                <a:lnTo>
                  <a:pt x="1041" y="259"/>
                </a:lnTo>
                <a:lnTo>
                  <a:pt x="1013" y="243"/>
                </a:lnTo>
                <a:lnTo>
                  <a:pt x="982" y="232"/>
                </a:lnTo>
                <a:lnTo>
                  <a:pt x="951" y="220"/>
                </a:lnTo>
                <a:lnTo>
                  <a:pt x="936" y="216"/>
                </a:lnTo>
                <a:lnTo>
                  <a:pt x="919" y="213"/>
                </a:lnTo>
                <a:lnTo>
                  <a:pt x="903" y="209"/>
                </a:lnTo>
                <a:lnTo>
                  <a:pt x="888" y="205"/>
                </a:lnTo>
                <a:lnTo>
                  <a:pt x="871" y="203"/>
                </a:lnTo>
                <a:lnTo>
                  <a:pt x="853" y="199"/>
                </a:lnTo>
                <a:lnTo>
                  <a:pt x="838" y="197"/>
                </a:lnTo>
                <a:lnTo>
                  <a:pt x="821" y="197"/>
                </a:lnTo>
                <a:lnTo>
                  <a:pt x="804" y="195"/>
                </a:lnTo>
                <a:lnTo>
                  <a:pt x="788" y="195"/>
                </a:lnTo>
                <a:lnTo>
                  <a:pt x="761" y="197"/>
                </a:lnTo>
                <a:lnTo>
                  <a:pt x="736" y="199"/>
                </a:lnTo>
                <a:lnTo>
                  <a:pt x="711" y="201"/>
                </a:lnTo>
                <a:lnTo>
                  <a:pt x="687" y="205"/>
                </a:lnTo>
                <a:lnTo>
                  <a:pt x="662" y="211"/>
                </a:lnTo>
                <a:lnTo>
                  <a:pt x="639" y="216"/>
                </a:lnTo>
                <a:lnTo>
                  <a:pt x="616" y="224"/>
                </a:lnTo>
                <a:lnTo>
                  <a:pt x="593" y="232"/>
                </a:lnTo>
                <a:lnTo>
                  <a:pt x="569" y="241"/>
                </a:lnTo>
                <a:lnTo>
                  <a:pt x="548" y="251"/>
                </a:lnTo>
                <a:lnTo>
                  <a:pt x="527" y="262"/>
                </a:lnTo>
                <a:lnTo>
                  <a:pt x="506" y="274"/>
                </a:lnTo>
                <a:lnTo>
                  <a:pt x="487" y="287"/>
                </a:lnTo>
                <a:lnTo>
                  <a:pt x="468" y="301"/>
                </a:lnTo>
                <a:lnTo>
                  <a:pt x="449" y="314"/>
                </a:lnTo>
                <a:lnTo>
                  <a:pt x="431" y="330"/>
                </a:lnTo>
                <a:lnTo>
                  <a:pt x="416" y="347"/>
                </a:lnTo>
                <a:lnTo>
                  <a:pt x="399" y="362"/>
                </a:lnTo>
                <a:lnTo>
                  <a:pt x="385" y="380"/>
                </a:lnTo>
                <a:lnTo>
                  <a:pt x="370" y="399"/>
                </a:lnTo>
                <a:lnTo>
                  <a:pt x="358" y="416"/>
                </a:lnTo>
                <a:lnTo>
                  <a:pt x="345" y="435"/>
                </a:lnTo>
                <a:lnTo>
                  <a:pt x="333" y="456"/>
                </a:lnTo>
                <a:lnTo>
                  <a:pt x="324" y="475"/>
                </a:lnTo>
                <a:lnTo>
                  <a:pt x="314" y="497"/>
                </a:lnTo>
                <a:lnTo>
                  <a:pt x="307" y="518"/>
                </a:lnTo>
                <a:lnTo>
                  <a:pt x="301" y="541"/>
                </a:lnTo>
                <a:lnTo>
                  <a:pt x="295" y="562"/>
                </a:lnTo>
                <a:lnTo>
                  <a:pt x="291" y="585"/>
                </a:lnTo>
                <a:lnTo>
                  <a:pt x="287" y="608"/>
                </a:lnTo>
                <a:lnTo>
                  <a:pt x="286" y="631"/>
                </a:lnTo>
                <a:lnTo>
                  <a:pt x="286" y="654"/>
                </a:lnTo>
                <a:lnTo>
                  <a:pt x="286" y="669"/>
                </a:lnTo>
                <a:lnTo>
                  <a:pt x="286" y="686"/>
                </a:lnTo>
                <a:lnTo>
                  <a:pt x="287" y="702"/>
                </a:lnTo>
                <a:lnTo>
                  <a:pt x="289" y="717"/>
                </a:lnTo>
                <a:lnTo>
                  <a:pt x="291" y="715"/>
                </a:lnTo>
                <a:close/>
              </a:path>
            </a:pathLst>
          </a:custGeom>
          <a:solidFill>
            <a:schemeClr val="bg1"/>
          </a:solidFill>
          <a:ln w="28575" cmpd="sng">
            <a:solidFill>
              <a:srgbClr val="00B0F0"/>
            </a:solidFill>
            <a:round/>
            <a:headEnd/>
            <a:tailEnd/>
          </a:ln>
        </p:spPr>
        <p:txBody>
          <a:bodyPr/>
          <a:lstStyle/>
          <a:p>
            <a:pPr defTabSz="1218906"/>
            <a:endParaRPr lang="en-GB" sz="1600">
              <a:cs typeface="+mn-ea"/>
              <a:sym typeface="+mn-lt"/>
            </a:endParaRPr>
          </a:p>
        </p:txBody>
      </p:sp>
      <p:sp>
        <p:nvSpPr>
          <p:cNvPr id="289" name="矩形 288">
            <a:extLst>
              <a:ext uri="{FF2B5EF4-FFF2-40B4-BE49-F238E27FC236}">
                <a16:creationId xmlns:a16="http://schemas.microsoft.com/office/drawing/2014/main" xmlns="" id="{99868735-F1FA-4D7A-BF37-773E725E019E}"/>
              </a:ext>
            </a:extLst>
          </p:cNvPr>
          <p:cNvSpPr/>
          <p:nvPr/>
        </p:nvSpPr>
        <p:spPr>
          <a:xfrm>
            <a:off x="7415699" y="4793353"/>
            <a:ext cx="1207538" cy="338554"/>
          </a:xfrm>
          <a:prstGeom prst="rect">
            <a:avLst/>
          </a:prstGeom>
          <a:ln>
            <a:noFill/>
          </a:ln>
        </p:spPr>
        <p:txBody>
          <a:bodyPr wrap="square">
            <a:spAutoFit/>
          </a:bodyPr>
          <a:lstStyle/>
          <a:p>
            <a:pPr algn="ctr" defTabSz="914373"/>
            <a:r>
              <a:rPr lang="en-US" altLang="zh-CN" sz="1600" kern="0" dirty="0">
                <a:cs typeface="+mn-ea"/>
                <a:sym typeface="+mn-lt"/>
              </a:rPr>
              <a:t>WAN/DCI</a:t>
            </a:r>
            <a:endParaRPr lang="zh-CN" altLang="en-US" sz="1600" kern="0" dirty="0">
              <a:cs typeface="+mn-ea"/>
              <a:sym typeface="+mn-lt"/>
            </a:endParaRPr>
          </a:p>
        </p:txBody>
      </p:sp>
      <p:sp>
        <p:nvSpPr>
          <p:cNvPr id="290" name="矩形 289">
            <a:extLst>
              <a:ext uri="{FF2B5EF4-FFF2-40B4-BE49-F238E27FC236}">
                <a16:creationId xmlns:a16="http://schemas.microsoft.com/office/drawing/2014/main" xmlns="" id="{521CAD41-889C-43B7-8510-37AE83CAD604}"/>
              </a:ext>
            </a:extLst>
          </p:cNvPr>
          <p:cNvSpPr/>
          <p:nvPr/>
        </p:nvSpPr>
        <p:spPr>
          <a:xfrm>
            <a:off x="555627" y="1339478"/>
            <a:ext cx="769944" cy="829376"/>
          </a:xfrm>
          <a:prstGeom prst="rect">
            <a:avLst/>
          </a:prstGeom>
          <a:solidFill>
            <a:srgbClr val="00B0F0"/>
          </a:solidFill>
          <a:ln w="19050">
            <a:solidFill>
              <a:srgbClr val="00B0F0"/>
            </a:solidFill>
            <a:miter lim="800000"/>
            <a:headEnd/>
            <a:tailEnd/>
          </a:ln>
        </p:spPr>
        <p:txBody>
          <a:bodyPr wrap="none" lIns="121873" tIns="60937" rIns="121873" bIns="60937" anchor="ctr"/>
          <a:lstStyle/>
          <a:p>
            <a:pPr algn="ctr" defTabSz="1218905"/>
            <a:r>
              <a:rPr lang="zh-CN" altLang="en-US" sz="1600" b="1" kern="0" dirty="0">
                <a:solidFill>
                  <a:schemeClr val="bg1"/>
                </a:solidFill>
                <a:cs typeface="+mn-ea"/>
                <a:sym typeface="+mn-lt"/>
              </a:rPr>
              <a:t>应用层</a:t>
            </a:r>
          </a:p>
        </p:txBody>
      </p:sp>
      <p:sp>
        <p:nvSpPr>
          <p:cNvPr id="291" name="矩形 290">
            <a:extLst>
              <a:ext uri="{FF2B5EF4-FFF2-40B4-BE49-F238E27FC236}">
                <a16:creationId xmlns:a16="http://schemas.microsoft.com/office/drawing/2014/main" xmlns="" id="{4B8637D0-04EF-451B-99D4-5C3960DEEB7B}"/>
              </a:ext>
            </a:extLst>
          </p:cNvPr>
          <p:cNvSpPr/>
          <p:nvPr/>
        </p:nvSpPr>
        <p:spPr>
          <a:xfrm>
            <a:off x="555627" y="2388157"/>
            <a:ext cx="769944" cy="1082389"/>
          </a:xfrm>
          <a:prstGeom prst="rect">
            <a:avLst/>
          </a:prstGeom>
          <a:solidFill>
            <a:srgbClr val="00B0F0"/>
          </a:solidFill>
          <a:ln w="19050">
            <a:solidFill>
              <a:srgbClr val="00B0F0"/>
            </a:solidFill>
            <a:miter lim="800000"/>
            <a:headEnd/>
            <a:tailEnd/>
          </a:ln>
        </p:spPr>
        <p:txBody>
          <a:bodyPr wrap="none" lIns="121873" tIns="60937" rIns="121873" bIns="60937" anchor="ctr"/>
          <a:lstStyle/>
          <a:p>
            <a:pPr algn="ctr" defTabSz="1218905"/>
            <a:r>
              <a:rPr lang="zh-CN" altLang="en-US" sz="1600" b="1" kern="0">
                <a:solidFill>
                  <a:schemeClr val="bg1"/>
                </a:solidFill>
                <a:cs typeface="+mn-ea"/>
                <a:sym typeface="+mn-lt"/>
              </a:rPr>
              <a:t>网络</a:t>
            </a:r>
            <a:endParaRPr lang="en-US" altLang="zh-CN" sz="1600" b="1" kern="0">
              <a:solidFill>
                <a:schemeClr val="bg1"/>
              </a:solidFill>
              <a:cs typeface="+mn-ea"/>
              <a:sym typeface="+mn-lt"/>
            </a:endParaRPr>
          </a:p>
          <a:p>
            <a:pPr algn="ctr" defTabSz="1218905"/>
            <a:r>
              <a:rPr lang="zh-CN" altLang="en-US" sz="1600" b="1" kern="0">
                <a:solidFill>
                  <a:schemeClr val="bg1"/>
                </a:solidFill>
                <a:cs typeface="+mn-ea"/>
                <a:sym typeface="+mn-lt"/>
              </a:rPr>
              <a:t>管</a:t>
            </a:r>
            <a:r>
              <a:rPr lang="zh-CN" altLang="en-US" sz="1600" b="1" kern="0" dirty="0">
                <a:solidFill>
                  <a:schemeClr val="bg1"/>
                </a:solidFill>
                <a:cs typeface="+mn-ea"/>
                <a:sym typeface="+mn-lt"/>
              </a:rPr>
              <a:t>控层</a:t>
            </a:r>
          </a:p>
        </p:txBody>
      </p:sp>
      <p:sp>
        <p:nvSpPr>
          <p:cNvPr id="292" name="矩形 291">
            <a:extLst>
              <a:ext uri="{FF2B5EF4-FFF2-40B4-BE49-F238E27FC236}">
                <a16:creationId xmlns:a16="http://schemas.microsoft.com/office/drawing/2014/main" xmlns="" id="{8BF5176D-FF38-4EFC-997F-DE4EC37F0CA3}"/>
              </a:ext>
            </a:extLst>
          </p:cNvPr>
          <p:cNvSpPr/>
          <p:nvPr/>
        </p:nvSpPr>
        <p:spPr>
          <a:xfrm>
            <a:off x="555627" y="3673830"/>
            <a:ext cx="769944" cy="2451743"/>
          </a:xfrm>
          <a:prstGeom prst="rect">
            <a:avLst/>
          </a:prstGeom>
          <a:solidFill>
            <a:srgbClr val="00B0F0"/>
          </a:solidFill>
          <a:ln w="19050">
            <a:solidFill>
              <a:srgbClr val="00B0F0"/>
            </a:solidFill>
            <a:miter lim="800000"/>
            <a:headEnd/>
            <a:tailEnd/>
          </a:ln>
        </p:spPr>
        <p:txBody>
          <a:bodyPr wrap="none" lIns="121873" tIns="60937" rIns="121873" bIns="60937" anchor="ctr"/>
          <a:lstStyle/>
          <a:p>
            <a:pPr algn="ctr" defTabSz="1218905"/>
            <a:r>
              <a:rPr lang="zh-CN" altLang="en-US" sz="1600" b="1" kern="0" dirty="0">
                <a:solidFill>
                  <a:schemeClr val="bg1"/>
                </a:solidFill>
                <a:cs typeface="+mn-ea"/>
                <a:sym typeface="+mn-lt"/>
              </a:rPr>
              <a:t>网络层</a:t>
            </a:r>
          </a:p>
        </p:txBody>
      </p:sp>
      <p:cxnSp>
        <p:nvCxnSpPr>
          <p:cNvPr id="293" name="直接连接符 292">
            <a:extLst>
              <a:ext uri="{FF2B5EF4-FFF2-40B4-BE49-F238E27FC236}">
                <a16:creationId xmlns:a16="http://schemas.microsoft.com/office/drawing/2014/main" xmlns="" id="{4E3FE062-3B3E-4F76-83A1-AC2E6FFCD8F4}"/>
              </a:ext>
            </a:extLst>
          </p:cNvPr>
          <p:cNvCxnSpPr/>
          <p:nvPr/>
        </p:nvCxnSpPr>
        <p:spPr>
          <a:xfrm>
            <a:off x="1718625" y="4932874"/>
            <a:ext cx="1788030" cy="0"/>
          </a:xfrm>
          <a:prstGeom prst="line">
            <a:avLst/>
          </a:prstGeom>
          <a:ln>
            <a:solidFill>
              <a:srgbClr val="00B0F0"/>
            </a:solidFill>
            <a:prstDash val="dash"/>
          </a:ln>
        </p:spPr>
        <p:style>
          <a:lnRef idx="1">
            <a:schemeClr val="accent1"/>
          </a:lnRef>
          <a:fillRef idx="0">
            <a:schemeClr val="accent1"/>
          </a:fillRef>
          <a:effectRef idx="0">
            <a:schemeClr val="accent1"/>
          </a:effectRef>
          <a:fontRef idx="minor">
            <a:schemeClr val="tx1"/>
          </a:fontRef>
        </p:style>
      </p:cxnSp>
      <p:sp>
        <p:nvSpPr>
          <p:cNvPr id="294" name="Freeform 78">
            <a:extLst>
              <a:ext uri="{FF2B5EF4-FFF2-40B4-BE49-F238E27FC236}">
                <a16:creationId xmlns:a16="http://schemas.microsoft.com/office/drawing/2014/main" xmlns="" id="{9C4E1D1E-A7C6-4871-B611-0BEF69008F16}"/>
              </a:ext>
            </a:extLst>
          </p:cNvPr>
          <p:cNvSpPr>
            <a:spLocks noEditPoints="1"/>
          </p:cNvSpPr>
          <p:nvPr/>
        </p:nvSpPr>
        <p:spPr bwMode="auto">
          <a:xfrm>
            <a:off x="11001275" y="3971183"/>
            <a:ext cx="491985" cy="298685"/>
          </a:xfrm>
          <a:custGeom>
            <a:avLst/>
            <a:gdLst/>
            <a:ahLst/>
            <a:cxnLst>
              <a:cxn ang="0">
                <a:pos x="1805" y="1019"/>
              </a:cxn>
              <a:cxn ang="0">
                <a:pos x="1625" y="1019"/>
              </a:cxn>
              <a:cxn ang="0">
                <a:pos x="1176" y="0"/>
              </a:cxn>
              <a:cxn ang="0">
                <a:pos x="1093" y="494"/>
              </a:cxn>
              <a:cxn ang="0">
                <a:pos x="572" y="1019"/>
              </a:cxn>
              <a:cxn ang="0">
                <a:pos x="523" y="176"/>
              </a:cxn>
              <a:cxn ang="0">
                <a:pos x="314" y="203"/>
              </a:cxn>
              <a:cxn ang="0">
                <a:pos x="301" y="262"/>
              </a:cxn>
              <a:cxn ang="0">
                <a:pos x="118" y="1019"/>
              </a:cxn>
              <a:cxn ang="0">
                <a:pos x="2" y="1169"/>
              </a:cxn>
              <a:cxn ang="0">
                <a:pos x="1917" y="1181"/>
              </a:cxn>
              <a:cxn ang="0">
                <a:pos x="1922" y="1169"/>
              </a:cxn>
              <a:cxn ang="0">
                <a:pos x="741" y="756"/>
              </a:cxn>
              <a:cxn ang="0">
                <a:pos x="896" y="756"/>
              </a:cxn>
              <a:cxn ang="0">
                <a:pos x="1049" y="756"/>
              </a:cxn>
              <a:cxn ang="0">
                <a:pos x="677" y="756"/>
              </a:cxn>
              <a:cxn ang="0">
                <a:pos x="434" y="604"/>
              </a:cxn>
              <a:cxn ang="0">
                <a:pos x="425" y="533"/>
              </a:cxn>
              <a:cxn ang="0">
                <a:pos x="498" y="520"/>
              </a:cxn>
              <a:cxn ang="0">
                <a:pos x="513" y="533"/>
              </a:cxn>
              <a:cxn ang="0">
                <a:pos x="505" y="604"/>
              </a:cxn>
              <a:cxn ang="0">
                <a:pos x="513" y="933"/>
              </a:cxn>
              <a:cxn ang="0">
                <a:pos x="439" y="947"/>
              </a:cxn>
              <a:cxn ang="0">
                <a:pos x="425" y="933"/>
              </a:cxn>
              <a:cxn ang="0">
                <a:pos x="434" y="862"/>
              </a:cxn>
              <a:cxn ang="0">
                <a:pos x="508" y="866"/>
              </a:cxn>
              <a:cxn ang="0">
                <a:pos x="348" y="791"/>
              </a:cxn>
              <a:cxn ang="0">
                <a:pos x="334" y="805"/>
              </a:cxn>
              <a:cxn ang="0">
                <a:pos x="262" y="796"/>
              </a:cxn>
              <a:cxn ang="0">
                <a:pos x="263" y="724"/>
              </a:cxn>
              <a:cxn ang="0">
                <a:pos x="339" y="720"/>
              </a:cxn>
              <a:cxn ang="0">
                <a:pos x="243" y="397"/>
              </a:cxn>
              <a:cxn ang="0">
                <a:pos x="258" y="383"/>
              </a:cxn>
              <a:cxn ang="0">
                <a:pos x="331" y="391"/>
              </a:cxn>
              <a:cxn ang="0">
                <a:pos x="328" y="464"/>
              </a:cxn>
              <a:cxn ang="0">
                <a:pos x="252" y="467"/>
              </a:cxn>
              <a:cxn ang="0">
                <a:pos x="1464" y="105"/>
              </a:cxn>
              <a:cxn ang="0">
                <a:pos x="1471" y="96"/>
              </a:cxn>
              <a:cxn ang="0">
                <a:pos x="1490" y="101"/>
              </a:cxn>
              <a:cxn ang="0">
                <a:pos x="1490" y="940"/>
              </a:cxn>
              <a:cxn ang="0">
                <a:pos x="1471" y="945"/>
              </a:cxn>
              <a:cxn ang="0">
                <a:pos x="1464" y="105"/>
              </a:cxn>
              <a:cxn ang="0">
                <a:pos x="1362" y="98"/>
              </a:cxn>
              <a:cxn ang="0">
                <a:pos x="1382" y="100"/>
              </a:cxn>
              <a:cxn ang="0">
                <a:pos x="1383" y="940"/>
              </a:cxn>
              <a:cxn ang="0">
                <a:pos x="1363" y="945"/>
              </a:cxn>
              <a:cxn ang="0">
                <a:pos x="1356" y="105"/>
              </a:cxn>
              <a:cxn ang="0">
                <a:pos x="1254" y="98"/>
              </a:cxn>
              <a:cxn ang="0">
                <a:pos x="1276" y="100"/>
              </a:cxn>
              <a:cxn ang="0">
                <a:pos x="1277" y="940"/>
              </a:cxn>
              <a:cxn ang="0">
                <a:pos x="1257" y="945"/>
              </a:cxn>
              <a:cxn ang="0">
                <a:pos x="1250" y="105"/>
              </a:cxn>
            </a:cxnLst>
            <a:rect l="0" t="0" r="r" b="b"/>
            <a:pathLst>
              <a:path w="1923" h="1181">
                <a:moveTo>
                  <a:pt x="1820" y="1029"/>
                </a:moveTo>
                <a:lnTo>
                  <a:pt x="1820" y="1029"/>
                </a:lnTo>
                <a:lnTo>
                  <a:pt x="1815" y="1024"/>
                </a:lnTo>
                <a:lnTo>
                  <a:pt x="1810" y="1021"/>
                </a:lnTo>
                <a:lnTo>
                  <a:pt x="1805" y="1019"/>
                </a:lnTo>
                <a:lnTo>
                  <a:pt x="1798" y="1019"/>
                </a:lnTo>
                <a:lnTo>
                  <a:pt x="1750" y="1019"/>
                </a:lnTo>
                <a:lnTo>
                  <a:pt x="1750" y="739"/>
                </a:lnTo>
                <a:lnTo>
                  <a:pt x="1625" y="606"/>
                </a:lnTo>
                <a:lnTo>
                  <a:pt x="1625" y="1019"/>
                </a:lnTo>
                <a:lnTo>
                  <a:pt x="1583" y="1019"/>
                </a:lnTo>
                <a:lnTo>
                  <a:pt x="1583" y="562"/>
                </a:lnTo>
                <a:lnTo>
                  <a:pt x="1583" y="0"/>
                </a:lnTo>
                <a:lnTo>
                  <a:pt x="1218" y="0"/>
                </a:lnTo>
                <a:lnTo>
                  <a:pt x="1176" y="0"/>
                </a:lnTo>
                <a:lnTo>
                  <a:pt x="1176" y="1019"/>
                </a:lnTo>
                <a:lnTo>
                  <a:pt x="1124" y="1019"/>
                </a:lnTo>
                <a:lnTo>
                  <a:pt x="1124" y="562"/>
                </a:lnTo>
                <a:lnTo>
                  <a:pt x="1093" y="562"/>
                </a:lnTo>
                <a:lnTo>
                  <a:pt x="1093" y="494"/>
                </a:lnTo>
                <a:lnTo>
                  <a:pt x="751" y="553"/>
                </a:lnTo>
                <a:lnTo>
                  <a:pt x="751" y="562"/>
                </a:lnTo>
                <a:lnTo>
                  <a:pt x="626" y="562"/>
                </a:lnTo>
                <a:lnTo>
                  <a:pt x="626" y="1019"/>
                </a:lnTo>
                <a:lnTo>
                  <a:pt x="572" y="1019"/>
                </a:lnTo>
                <a:lnTo>
                  <a:pt x="572" y="262"/>
                </a:lnTo>
                <a:lnTo>
                  <a:pt x="525" y="262"/>
                </a:lnTo>
                <a:lnTo>
                  <a:pt x="525" y="181"/>
                </a:lnTo>
                <a:lnTo>
                  <a:pt x="525" y="181"/>
                </a:lnTo>
                <a:lnTo>
                  <a:pt x="523" y="176"/>
                </a:lnTo>
                <a:lnTo>
                  <a:pt x="522" y="170"/>
                </a:lnTo>
                <a:lnTo>
                  <a:pt x="516" y="169"/>
                </a:lnTo>
                <a:lnTo>
                  <a:pt x="511" y="169"/>
                </a:lnTo>
                <a:lnTo>
                  <a:pt x="314" y="203"/>
                </a:lnTo>
                <a:lnTo>
                  <a:pt x="314" y="203"/>
                </a:lnTo>
                <a:lnTo>
                  <a:pt x="309" y="204"/>
                </a:lnTo>
                <a:lnTo>
                  <a:pt x="304" y="208"/>
                </a:lnTo>
                <a:lnTo>
                  <a:pt x="301" y="213"/>
                </a:lnTo>
                <a:lnTo>
                  <a:pt x="301" y="218"/>
                </a:lnTo>
                <a:lnTo>
                  <a:pt x="301" y="262"/>
                </a:lnTo>
                <a:lnTo>
                  <a:pt x="181" y="262"/>
                </a:lnTo>
                <a:lnTo>
                  <a:pt x="181" y="1019"/>
                </a:lnTo>
                <a:lnTo>
                  <a:pt x="125" y="1019"/>
                </a:lnTo>
                <a:lnTo>
                  <a:pt x="125" y="1019"/>
                </a:lnTo>
                <a:lnTo>
                  <a:pt x="118" y="1019"/>
                </a:lnTo>
                <a:lnTo>
                  <a:pt x="113" y="1021"/>
                </a:lnTo>
                <a:lnTo>
                  <a:pt x="108" y="1024"/>
                </a:lnTo>
                <a:lnTo>
                  <a:pt x="103" y="1029"/>
                </a:lnTo>
                <a:lnTo>
                  <a:pt x="2" y="1169"/>
                </a:lnTo>
                <a:lnTo>
                  <a:pt x="2" y="1169"/>
                </a:lnTo>
                <a:lnTo>
                  <a:pt x="0" y="1174"/>
                </a:lnTo>
                <a:lnTo>
                  <a:pt x="2" y="1178"/>
                </a:lnTo>
                <a:lnTo>
                  <a:pt x="4" y="1179"/>
                </a:lnTo>
                <a:lnTo>
                  <a:pt x="7" y="1181"/>
                </a:lnTo>
                <a:lnTo>
                  <a:pt x="1917" y="1181"/>
                </a:lnTo>
                <a:lnTo>
                  <a:pt x="1917" y="1181"/>
                </a:lnTo>
                <a:lnTo>
                  <a:pt x="1920" y="1179"/>
                </a:lnTo>
                <a:lnTo>
                  <a:pt x="1922" y="1178"/>
                </a:lnTo>
                <a:lnTo>
                  <a:pt x="1923" y="1174"/>
                </a:lnTo>
                <a:lnTo>
                  <a:pt x="1922" y="1169"/>
                </a:lnTo>
                <a:lnTo>
                  <a:pt x="1820" y="1029"/>
                </a:lnTo>
                <a:close/>
                <a:moveTo>
                  <a:pt x="741" y="660"/>
                </a:moveTo>
                <a:lnTo>
                  <a:pt x="879" y="660"/>
                </a:lnTo>
                <a:lnTo>
                  <a:pt x="879" y="756"/>
                </a:lnTo>
                <a:lnTo>
                  <a:pt x="741" y="756"/>
                </a:lnTo>
                <a:lnTo>
                  <a:pt x="741" y="660"/>
                </a:lnTo>
                <a:close/>
                <a:moveTo>
                  <a:pt x="896" y="660"/>
                </a:moveTo>
                <a:lnTo>
                  <a:pt x="1033" y="660"/>
                </a:lnTo>
                <a:lnTo>
                  <a:pt x="1033" y="756"/>
                </a:lnTo>
                <a:lnTo>
                  <a:pt x="896" y="756"/>
                </a:lnTo>
                <a:lnTo>
                  <a:pt x="896" y="660"/>
                </a:lnTo>
                <a:close/>
                <a:moveTo>
                  <a:pt x="1049" y="660"/>
                </a:moveTo>
                <a:lnTo>
                  <a:pt x="1082" y="660"/>
                </a:lnTo>
                <a:lnTo>
                  <a:pt x="1082" y="756"/>
                </a:lnTo>
                <a:lnTo>
                  <a:pt x="1049" y="756"/>
                </a:lnTo>
                <a:lnTo>
                  <a:pt x="1049" y="660"/>
                </a:lnTo>
                <a:close/>
                <a:moveTo>
                  <a:pt x="677" y="660"/>
                </a:moveTo>
                <a:lnTo>
                  <a:pt x="724" y="660"/>
                </a:lnTo>
                <a:lnTo>
                  <a:pt x="724" y="756"/>
                </a:lnTo>
                <a:lnTo>
                  <a:pt x="677" y="756"/>
                </a:lnTo>
                <a:lnTo>
                  <a:pt x="677" y="660"/>
                </a:lnTo>
                <a:close/>
                <a:moveTo>
                  <a:pt x="498" y="606"/>
                </a:moveTo>
                <a:lnTo>
                  <a:pt x="439" y="606"/>
                </a:lnTo>
                <a:lnTo>
                  <a:pt x="439" y="606"/>
                </a:lnTo>
                <a:lnTo>
                  <a:pt x="434" y="604"/>
                </a:lnTo>
                <a:lnTo>
                  <a:pt x="429" y="601"/>
                </a:lnTo>
                <a:lnTo>
                  <a:pt x="425" y="597"/>
                </a:lnTo>
                <a:lnTo>
                  <a:pt x="425" y="591"/>
                </a:lnTo>
                <a:lnTo>
                  <a:pt x="425" y="533"/>
                </a:lnTo>
                <a:lnTo>
                  <a:pt x="425" y="533"/>
                </a:lnTo>
                <a:lnTo>
                  <a:pt x="425" y="528"/>
                </a:lnTo>
                <a:lnTo>
                  <a:pt x="429" y="523"/>
                </a:lnTo>
                <a:lnTo>
                  <a:pt x="434" y="521"/>
                </a:lnTo>
                <a:lnTo>
                  <a:pt x="439" y="520"/>
                </a:lnTo>
                <a:lnTo>
                  <a:pt x="498" y="520"/>
                </a:lnTo>
                <a:lnTo>
                  <a:pt x="498" y="520"/>
                </a:lnTo>
                <a:lnTo>
                  <a:pt x="505" y="521"/>
                </a:lnTo>
                <a:lnTo>
                  <a:pt x="508" y="523"/>
                </a:lnTo>
                <a:lnTo>
                  <a:pt x="511" y="528"/>
                </a:lnTo>
                <a:lnTo>
                  <a:pt x="513" y="533"/>
                </a:lnTo>
                <a:lnTo>
                  <a:pt x="513" y="591"/>
                </a:lnTo>
                <a:lnTo>
                  <a:pt x="513" y="591"/>
                </a:lnTo>
                <a:lnTo>
                  <a:pt x="511" y="597"/>
                </a:lnTo>
                <a:lnTo>
                  <a:pt x="508" y="601"/>
                </a:lnTo>
                <a:lnTo>
                  <a:pt x="505" y="604"/>
                </a:lnTo>
                <a:lnTo>
                  <a:pt x="498" y="606"/>
                </a:lnTo>
                <a:lnTo>
                  <a:pt x="498" y="606"/>
                </a:lnTo>
                <a:close/>
                <a:moveTo>
                  <a:pt x="513" y="874"/>
                </a:moveTo>
                <a:lnTo>
                  <a:pt x="513" y="933"/>
                </a:lnTo>
                <a:lnTo>
                  <a:pt x="513" y="933"/>
                </a:lnTo>
                <a:lnTo>
                  <a:pt x="511" y="938"/>
                </a:lnTo>
                <a:lnTo>
                  <a:pt x="508" y="941"/>
                </a:lnTo>
                <a:lnTo>
                  <a:pt x="505" y="945"/>
                </a:lnTo>
                <a:lnTo>
                  <a:pt x="498" y="947"/>
                </a:lnTo>
                <a:lnTo>
                  <a:pt x="439" y="947"/>
                </a:lnTo>
                <a:lnTo>
                  <a:pt x="439" y="947"/>
                </a:lnTo>
                <a:lnTo>
                  <a:pt x="434" y="945"/>
                </a:lnTo>
                <a:lnTo>
                  <a:pt x="429" y="941"/>
                </a:lnTo>
                <a:lnTo>
                  <a:pt x="425" y="938"/>
                </a:lnTo>
                <a:lnTo>
                  <a:pt x="425" y="933"/>
                </a:lnTo>
                <a:lnTo>
                  <a:pt x="425" y="874"/>
                </a:lnTo>
                <a:lnTo>
                  <a:pt x="425" y="874"/>
                </a:lnTo>
                <a:lnTo>
                  <a:pt x="425" y="869"/>
                </a:lnTo>
                <a:lnTo>
                  <a:pt x="429" y="866"/>
                </a:lnTo>
                <a:lnTo>
                  <a:pt x="434" y="862"/>
                </a:lnTo>
                <a:lnTo>
                  <a:pt x="439" y="860"/>
                </a:lnTo>
                <a:lnTo>
                  <a:pt x="498" y="860"/>
                </a:lnTo>
                <a:lnTo>
                  <a:pt x="498" y="860"/>
                </a:lnTo>
                <a:lnTo>
                  <a:pt x="505" y="862"/>
                </a:lnTo>
                <a:lnTo>
                  <a:pt x="508" y="866"/>
                </a:lnTo>
                <a:lnTo>
                  <a:pt x="511" y="869"/>
                </a:lnTo>
                <a:lnTo>
                  <a:pt x="513" y="874"/>
                </a:lnTo>
                <a:lnTo>
                  <a:pt x="513" y="874"/>
                </a:lnTo>
                <a:close/>
                <a:moveTo>
                  <a:pt x="348" y="734"/>
                </a:moveTo>
                <a:lnTo>
                  <a:pt x="348" y="791"/>
                </a:lnTo>
                <a:lnTo>
                  <a:pt x="348" y="791"/>
                </a:lnTo>
                <a:lnTo>
                  <a:pt x="346" y="796"/>
                </a:lnTo>
                <a:lnTo>
                  <a:pt x="343" y="801"/>
                </a:lnTo>
                <a:lnTo>
                  <a:pt x="339" y="805"/>
                </a:lnTo>
                <a:lnTo>
                  <a:pt x="334" y="805"/>
                </a:lnTo>
                <a:lnTo>
                  <a:pt x="274" y="805"/>
                </a:lnTo>
                <a:lnTo>
                  <a:pt x="274" y="805"/>
                </a:lnTo>
                <a:lnTo>
                  <a:pt x="269" y="805"/>
                </a:lnTo>
                <a:lnTo>
                  <a:pt x="263" y="801"/>
                </a:lnTo>
                <a:lnTo>
                  <a:pt x="262" y="796"/>
                </a:lnTo>
                <a:lnTo>
                  <a:pt x="260" y="791"/>
                </a:lnTo>
                <a:lnTo>
                  <a:pt x="260" y="734"/>
                </a:lnTo>
                <a:lnTo>
                  <a:pt x="260" y="734"/>
                </a:lnTo>
                <a:lnTo>
                  <a:pt x="262" y="729"/>
                </a:lnTo>
                <a:lnTo>
                  <a:pt x="263" y="724"/>
                </a:lnTo>
                <a:lnTo>
                  <a:pt x="269" y="720"/>
                </a:lnTo>
                <a:lnTo>
                  <a:pt x="274" y="720"/>
                </a:lnTo>
                <a:lnTo>
                  <a:pt x="334" y="720"/>
                </a:lnTo>
                <a:lnTo>
                  <a:pt x="334" y="720"/>
                </a:lnTo>
                <a:lnTo>
                  <a:pt x="339" y="720"/>
                </a:lnTo>
                <a:lnTo>
                  <a:pt x="343" y="724"/>
                </a:lnTo>
                <a:lnTo>
                  <a:pt x="346" y="729"/>
                </a:lnTo>
                <a:lnTo>
                  <a:pt x="348" y="734"/>
                </a:lnTo>
                <a:lnTo>
                  <a:pt x="348" y="734"/>
                </a:lnTo>
                <a:close/>
                <a:moveTo>
                  <a:pt x="243" y="397"/>
                </a:moveTo>
                <a:lnTo>
                  <a:pt x="243" y="397"/>
                </a:lnTo>
                <a:lnTo>
                  <a:pt x="245" y="391"/>
                </a:lnTo>
                <a:lnTo>
                  <a:pt x="248" y="386"/>
                </a:lnTo>
                <a:lnTo>
                  <a:pt x="252" y="385"/>
                </a:lnTo>
                <a:lnTo>
                  <a:pt x="258" y="383"/>
                </a:lnTo>
                <a:lnTo>
                  <a:pt x="317" y="383"/>
                </a:lnTo>
                <a:lnTo>
                  <a:pt x="317" y="383"/>
                </a:lnTo>
                <a:lnTo>
                  <a:pt x="322" y="385"/>
                </a:lnTo>
                <a:lnTo>
                  <a:pt x="328" y="386"/>
                </a:lnTo>
                <a:lnTo>
                  <a:pt x="331" y="391"/>
                </a:lnTo>
                <a:lnTo>
                  <a:pt x="331" y="397"/>
                </a:lnTo>
                <a:lnTo>
                  <a:pt x="331" y="454"/>
                </a:lnTo>
                <a:lnTo>
                  <a:pt x="331" y="454"/>
                </a:lnTo>
                <a:lnTo>
                  <a:pt x="331" y="461"/>
                </a:lnTo>
                <a:lnTo>
                  <a:pt x="328" y="464"/>
                </a:lnTo>
                <a:lnTo>
                  <a:pt x="322" y="467"/>
                </a:lnTo>
                <a:lnTo>
                  <a:pt x="317" y="469"/>
                </a:lnTo>
                <a:lnTo>
                  <a:pt x="258" y="469"/>
                </a:lnTo>
                <a:lnTo>
                  <a:pt x="258" y="469"/>
                </a:lnTo>
                <a:lnTo>
                  <a:pt x="252" y="467"/>
                </a:lnTo>
                <a:lnTo>
                  <a:pt x="248" y="464"/>
                </a:lnTo>
                <a:lnTo>
                  <a:pt x="245" y="461"/>
                </a:lnTo>
                <a:lnTo>
                  <a:pt x="243" y="454"/>
                </a:lnTo>
                <a:lnTo>
                  <a:pt x="243" y="397"/>
                </a:lnTo>
                <a:close/>
                <a:moveTo>
                  <a:pt x="1464" y="105"/>
                </a:moveTo>
                <a:lnTo>
                  <a:pt x="1464" y="105"/>
                </a:lnTo>
                <a:lnTo>
                  <a:pt x="1464" y="101"/>
                </a:lnTo>
                <a:lnTo>
                  <a:pt x="1466" y="100"/>
                </a:lnTo>
                <a:lnTo>
                  <a:pt x="1468" y="98"/>
                </a:lnTo>
                <a:lnTo>
                  <a:pt x="1471" y="96"/>
                </a:lnTo>
                <a:lnTo>
                  <a:pt x="1485" y="96"/>
                </a:lnTo>
                <a:lnTo>
                  <a:pt x="1485" y="96"/>
                </a:lnTo>
                <a:lnTo>
                  <a:pt x="1486" y="98"/>
                </a:lnTo>
                <a:lnTo>
                  <a:pt x="1490" y="100"/>
                </a:lnTo>
                <a:lnTo>
                  <a:pt x="1490" y="101"/>
                </a:lnTo>
                <a:lnTo>
                  <a:pt x="1491" y="105"/>
                </a:lnTo>
                <a:lnTo>
                  <a:pt x="1491" y="464"/>
                </a:lnTo>
                <a:lnTo>
                  <a:pt x="1491" y="938"/>
                </a:lnTo>
                <a:lnTo>
                  <a:pt x="1491" y="938"/>
                </a:lnTo>
                <a:lnTo>
                  <a:pt x="1490" y="940"/>
                </a:lnTo>
                <a:lnTo>
                  <a:pt x="1490" y="941"/>
                </a:lnTo>
                <a:lnTo>
                  <a:pt x="1486" y="943"/>
                </a:lnTo>
                <a:lnTo>
                  <a:pt x="1485" y="945"/>
                </a:lnTo>
                <a:lnTo>
                  <a:pt x="1471" y="945"/>
                </a:lnTo>
                <a:lnTo>
                  <a:pt x="1471" y="945"/>
                </a:lnTo>
                <a:lnTo>
                  <a:pt x="1466" y="943"/>
                </a:lnTo>
                <a:lnTo>
                  <a:pt x="1466" y="943"/>
                </a:lnTo>
                <a:lnTo>
                  <a:pt x="1464" y="940"/>
                </a:lnTo>
                <a:lnTo>
                  <a:pt x="1464" y="938"/>
                </a:lnTo>
                <a:lnTo>
                  <a:pt x="1464" y="105"/>
                </a:lnTo>
                <a:close/>
                <a:moveTo>
                  <a:pt x="1356" y="105"/>
                </a:moveTo>
                <a:lnTo>
                  <a:pt x="1356" y="105"/>
                </a:lnTo>
                <a:lnTo>
                  <a:pt x="1358" y="101"/>
                </a:lnTo>
                <a:lnTo>
                  <a:pt x="1360" y="100"/>
                </a:lnTo>
                <a:lnTo>
                  <a:pt x="1362" y="98"/>
                </a:lnTo>
                <a:lnTo>
                  <a:pt x="1363" y="96"/>
                </a:lnTo>
                <a:lnTo>
                  <a:pt x="1377" y="96"/>
                </a:lnTo>
                <a:lnTo>
                  <a:pt x="1377" y="96"/>
                </a:lnTo>
                <a:lnTo>
                  <a:pt x="1380" y="98"/>
                </a:lnTo>
                <a:lnTo>
                  <a:pt x="1382" y="100"/>
                </a:lnTo>
                <a:lnTo>
                  <a:pt x="1383" y="101"/>
                </a:lnTo>
                <a:lnTo>
                  <a:pt x="1383" y="105"/>
                </a:lnTo>
                <a:lnTo>
                  <a:pt x="1383" y="938"/>
                </a:lnTo>
                <a:lnTo>
                  <a:pt x="1383" y="938"/>
                </a:lnTo>
                <a:lnTo>
                  <a:pt x="1383" y="940"/>
                </a:lnTo>
                <a:lnTo>
                  <a:pt x="1382" y="941"/>
                </a:lnTo>
                <a:lnTo>
                  <a:pt x="1380" y="943"/>
                </a:lnTo>
                <a:lnTo>
                  <a:pt x="1377" y="945"/>
                </a:lnTo>
                <a:lnTo>
                  <a:pt x="1363" y="945"/>
                </a:lnTo>
                <a:lnTo>
                  <a:pt x="1363" y="945"/>
                </a:lnTo>
                <a:lnTo>
                  <a:pt x="1362" y="943"/>
                </a:lnTo>
                <a:lnTo>
                  <a:pt x="1360" y="941"/>
                </a:lnTo>
                <a:lnTo>
                  <a:pt x="1358" y="940"/>
                </a:lnTo>
                <a:lnTo>
                  <a:pt x="1356" y="938"/>
                </a:lnTo>
                <a:lnTo>
                  <a:pt x="1356" y="105"/>
                </a:lnTo>
                <a:close/>
                <a:moveTo>
                  <a:pt x="1250" y="105"/>
                </a:moveTo>
                <a:lnTo>
                  <a:pt x="1250" y="105"/>
                </a:lnTo>
                <a:lnTo>
                  <a:pt x="1250" y="101"/>
                </a:lnTo>
                <a:lnTo>
                  <a:pt x="1252" y="100"/>
                </a:lnTo>
                <a:lnTo>
                  <a:pt x="1254" y="98"/>
                </a:lnTo>
                <a:lnTo>
                  <a:pt x="1257" y="96"/>
                </a:lnTo>
                <a:lnTo>
                  <a:pt x="1270" y="96"/>
                </a:lnTo>
                <a:lnTo>
                  <a:pt x="1270" y="96"/>
                </a:lnTo>
                <a:lnTo>
                  <a:pt x="1274" y="98"/>
                </a:lnTo>
                <a:lnTo>
                  <a:pt x="1276" y="100"/>
                </a:lnTo>
                <a:lnTo>
                  <a:pt x="1277" y="101"/>
                </a:lnTo>
                <a:lnTo>
                  <a:pt x="1277" y="105"/>
                </a:lnTo>
                <a:lnTo>
                  <a:pt x="1277" y="938"/>
                </a:lnTo>
                <a:lnTo>
                  <a:pt x="1277" y="938"/>
                </a:lnTo>
                <a:lnTo>
                  <a:pt x="1277" y="940"/>
                </a:lnTo>
                <a:lnTo>
                  <a:pt x="1276" y="941"/>
                </a:lnTo>
                <a:lnTo>
                  <a:pt x="1274" y="943"/>
                </a:lnTo>
                <a:lnTo>
                  <a:pt x="1270" y="945"/>
                </a:lnTo>
                <a:lnTo>
                  <a:pt x="1257" y="945"/>
                </a:lnTo>
                <a:lnTo>
                  <a:pt x="1257" y="945"/>
                </a:lnTo>
                <a:lnTo>
                  <a:pt x="1254" y="943"/>
                </a:lnTo>
                <a:lnTo>
                  <a:pt x="1252" y="941"/>
                </a:lnTo>
                <a:lnTo>
                  <a:pt x="1250" y="940"/>
                </a:lnTo>
                <a:lnTo>
                  <a:pt x="1250" y="938"/>
                </a:lnTo>
                <a:lnTo>
                  <a:pt x="1250" y="105"/>
                </a:lnTo>
                <a:close/>
              </a:path>
            </a:pathLst>
          </a:custGeom>
          <a:solidFill>
            <a:srgbClr val="00B0F0"/>
          </a:solidFill>
          <a:ln>
            <a:noFill/>
          </a:ln>
          <a:effectLst/>
        </p:spPr>
        <p:txBody>
          <a:bodyPr vert="horz" wrap="square" lIns="91440" tIns="45720" rIns="91440" bIns="45720" numCol="1" rtlCol="0" anchor="t" anchorCtr="0" compatLnSpc="1">
            <a:prstTxWarp prst="textNoShape">
              <a:avLst/>
            </a:prstTxWarp>
          </a:bodyPr>
          <a:lstStyle/>
          <a:p>
            <a:pPr defTabSz="914400" fontAlgn="base">
              <a:spcBef>
                <a:spcPct val="0"/>
              </a:spcBef>
              <a:spcAft>
                <a:spcPct val="0"/>
              </a:spcAft>
              <a:buClr>
                <a:srgbClr val="CC9900"/>
              </a:buClr>
              <a:buFont typeface="Wingdings" pitchFamily="2" charset="2"/>
              <a:buChar char="n"/>
            </a:pPr>
            <a:endParaRPr lang="zh-CN" altLang="en-US" sz="1600">
              <a:cs typeface="+mn-ea"/>
              <a:sym typeface="+mn-lt"/>
            </a:endParaRPr>
          </a:p>
        </p:txBody>
      </p:sp>
      <p:sp>
        <p:nvSpPr>
          <p:cNvPr id="295" name="矩形 294">
            <a:extLst>
              <a:ext uri="{FF2B5EF4-FFF2-40B4-BE49-F238E27FC236}">
                <a16:creationId xmlns:a16="http://schemas.microsoft.com/office/drawing/2014/main" xmlns="" id="{C2862C7B-FB33-4818-9063-BF173FF174BE}"/>
              </a:ext>
            </a:extLst>
          </p:cNvPr>
          <p:cNvSpPr/>
          <p:nvPr/>
        </p:nvSpPr>
        <p:spPr>
          <a:xfrm>
            <a:off x="10780634" y="4247311"/>
            <a:ext cx="933269" cy="338554"/>
          </a:xfrm>
          <a:prstGeom prst="rect">
            <a:avLst/>
          </a:prstGeom>
        </p:spPr>
        <p:txBody>
          <a:bodyPr wrap="none">
            <a:spAutoFit/>
          </a:bodyPr>
          <a:lstStyle/>
          <a:p>
            <a:pPr algn="ctr" defTabSz="914373"/>
            <a:r>
              <a:rPr lang="en-US" altLang="zh-CN" sz="1600" kern="0" dirty="0">
                <a:cs typeface="+mn-ea"/>
                <a:sym typeface="+mn-lt"/>
              </a:rPr>
              <a:t>Campus</a:t>
            </a:r>
          </a:p>
        </p:txBody>
      </p:sp>
      <p:sp>
        <p:nvSpPr>
          <p:cNvPr id="296" name="矩形 295">
            <a:extLst>
              <a:ext uri="{FF2B5EF4-FFF2-40B4-BE49-F238E27FC236}">
                <a16:creationId xmlns:a16="http://schemas.microsoft.com/office/drawing/2014/main" xmlns="" id="{50111AFE-31D5-499A-9C8D-911CA4B2E92C}"/>
              </a:ext>
            </a:extLst>
          </p:cNvPr>
          <p:cNvSpPr/>
          <p:nvPr/>
        </p:nvSpPr>
        <p:spPr>
          <a:xfrm>
            <a:off x="10878641" y="5638855"/>
            <a:ext cx="833883" cy="338554"/>
          </a:xfrm>
          <a:prstGeom prst="rect">
            <a:avLst/>
          </a:prstGeom>
        </p:spPr>
        <p:txBody>
          <a:bodyPr wrap="none">
            <a:spAutoFit/>
          </a:bodyPr>
          <a:lstStyle/>
          <a:p>
            <a:pPr algn="ctr" defTabSz="914373"/>
            <a:r>
              <a:rPr lang="en-US" altLang="zh-CN" sz="1600" kern="0" dirty="0">
                <a:cs typeface="+mn-ea"/>
                <a:sym typeface="+mn-lt"/>
              </a:rPr>
              <a:t>Branch</a:t>
            </a:r>
          </a:p>
        </p:txBody>
      </p:sp>
      <p:grpSp>
        <p:nvGrpSpPr>
          <p:cNvPr id="297" name="组合 63">
            <a:extLst>
              <a:ext uri="{FF2B5EF4-FFF2-40B4-BE49-F238E27FC236}">
                <a16:creationId xmlns:a16="http://schemas.microsoft.com/office/drawing/2014/main" xmlns="" id="{F3A6AB44-4935-41FE-A267-A106A6A8EEE7}"/>
              </a:ext>
            </a:extLst>
          </p:cNvPr>
          <p:cNvGrpSpPr/>
          <p:nvPr/>
        </p:nvGrpSpPr>
        <p:grpSpPr>
          <a:xfrm>
            <a:off x="11022992" y="5288924"/>
            <a:ext cx="374269" cy="292567"/>
            <a:chOff x="1162859" y="3772128"/>
            <a:chExt cx="427038" cy="447675"/>
          </a:xfrm>
          <a:solidFill>
            <a:srgbClr val="00B0F0"/>
          </a:solidFill>
        </p:grpSpPr>
        <p:sp>
          <p:nvSpPr>
            <p:cNvPr id="298" name="Freeform 12">
              <a:extLst>
                <a:ext uri="{FF2B5EF4-FFF2-40B4-BE49-F238E27FC236}">
                  <a16:creationId xmlns:a16="http://schemas.microsoft.com/office/drawing/2014/main" xmlns="" id="{432FD52B-FFB5-49B7-AB5E-497548218730}"/>
                </a:ext>
              </a:extLst>
            </p:cNvPr>
            <p:cNvSpPr>
              <a:spLocks/>
            </p:cNvSpPr>
            <p:nvPr/>
          </p:nvSpPr>
          <p:spPr bwMode="auto">
            <a:xfrm>
              <a:off x="1162859" y="3772128"/>
              <a:ext cx="425450" cy="179388"/>
            </a:xfrm>
            <a:custGeom>
              <a:avLst/>
              <a:gdLst/>
              <a:ahLst/>
              <a:cxnLst>
                <a:cxn ang="0">
                  <a:pos x="3890" y="0"/>
                </a:cxn>
                <a:cxn ang="0">
                  <a:pos x="5834" y="1638"/>
                </a:cxn>
                <a:cxn ang="0">
                  <a:pos x="7779" y="3275"/>
                </a:cxn>
                <a:cxn ang="0">
                  <a:pos x="3890" y="3275"/>
                </a:cxn>
                <a:cxn ang="0">
                  <a:pos x="0" y="3275"/>
                </a:cxn>
                <a:cxn ang="0">
                  <a:pos x="1945" y="1638"/>
                </a:cxn>
                <a:cxn ang="0">
                  <a:pos x="3890" y="0"/>
                </a:cxn>
              </a:cxnLst>
              <a:rect l="0" t="0" r="r" b="b"/>
              <a:pathLst>
                <a:path w="7779" h="3275">
                  <a:moveTo>
                    <a:pt x="3890" y="0"/>
                  </a:moveTo>
                  <a:lnTo>
                    <a:pt x="5834" y="1638"/>
                  </a:lnTo>
                  <a:lnTo>
                    <a:pt x="7779" y="3275"/>
                  </a:lnTo>
                  <a:lnTo>
                    <a:pt x="3890" y="3275"/>
                  </a:lnTo>
                  <a:lnTo>
                    <a:pt x="0" y="3275"/>
                  </a:lnTo>
                  <a:lnTo>
                    <a:pt x="1945" y="1638"/>
                  </a:lnTo>
                  <a:lnTo>
                    <a:pt x="3890"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sp>
          <p:nvSpPr>
            <p:cNvPr id="299" name="Freeform 13">
              <a:extLst>
                <a:ext uri="{FF2B5EF4-FFF2-40B4-BE49-F238E27FC236}">
                  <a16:creationId xmlns:a16="http://schemas.microsoft.com/office/drawing/2014/main" xmlns="" id="{E145669C-EFE7-40B9-8BB1-1F0D65F9533C}"/>
                </a:ext>
              </a:extLst>
            </p:cNvPr>
            <p:cNvSpPr>
              <a:spLocks noEditPoints="1"/>
            </p:cNvSpPr>
            <p:nvPr/>
          </p:nvSpPr>
          <p:spPr bwMode="auto">
            <a:xfrm>
              <a:off x="1162859" y="3973740"/>
              <a:ext cx="427038" cy="246063"/>
            </a:xfrm>
            <a:custGeom>
              <a:avLst/>
              <a:gdLst/>
              <a:ahLst/>
              <a:cxnLst>
                <a:cxn ang="0">
                  <a:pos x="7792" y="0"/>
                </a:cxn>
                <a:cxn ang="0">
                  <a:pos x="0" y="0"/>
                </a:cxn>
                <a:cxn ang="0">
                  <a:pos x="0" y="4498"/>
                </a:cxn>
                <a:cxn ang="0">
                  <a:pos x="7792" y="4498"/>
                </a:cxn>
                <a:cxn ang="0">
                  <a:pos x="7792" y="0"/>
                </a:cxn>
                <a:cxn ang="0">
                  <a:pos x="687" y="578"/>
                </a:cxn>
                <a:cxn ang="0">
                  <a:pos x="2079" y="578"/>
                </a:cxn>
                <a:cxn ang="0">
                  <a:pos x="2079" y="1971"/>
                </a:cxn>
                <a:cxn ang="0">
                  <a:pos x="687" y="1971"/>
                </a:cxn>
                <a:cxn ang="0">
                  <a:pos x="687" y="578"/>
                </a:cxn>
                <a:cxn ang="0">
                  <a:pos x="687" y="2473"/>
                </a:cxn>
                <a:cxn ang="0">
                  <a:pos x="2079" y="2473"/>
                </a:cxn>
                <a:cxn ang="0">
                  <a:pos x="2079" y="3866"/>
                </a:cxn>
                <a:cxn ang="0">
                  <a:pos x="687" y="3866"/>
                </a:cxn>
                <a:cxn ang="0">
                  <a:pos x="687" y="2473"/>
                </a:cxn>
                <a:cxn ang="0">
                  <a:pos x="2361" y="2473"/>
                </a:cxn>
                <a:cxn ang="0">
                  <a:pos x="3755" y="2473"/>
                </a:cxn>
                <a:cxn ang="0">
                  <a:pos x="3755" y="3866"/>
                </a:cxn>
                <a:cxn ang="0">
                  <a:pos x="2361" y="3866"/>
                </a:cxn>
                <a:cxn ang="0">
                  <a:pos x="2361" y="2473"/>
                </a:cxn>
                <a:cxn ang="0">
                  <a:pos x="4037" y="2473"/>
                </a:cxn>
                <a:cxn ang="0">
                  <a:pos x="5429" y="2473"/>
                </a:cxn>
                <a:cxn ang="0">
                  <a:pos x="5429" y="3866"/>
                </a:cxn>
                <a:cxn ang="0">
                  <a:pos x="4037" y="3866"/>
                </a:cxn>
                <a:cxn ang="0">
                  <a:pos x="4037" y="2473"/>
                </a:cxn>
                <a:cxn ang="0">
                  <a:pos x="2361" y="578"/>
                </a:cxn>
                <a:cxn ang="0">
                  <a:pos x="3755" y="578"/>
                </a:cxn>
                <a:cxn ang="0">
                  <a:pos x="3755" y="1971"/>
                </a:cxn>
                <a:cxn ang="0">
                  <a:pos x="2361" y="1971"/>
                </a:cxn>
                <a:cxn ang="0">
                  <a:pos x="2361" y="578"/>
                </a:cxn>
                <a:cxn ang="0">
                  <a:pos x="4037" y="578"/>
                </a:cxn>
                <a:cxn ang="0">
                  <a:pos x="5429" y="578"/>
                </a:cxn>
                <a:cxn ang="0">
                  <a:pos x="5429" y="1971"/>
                </a:cxn>
                <a:cxn ang="0">
                  <a:pos x="4037" y="1971"/>
                </a:cxn>
                <a:cxn ang="0">
                  <a:pos x="4037" y="578"/>
                </a:cxn>
                <a:cxn ang="0">
                  <a:pos x="5713" y="578"/>
                </a:cxn>
                <a:cxn ang="0">
                  <a:pos x="7105" y="578"/>
                </a:cxn>
                <a:cxn ang="0">
                  <a:pos x="7105" y="1971"/>
                </a:cxn>
                <a:cxn ang="0">
                  <a:pos x="5713" y="1971"/>
                </a:cxn>
                <a:cxn ang="0">
                  <a:pos x="5713" y="578"/>
                </a:cxn>
                <a:cxn ang="0">
                  <a:pos x="5713" y="2473"/>
                </a:cxn>
                <a:cxn ang="0">
                  <a:pos x="7105" y="2473"/>
                </a:cxn>
                <a:cxn ang="0">
                  <a:pos x="7105" y="3866"/>
                </a:cxn>
                <a:cxn ang="0">
                  <a:pos x="5713" y="3866"/>
                </a:cxn>
                <a:cxn ang="0">
                  <a:pos x="5713" y="2473"/>
                </a:cxn>
              </a:cxnLst>
              <a:rect l="0" t="0" r="r" b="b"/>
              <a:pathLst>
                <a:path w="7792" h="4498">
                  <a:moveTo>
                    <a:pt x="7792" y="0"/>
                  </a:moveTo>
                  <a:lnTo>
                    <a:pt x="0" y="0"/>
                  </a:lnTo>
                  <a:lnTo>
                    <a:pt x="0" y="4498"/>
                  </a:lnTo>
                  <a:lnTo>
                    <a:pt x="7792" y="4498"/>
                  </a:lnTo>
                  <a:lnTo>
                    <a:pt x="7792" y="0"/>
                  </a:lnTo>
                  <a:close/>
                  <a:moveTo>
                    <a:pt x="687" y="578"/>
                  </a:moveTo>
                  <a:lnTo>
                    <a:pt x="2079" y="578"/>
                  </a:lnTo>
                  <a:lnTo>
                    <a:pt x="2079" y="1971"/>
                  </a:lnTo>
                  <a:lnTo>
                    <a:pt x="687" y="1971"/>
                  </a:lnTo>
                  <a:lnTo>
                    <a:pt x="687" y="578"/>
                  </a:lnTo>
                  <a:close/>
                  <a:moveTo>
                    <a:pt x="687" y="2473"/>
                  </a:moveTo>
                  <a:lnTo>
                    <a:pt x="2079" y="2473"/>
                  </a:lnTo>
                  <a:lnTo>
                    <a:pt x="2079" y="3866"/>
                  </a:lnTo>
                  <a:lnTo>
                    <a:pt x="687" y="3866"/>
                  </a:lnTo>
                  <a:lnTo>
                    <a:pt x="687" y="2473"/>
                  </a:lnTo>
                  <a:close/>
                  <a:moveTo>
                    <a:pt x="2361" y="2473"/>
                  </a:moveTo>
                  <a:lnTo>
                    <a:pt x="3755" y="2473"/>
                  </a:lnTo>
                  <a:lnTo>
                    <a:pt x="3755" y="3866"/>
                  </a:lnTo>
                  <a:lnTo>
                    <a:pt x="2361" y="3866"/>
                  </a:lnTo>
                  <a:lnTo>
                    <a:pt x="2361" y="2473"/>
                  </a:lnTo>
                  <a:close/>
                  <a:moveTo>
                    <a:pt x="4037" y="2473"/>
                  </a:moveTo>
                  <a:lnTo>
                    <a:pt x="5429" y="2473"/>
                  </a:lnTo>
                  <a:lnTo>
                    <a:pt x="5429" y="3866"/>
                  </a:lnTo>
                  <a:lnTo>
                    <a:pt x="4037" y="3866"/>
                  </a:lnTo>
                  <a:lnTo>
                    <a:pt x="4037" y="2473"/>
                  </a:lnTo>
                  <a:close/>
                  <a:moveTo>
                    <a:pt x="2361" y="578"/>
                  </a:moveTo>
                  <a:lnTo>
                    <a:pt x="3755" y="578"/>
                  </a:lnTo>
                  <a:lnTo>
                    <a:pt x="3755" y="1971"/>
                  </a:lnTo>
                  <a:lnTo>
                    <a:pt x="2361" y="1971"/>
                  </a:lnTo>
                  <a:lnTo>
                    <a:pt x="2361" y="578"/>
                  </a:lnTo>
                  <a:close/>
                  <a:moveTo>
                    <a:pt x="4037" y="578"/>
                  </a:moveTo>
                  <a:lnTo>
                    <a:pt x="5429" y="578"/>
                  </a:lnTo>
                  <a:lnTo>
                    <a:pt x="5429" y="1971"/>
                  </a:lnTo>
                  <a:lnTo>
                    <a:pt x="4037" y="1971"/>
                  </a:lnTo>
                  <a:lnTo>
                    <a:pt x="4037" y="578"/>
                  </a:lnTo>
                  <a:close/>
                  <a:moveTo>
                    <a:pt x="5713" y="578"/>
                  </a:moveTo>
                  <a:lnTo>
                    <a:pt x="7105" y="578"/>
                  </a:lnTo>
                  <a:lnTo>
                    <a:pt x="7105" y="1971"/>
                  </a:lnTo>
                  <a:lnTo>
                    <a:pt x="5713" y="1971"/>
                  </a:lnTo>
                  <a:lnTo>
                    <a:pt x="5713" y="578"/>
                  </a:lnTo>
                  <a:close/>
                  <a:moveTo>
                    <a:pt x="5713" y="2473"/>
                  </a:moveTo>
                  <a:lnTo>
                    <a:pt x="7105" y="2473"/>
                  </a:lnTo>
                  <a:lnTo>
                    <a:pt x="7105" y="3866"/>
                  </a:lnTo>
                  <a:lnTo>
                    <a:pt x="5713" y="3866"/>
                  </a:lnTo>
                  <a:lnTo>
                    <a:pt x="5713" y="247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a:cs typeface="+mn-ea"/>
                <a:sym typeface="+mn-lt"/>
              </a:endParaRPr>
            </a:p>
          </p:txBody>
        </p:sp>
      </p:grpSp>
      <p:cxnSp>
        <p:nvCxnSpPr>
          <p:cNvPr id="300" name="直接连接符 299">
            <a:extLst>
              <a:ext uri="{FF2B5EF4-FFF2-40B4-BE49-F238E27FC236}">
                <a16:creationId xmlns:a16="http://schemas.microsoft.com/office/drawing/2014/main" xmlns="" id="{8FABD597-8257-4D02-A0B0-AE18C4809FF9}"/>
              </a:ext>
            </a:extLst>
          </p:cNvPr>
          <p:cNvCxnSpPr/>
          <p:nvPr/>
        </p:nvCxnSpPr>
        <p:spPr>
          <a:xfrm>
            <a:off x="9890188" y="4962529"/>
            <a:ext cx="1578218" cy="1376"/>
          </a:xfrm>
          <a:prstGeom prst="line">
            <a:avLst/>
          </a:prstGeom>
          <a:ln>
            <a:solidFill>
              <a:srgbClr val="0076B1"/>
            </a:solidFill>
            <a:prstDash val="dash"/>
          </a:ln>
        </p:spPr>
        <p:style>
          <a:lnRef idx="1">
            <a:schemeClr val="accent1"/>
          </a:lnRef>
          <a:fillRef idx="0">
            <a:schemeClr val="accent1"/>
          </a:fillRef>
          <a:effectRef idx="0">
            <a:schemeClr val="accent1"/>
          </a:effectRef>
          <a:fontRef idx="minor">
            <a:schemeClr val="tx1"/>
          </a:fontRef>
        </p:style>
      </p:cxnSp>
      <p:cxnSp>
        <p:nvCxnSpPr>
          <p:cNvPr id="301" name="直接连接符 300">
            <a:extLst>
              <a:ext uri="{FF2B5EF4-FFF2-40B4-BE49-F238E27FC236}">
                <a16:creationId xmlns:a16="http://schemas.microsoft.com/office/drawing/2014/main" xmlns="" id="{79FFA699-8923-411D-AE91-7965155C3CCD}"/>
              </a:ext>
            </a:extLst>
          </p:cNvPr>
          <p:cNvCxnSpPr>
            <a:cxnSpLocks/>
          </p:cNvCxnSpPr>
          <p:nvPr/>
        </p:nvCxnSpPr>
        <p:spPr>
          <a:xfrm flipH="1" flipV="1">
            <a:off x="11422631" y="6111800"/>
            <a:ext cx="472044" cy="701"/>
          </a:xfrm>
          <a:prstGeom prst="line">
            <a:avLst/>
          </a:prstGeom>
          <a:ln>
            <a:solidFill>
              <a:srgbClr val="0076B1"/>
            </a:solidFill>
            <a:prstDash val="dash"/>
          </a:ln>
        </p:spPr>
        <p:style>
          <a:lnRef idx="1">
            <a:schemeClr val="accent1"/>
          </a:lnRef>
          <a:fillRef idx="0">
            <a:schemeClr val="accent1"/>
          </a:fillRef>
          <a:effectRef idx="0">
            <a:schemeClr val="accent1"/>
          </a:effectRef>
          <a:fontRef idx="minor">
            <a:schemeClr val="tx1"/>
          </a:fontRef>
        </p:style>
      </p:cxnSp>
      <p:sp>
        <p:nvSpPr>
          <p:cNvPr id="302" name="1197933812">
            <a:extLst>
              <a:ext uri="{FF2B5EF4-FFF2-40B4-BE49-F238E27FC236}">
                <a16:creationId xmlns:a16="http://schemas.microsoft.com/office/drawing/2014/main" xmlns="" id="{0C4442DB-F337-4F14-A7FD-CE61B15075AF}"/>
              </a:ext>
            </a:extLst>
          </p:cNvPr>
          <p:cNvSpPr txBox="1">
            <a:spLocks noChangeArrowheads="1"/>
          </p:cNvSpPr>
          <p:nvPr/>
        </p:nvSpPr>
        <p:spPr bwMode="auto">
          <a:xfrm>
            <a:off x="9567110" y="1505378"/>
            <a:ext cx="773868" cy="338554"/>
          </a:xfrm>
          <a:prstGeom prst="rect">
            <a:avLst/>
          </a:prstGeom>
          <a:noFill/>
          <a:ln w="9525">
            <a:noFill/>
            <a:miter lim="800000"/>
            <a:headEnd/>
            <a:tailEnd/>
          </a:ln>
        </p:spPr>
        <p:txBody>
          <a:bodyPr wrap="square">
            <a:spAutoFit/>
          </a:bodyPr>
          <a:lstStyle/>
          <a:p>
            <a:pPr algn="ctr" defTabSz="1219150">
              <a:buSzPct val="100000"/>
            </a:pPr>
            <a:r>
              <a:rPr lang="en-US" altLang="zh-CN" sz="1600" b="1" dirty="0">
                <a:cs typeface="+mn-ea"/>
                <a:sym typeface="+mn-lt"/>
              </a:rPr>
              <a:t>…</a:t>
            </a:r>
            <a:endParaRPr lang="zh-CN" altLang="zh-CN" sz="1600" b="1" dirty="0">
              <a:cs typeface="+mn-ea"/>
              <a:sym typeface="+mn-lt"/>
            </a:endParaRPr>
          </a:p>
        </p:txBody>
      </p:sp>
      <p:sp>
        <p:nvSpPr>
          <p:cNvPr id="303" name="圆角矩形 42">
            <a:extLst>
              <a:ext uri="{FF2B5EF4-FFF2-40B4-BE49-F238E27FC236}">
                <a16:creationId xmlns:a16="http://schemas.microsoft.com/office/drawing/2014/main" xmlns="" id="{204B1A36-8768-4F3D-9003-FBE3B6A19C99}"/>
              </a:ext>
            </a:extLst>
          </p:cNvPr>
          <p:cNvSpPr/>
          <p:nvPr/>
        </p:nvSpPr>
        <p:spPr bwMode="auto">
          <a:xfrm>
            <a:off x="5700459" y="2916391"/>
            <a:ext cx="1513625" cy="352705"/>
          </a:xfrm>
          <a:prstGeom prst="roundRect">
            <a:avLst>
              <a:gd name="adj" fmla="val 0"/>
            </a:avLst>
          </a:prstGeom>
          <a:noFill/>
          <a:ln w="15875">
            <a:solidFill>
              <a:srgbClr val="99DFF9"/>
            </a:solidFill>
            <a:prstDash val="dash"/>
          </a:ln>
          <a:effectLst/>
        </p:spPr>
        <p:txBody>
          <a:bodyPr vert="horz" wrap="square" lIns="0" tIns="0" rIns="0" bIns="0" numCol="1" rtlCol="0" anchor="ctr" anchorCtr="0" compatLnSpc="1">
            <a:prstTxWarp prst="textNoShape">
              <a:avLst/>
            </a:prstTxWarp>
          </a:bodyPr>
          <a:lstStyle/>
          <a:p>
            <a:pPr algn="ctr" defTabSz="488284" fontAlgn="base">
              <a:spcBef>
                <a:spcPct val="0"/>
              </a:spcBef>
              <a:spcAft>
                <a:spcPct val="0"/>
              </a:spcAft>
              <a:buClr>
                <a:srgbClr val="CC9900"/>
              </a:buClr>
            </a:pPr>
            <a:r>
              <a:rPr lang="en-US" altLang="zh-CN" sz="1600" dirty="0">
                <a:cs typeface="+mn-ea"/>
                <a:sym typeface="+mn-lt"/>
              </a:rPr>
              <a:t>Controller</a:t>
            </a:r>
            <a:endParaRPr lang="zh-CN" altLang="en-US" sz="1600" dirty="0">
              <a:cs typeface="+mn-ea"/>
              <a:sym typeface="+mn-lt"/>
            </a:endParaRPr>
          </a:p>
        </p:txBody>
      </p:sp>
      <p:sp>
        <p:nvSpPr>
          <p:cNvPr id="304" name="圆角矩形 42">
            <a:extLst>
              <a:ext uri="{FF2B5EF4-FFF2-40B4-BE49-F238E27FC236}">
                <a16:creationId xmlns:a16="http://schemas.microsoft.com/office/drawing/2014/main" xmlns="" id="{9E4F4BD8-DD3B-4BFA-9EE8-4AB3AA12A5BF}"/>
              </a:ext>
            </a:extLst>
          </p:cNvPr>
          <p:cNvSpPr/>
          <p:nvPr/>
        </p:nvSpPr>
        <p:spPr bwMode="auto">
          <a:xfrm>
            <a:off x="2929329" y="2916391"/>
            <a:ext cx="1513625" cy="352705"/>
          </a:xfrm>
          <a:prstGeom prst="roundRect">
            <a:avLst>
              <a:gd name="adj" fmla="val 0"/>
            </a:avLst>
          </a:prstGeom>
          <a:noFill/>
          <a:ln w="15875">
            <a:solidFill>
              <a:srgbClr val="99DFF9"/>
            </a:solidFill>
            <a:prstDash val="dash"/>
          </a:ln>
          <a:effectLst/>
        </p:spPr>
        <p:txBody>
          <a:bodyPr vert="horz" wrap="square" lIns="0" tIns="0" rIns="0" bIns="0" numCol="1" rtlCol="0" anchor="ctr" anchorCtr="0" compatLnSpc="1">
            <a:prstTxWarp prst="textNoShape">
              <a:avLst/>
            </a:prstTxWarp>
          </a:bodyPr>
          <a:lstStyle/>
          <a:p>
            <a:pPr algn="ctr" defTabSz="488284" fontAlgn="base">
              <a:spcBef>
                <a:spcPct val="0"/>
              </a:spcBef>
              <a:spcAft>
                <a:spcPct val="0"/>
              </a:spcAft>
              <a:buClr>
                <a:srgbClr val="CC9900"/>
              </a:buClr>
            </a:pPr>
            <a:r>
              <a:rPr lang="en-US" altLang="zh-CN" sz="1600" dirty="0">
                <a:cs typeface="+mn-ea"/>
                <a:sym typeface="+mn-lt"/>
              </a:rPr>
              <a:t>Manager</a:t>
            </a:r>
            <a:endParaRPr lang="zh-CN" altLang="en-US" sz="1600" dirty="0">
              <a:cs typeface="+mn-ea"/>
              <a:sym typeface="+mn-lt"/>
            </a:endParaRPr>
          </a:p>
        </p:txBody>
      </p:sp>
      <p:sp>
        <p:nvSpPr>
          <p:cNvPr id="305" name="圆角矩形 42">
            <a:extLst>
              <a:ext uri="{FF2B5EF4-FFF2-40B4-BE49-F238E27FC236}">
                <a16:creationId xmlns:a16="http://schemas.microsoft.com/office/drawing/2014/main" xmlns="" id="{4018442A-66CD-4FD8-99B3-F6233DC4D0C1}"/>
              </a:ext>
            </a:extLst>
          </p:cNvPr>
          <p:cNvSpPr/>
          <p:nvPr/>
        </p:nvSpPr>
        <p:spPr bwMode="auto">
          <a:xfrm>
            <a:off x="8471592" y="2916391"/>
            <a:ext cx="1513625" cy="352705"/>
          </a:xfrm>
          <a:prstGeom prst="roundRect">
            <a:avLst>
              <a:gd name="adj" fmla="val 0"/>
            </a:avLst>
          </a:prstGeom>
          <a:noFill/>
          <a:ln w="15875">
            <a:solidFill>
              <a:srgbClr val="99DFF9"/>
            </a:solidFill>
            <a:prstDash val="dash"/>
          </a:ln>
          <a:effectLst/>
        </p:spPr>
        <p:txBody>
          <a:bodyPr vert="horz" wrap="square" lIns="0" tIns="0" rIns="0" bIns="0" numCol="1" rtlCol="0" anchor="ctr" anchorCtr="0" compatLnSpc="1">
            <a:prstTxWarp prst="textNoShape">
              <a:avLst/>
            </a:prstTxWarp>
          </a:bodyPr>
          <a:lstStyle/>
          <a:p>
            <a:pPr algn="ctr" defTabSz="488284" fontAlgn="base">
              <a:spcBef>
                <a:spcPct val="0"/>
              </a:spcBef>
              <a:spcAft>
                <a:spcPct val="0"/>
              </a:spcAft>
              <a:buClr>
                <a:srgbClr val="CC9900"/>
              </a:buClr>
            </a:pPr>
            <a:r>
              <a:rPr lang="en-US" altLang="zh-CN" sz="1600" dirty="0">
                <a:cs typeface="+mn-ea"/>
                <a:sym typeface="+mn-lt"/>
              </a:rPr>
              <a:t>Analyzer</a:t>
            </a:r>
            <a:endParaRPr lang="zh-CN" altLang="en-US" sz="1600" dirty="0">
              <a:cs typeface="+mn-ea"/>
              <a:sym typeface="+mn-lt"/>
            </a:endParaRPr>
          </a:p>
        </p:txBody>
      </p:sp>
      <p:grpSp>
        <p:nvGrpSpPr>
          <p:cNvPr id="306" name="组合 376">
            <a:extLst>
              <a:ext uri="{FF2B5EF4-FFF2-40B4-BE49-F238E27FC236}">
                <a16:creationId xmlns:a16="http://schemas.microsoft.com/office/drawing/2014/main" xmlns="" id="{996A0274-A9C6-4D70-9D5C-F9C8B3C501B9}"/>
              </a:ext>
            </a:extLst>
          </p:cNvPr>
          <p:cNvGrpSpPr/>
          <p:nvPr/>
        </p:nvGrpSpPr>
        <p:grpSpPr bwMode="auto">
          <a:xfrm>
            <a:off x="2934886" y="1478088"/>
            <a:ext cx="258381" cy="288455"/>
            <a:chOff x="4150450" y="1823489"/>
            <a:chExt cx="218702" cy="213640"/>
          </a:xfrm>
          <a:solidFill>
            <a:srgbClr val="00B0F0"/>
          </a:solidFill>
        </p:grpSpPr>
        <p:sp>
          <p:nvSpPr>
            <p:cNvPr id="307" name="Freeform 35">
              <a:extLst>
                <a:ext uri="{FF2B5EF4-FFF2-40B4-BE49-F238E27FC236}">
                  <a16:creationId xmlns:a16="http://schemas.microsoft.com/office/drawing/2014/main" xmlns="" id="{439C6942-964B-4C7A-863F-C6E4CD0B781B}"/>
                </a:ext>
              </a:extLst>
            </p:cNvPr>
            <p:cNvSpPr>
              <a:spLocks noEditPoints="1"/>
            </p:cNvSpPr>
            <p:nvPr/>
          </p:nvSpPr>
          <p:spPr bwMode="auto">
            <a:xfrm>
              <a:off x="4186945" y="1890102"/>
              <a:ext cx="153495" cy="93118"/>
            </a:xfrm>
            <a:custGeom>
              <a:avLst/>
              <a:gdLst>
                <a:gd name="T0" fmla="*/ 170 w 477"/>
                <a:gd name="T1" fmla="*/ 429 h 502"/>
                <a:gd name="T2" fmla="*/ 86 w 477"/>
                <a:gd name="T3" fmla="*/ 502 h 502"/>
                <a:gd name="T4" fmla="*/ 0 w 477"/>
                <a:gd name="T5" fmla="*/ 416 h 502"/>
                <a:gd name="T6" fmla="*/ 72 w 477"/>
                <a:gd name="T7" fmla="*/ 330 h 502"/>
                <a:gd name="T8" fmla="*/ 63 w 477"/>
                <a:gd name="T9" fmla="*/ 258 h 502"/>
                <a:gd name="T10" fmla="*/ 144 w 477"/>
                <a:gd name="T11" fmla="*/ 143 h 502"/>
                <a:gd name="T12" fmla="*/ 254 w 477"/>
                <a:gd name="T13" fmla="*/ 20 h 502"/>
                <a:gd name="T14" fmla="*/ 458 w 477"/>
                <a:gd name="T15" fmla="*/ 0 h 502"/>
                <a:gd name="T16" fmla="*/ 477 w 477"/>
                <a:gd name="T17" fmla="*/ 153 h 502"/>
                <a:gd name="T18" fmla="*/ 398 w 477"/>
                <a:gd name="T19" fmla="*/ 172 h 502"/>
                <a:gd name="T20" fmla="*/ 438 w 477"/>
                <a:gd name="T21" fmla="*/ 223 h 502"/>
                <a:gd name="T22" fmla="*/ 404 w 477"/>
                <a:gd name="T23" fmla="*/ 245 h 502"/>
                <a:gd name="T24" fmla="*/ 452 w 477"/>
                <a:gd name="T25" fmla="*/ 355 h 502"/>
                <a:gd name="T26" fmla="*/ 452 w 477"/>
                <a:gd name="T27" fmla="*/ 477 h 502"/>
                <a:gd name="T28" fmla="*/ 330 w 477"/>
                <a:gd name="T29" fmla="*/ 477 h 502"/>
                <a:gd name="T30" fmla="*/ 256 w 477"/>
                <a:gd name="T31" fmla="*/ 464 h 502"/>
                <a:gd name="T32" fmla="*/ 235 w 477"/>
                <a:gd name="T33" fmla="*/ 429 h 502"/>
                <a:gd name="T34" fmla="*/ 162 w 477"/>
                <a:gd name="T35" fmla="*/ 160 h 502"/>
                <a:gd name="T36" fmla="*/ 135 w 477"/>
                <a:gd name="T37" fmla="*/ 275 h 502"/>
                <a:gd name="T38" fmla="*/ 101 w 477"/>
                <a:gd name="T39" fmla="*/ 331 h 502"/>
                <a:gd name="T40" fmla="*/ 171 w 477"/>
                <a:gd name="T41" fmla="*/ 404 h 502"/>
                <a:gd name="T42" fmla="*/ 235 w 477"/>
                <a:gd name="T43" fmla="*/ 378 h 502"/>
                <a:gd name="T44" fmla="*/ 306 w 477"/>
                <a:gd name="T45" fmla="*/ 408 h 502"/>
                <a:gd name="T46" fmla="*/ 378 w 477"/>
                <a:gd name="T47" fmla="*/ 330 h 502"/>
                <a:gd name="T48" fmla="*/ 353 w 477"/>
                <a:gd name="T49" fmla="*/ 245 h 502"/>
                <a:gd name="T50" fmla="*/ 382 w 477"/>
                <a:gd name="T51" fmla="*/ 174 h 502"/>
                <a:gd name="T52" fmla="*/ 273 w 477"/>
                <a:gd name="T53" fmla="*/ 172 h 502"/>
                <a:gd name="T54" fmla="*/ 254 w 477"/>
                <a:gd name="T55" fmla="*/ 101 h 502"/>
                <a:gd name="T56" fmla="*/ 292 w 477"/>
                <a:gd name="T57" fmla="*/ 38 h 502"/>
                <a:gd name="T58" fmla="*/ 439 w 477"/>
                <a:gd name="T59" fmla="*/ 134 h 502"/>
                <a:gd name="T60" fmla="*/ 425 w 477"/>
                <a:gd name="T61" fmla="*/ 382 h 502"/>
                <a:gd name="T62" fmla="*/ 357 w 477"/>
                <a:gd name="T63" fmla="*/ 382 h 502"/>
                <a:gd name="T64" fmla="*/ 357 w 477"/>
                <a:gd name="T65" fmla="*/ 450 h 502"/>
                <a:gd name="T66" fmla="*/ 425 w 477"/>
                <a:gd name="T67" fmla="*/ 450 h 502"/>
                <a:gd name="T68" fmla="*/ 425 w 477"/>
                <a:gd name="T69" fmla="*/ 382 h 502"/>
                <a:gd name="T70" fmla="*/ 86 w 477"/>
                <a:gd name="T71" fmla="*/ 367 h 502"/>
                <a:gd name="T72" fmla="*/ 38 w 477"/>
                <a:gd name="T73" fmla="*/ 416 h 502"/>
                <a:gd name="T74" fmla="*/ 86 w 477"/>
                <a:gd name="T75" fmla="*/ 464 h 502"/>
                <a:gd name="T76" fmla="*/ 134 w 477"/>
                <a:gd name="T77" fmla="*/ 416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477" h="502">
                  <a:moveTo>
                    <a:pt x="235" y="429"/>
                  </a:moveTo>
                  <a:cubicBezTo>
                    <a:pt x="170" y="429"/>
                    <a:pt x="170" y="429"/>
                    <a:pt x="170" y="429"/>
                  </a:cubicBezTo>
                  <a:cubicBezTo>
                    <a:pt x="168" y="448"/>
                    <a:pt x="159" y="464"/>
                    <a:pt x="146" y="477"/>
                  </a:cubicBezTo>
                  <a:cubicBezTo>
                    <a:pt x="131" y="493"/>
                    <a:pt x="109" y="502"/>
                    <a:pt x="86" y="502"/>
                  </a:cubicBezTo>
                  <a:cubicBezTo>
                    <a:pt x="62" y="502"/>
                    <a:pt x="41" y="493"/>
                    <a:pt x="25" y="477"/>
                  </a:cubicBezTo>
                  <a:cubicBezTo>
                    <a:pt x="10" y="461"/>
                    <a:pt x="0" y="440"/>
                    <a:pt x="0" y="416"/>
                  </a:cubicBezTo>
                  <a:cubicBezTo>
                    <a:pt x="0" y="392"/>
                    <a:pt x="10" y="370"/>
                    <a:pt x="25" y="355"/>
                  </a:cubicBezTo>
                  <a:cubicBezTo>
                    <a:pt x="38" y="342"/>
                    <a:pt x="54" y="333"/>
                    <a:pt x="72" y="330"/>
                  </a:cubicBezTo>
                  <a:cubicBezTo>
                    <a:pt x="48" y="277"/>
                    <a:pt x="48" y="277"/>
                    <a:pt x="48" y="277"/>
                  </a:cubicBezTo>
                  <a:cubicBezTo>
                    <a:pt x="43" y="269"/>
                    <a:pt x="48" y="255"/>
                    <a:pt x="63" y="258"/>
                  </a:cubicBezTo>
                  <a:cubicBezTo>
                    <a:pt x="84" y="263"/>
                    <a:pt x="84" y="263"/>
                    <a:pt x="84" y="263"/>
                  </a:cubicBezTo>
                  <a:cubicBezTo>
                    <a:pt x="94" y="216"/>
                    <a:pt x="115" y="175"/>
                    <a:pt x="144" y="143"/>
                  </a:cubicBezTo>
                  <a:cubicBezTo>
                    <a:pt x="174" y="108"/>
                    <a:pt x="212" y="84"/>
                    <a:pt x="254" y="75"/>
                  </a:cubicBezTo>
                  <a:cubicBezTo>
                    <a:pt x="254" y="20"/>
                    <a:pt x="254" y="20"/>
                    <a:pt x="254" y="20"/>
                  </a:cubicBezTo>
                  <a:cubicBezTo>
                    <a:pt x="254" y="9"/>
                    <a:pt x="264" y="0"/>
                    <a:pt x="275" y="0"/>
                  </a:cubicBezTo>
                  <a:cubicBezTo>
                    <a:pt x="458" y="0"/>
                    <a:pt x="458" y="0"/>
                    <a:pt x="458" y="0"/>
                  </a:cubicBezTo>
                  <a:cubicBezTo>
                    <a:pt x="468" y="0"/>
                    <a:pt x="477" y="9"/>
                    <a:pt x="477" y="19"/>
                  </a:cubicBezTo>
                  <a:cubicBezTo>
                    <a:pt x="477" y="153"/>
                    <a:pt x="477" y="153"/>
                    <a:pt x="477" y="153"/>
                  </a:cubicBezTo>
                  <a:cubicBezTo>
                    <a:pt x="477" y="163"/>
                    <a:pt x="468" y="172"/>
                    <a:pt x="458" y="172"/>
                  </a:cubicBezTo>
                  <a:cubicBezTo>
                    <a:pt x="398" y="172"/>
                    <a:pt x="398" y="172"/>
                    <a:pt x="398" y="172"/>
                  </a:cubicBezTo>
                  <a:cubicBezTo>
                    <a:pt x="398" y="172"/>
                    <a:pt x="399" y="173"/>
                    <a:pt x="399" y="174"/>
                  </a:cubicBezTo>
                  <a:cubicBezTo>
                    <a:pt x="438" y="223"/>
                    <a:pt x="438" y="223"/>
                    <a:pt x="438" y="223"/>
                  </a:cubicBezTo>
                  <a:cubicBezTo>
                    <a:pt x="444" y="229"/>
                    <a:pt x="443" y="245"/>
                    <a:pt x="428" y="245"/>
                  </a:cubicBezTo>
                  <a:cubicBezTo>
                    <a:pt x="404" y="245"/>
                    <a:pt x="404" y="245"/>
                    <a:pt x="404" y="245"/>
                  </a:cubicBezTo>
                  <a:cubicBezTo>
                    <a:pt x="404" y="330"/>
                    <a:pt x="404" y="330"/>
                    <a:pt x="404" y="330"/>
                  </a:cubicBezTo>
                  <a:cubicBezTo>
                    <a:pt x="422" y="333"/>
                    <a:pt x="439" y="342"/>
                    <a:pt x="452" y="355"/>
                  </a:cubicBezTo>
                  <a:cubicBezTo>
                    <a:pt x="467" y="370"/>
                    <a:pt x="477" y="392"/>
                    <a:pt x="477" y="416"/>
                  </a:cubicBezTo>
                  <a:cubicBezTo>
                    <a:pt x="477" y="440"/>
                    <a:pt x="467" y="461"/>
                    <a:pt x="452" y="477"/>
                  </a:cubicBezTo>
                  <a:cubicBezTo>
                    <a:pt x="436" y="493"/>
                    <a:pt x="415" y="502"/>
                    <a:pt x="391" y="502"/>
                  </a:cubicBezTo>
                  <a:cubicBezTo>
                    <a:pt x="367" y="502"/>
                    <a:pt x="346" y="493"/>
                    <a:pt x="330" y="477"/>
                  </a:cubicBezTo>
                  <a:cubicBezTo>
                    <a:pt x="317" y="463"/>
                    <a:pt x="308" y="445"/>
                    <a:pt x="306" y="425"/>
                  </a:cubicBezTo>
                  <a:cubicBezTo>
                    <a:pt x="256" y="464"/>
                    <a:pt x="256" y="464"/>
                    <a:pt x="256" y="464"/>
                  </a:cubicBezTo>
                  <a:cubicBezTo>
                    <a:pt x="249" y="470"/>
                    <a:pt x="235" y="469"/>
                    <a:pt x="235" y="453"/>
                  </a:cubicBezTo>
                  <a:cubicBezTo>
                    <a:pt x="235" y="429"/>
                    <a:pt x="235" y="429"/>
                    <a:pt x="235" y="429"/>
                  </a:cubicBezTo>
                  <a:close/>
                  <a:moveTo>
                    <a:pt x="254" y="101"/>
                  </a:moveTo>
                  <a:cubicBezTo>
                    <a:pt x="219" y="110"/>
                    <a:pt x="188" y="131"/>
                    <a:pt x="162" y="160"/>
                  </a:cubicBezTo>
                  <a:cubicBezTo>
                    <a:pt x="137" y="189"/>
                    <a:pt x="118" y="226"/>
                    <a:pt x="109" y="269"/>
                  </a:cubicBezTo>
                  <a:cubicBezTo>
                    <a:pt x="135" y="275"/>
                    <a:pt x="135" y="275"/>
                    <a:pt x="135" y="275"/>
                  </a:cubicBezTo>
                  <a:cubicBezTo>
                    <a:pt x="148" y="278"/>
                    <a:pt x="147" y="292"/>
                    <a:pt x="140" y="298"/>
                  </a:cubicBezTo>
                  <a:cubicBezTo>
                    <a:pt x="101" y="331"/>
                    <a:pt x="101" y="331"/>
                    <a:pt x="101" y="331"/>
                  </a:cubicBezTo>
                  <a:cubicBezTo>
                    <a:pt x="118" y="334"/>
                    <a:pt x="134" y="342"/>
                    <a:pt x="146" y="355"/>
                  </a:cubicBezTo>
                  <a:cubicBezTo>
                    <a:pt x="159" y="368"/>
                    <a:pt x="168" y="385"/>
                    <a:pt x="171" y="404"/>
                  </a:cubicBezTo>
                  <a:cubicBezTo>
                    <a:pt x="235" y="404"/>
                    <a:pt x="235" y="404"/>
                    <a:pt x="235" y="404"/>
                  </a:cubicBezTo>
                  <a:cubicBezTo>
                    <a:pt x="235" y="378"/>
                    <a:pt x="235" y="378"/>
                    <a:pt x="235" y="378"/>
                  </a:cubicBezTo>
                  <a:cubicBezTo>
                    <a:pt x="235" y="365"/>
                    <a:pt x="248" y="363"/>
                    <a:pt x="256" y="369"/>
                  </a:cubicBezTo>
                  <a:cubicBezTo>
                    <a:pt x="306" y="408"/>
                    <a:pt x="306" y="408"/>
                    <a:pt x="306" y="408"/>
                  </a:cubicBezTo>
                  <a:cubicBezTo>
                    <a:pt x="308" y="387"/>
                    <a:pt x="317" y="368"/>
                    <a:pt x="330" y="355"/>
                  </a:cubicBezTo>
                  <a:cubicBezTo>
                    <a:pt x="343" y="342"/>
                    <a:pt x="360" y="333"/>
                    <a:pt x="378" y="330"/>
                  </a:cubicBezTo>
                  <a:cubicBezTo>
                    <a:pt x="378" y="245"/>
                    <a:pt x="378" y="245"/>
                    <a:pt x="378" y="245"/>
                  </a:cubicBezTo>
                  <a:cubicBezTo>
                    <a:pt x="353" y="245"/>
                    <a:pt x="353" y="245"/>
                    <a:pt x="353" y="245"/>
                  </a:cubicBezTo>
                  <a:cubicBezTo>
                    <a:pt x="340" y="245"/>
                    <a:pt x="338" y="230"/>
                    <a:pt x="344" y="223"/>
                  </a:cubicBezTo>
                  <a:cubicBezTo>
                    <a:pt x="382" y="174"/>
                    <a:pt x="382" y="174"/>
                    <a:pt x="382" y="174"/>
                  </a:cubicBezTo>
                  <a:cubicBezTo>
                    <a:pt x="383" y="173"/>
                    <a:pt x="383" y="172"/>
                    <a:pt x="384" y="172"/>
                  </a:cubicBezTo>
                  <a:cubicBezTo>
                    <a:pt x="273" y="172"/>
                    <a:pt x="273" y="172"/>
                    <a:pt x="273" y="172"/>
                  </a:cubicBezTo>
                  <a:cubicBezTo>
                    <a:pt x="263" y="172"/>
                    <a:pt x="254" y="164"/>
                    <a:pt x="254" y="153"/>
                  </a:cubicBezTo>
                  <a:cubicBezTo>
                    <a:pt x="254" y="101"/>
                    <a:pt x="254" y="101"/>
                    <a:pt x="254" y="101"/>
                  </a:cubicBezTo>
                  <a:close/>
                  <a:moveTo>
                    <a:pt x="439" y="38"/>
                  </a:moveTo>
                  <a:cubicBezTo>
                    <a:pt x="292" y="38"/>
                    <a:pt x="292" y="38"/>
                    <a:pt x="292" y="38"/>
                  </a:cubicBezTo>
                  <a:cubicBezTo>
                    <a:pt x="292" y="134"/>
                    <a:pt x="292" y="134"/>
                    <a:pt x="292" y="134"/>
                  </a:cubicBezTo>
                  <a:cubicBezTo>
                    <a:pt x="439" y="134"/>
                    <a:pt x="439" y="134"/>
                    <a:pt x="439" y="134"/>
                  </a:cubicBezTo>
                  <a:cubicBezTo>
                    <a:pt x="439" y="38"/>
                    <a:pt x="439" y="38"/>
                    <a:pt x="439" y="38"/>
                  </a:cubicBezTo>
                  <a:close/>
                  <a:moveTo>
                    <a:pt x="425" y="382"/>
                  </a:moveTo>
                  <a:cubicBezTo>
                    <a:pt x="416" y="373"/>
                    <a:pt x="404" y="367"/>
                    <a:pt x="391" y="367"/>
                  </a:cubicBezTo>
                  <a:cubicBezTo>
                    <a:pt x="378" y="367"/>
                    <a:pt x="366" y="373"/>
                    <a:pt x="357" y="382"/>
                  </a:cubicBezTo>
                  <a:cubicBezTo>
                    <a:pt x="349" y="390"/>
                    <a:pt x="343" y="402"/>
                    <a:pt x="343" y="416"/>
                  </a:cubicBezTo>
                  <a:cubicBezTo>
                    <a:pt x="343" y="429"/>
                    <a:pt x="349" y="441"/>
                    <a:pt x="357" y="450"/>
                  </a:cubicBezTo>
                  <a:cubicBezTo>
                    <a:pt x="366" y="459"/>
                    <a:pt x="378" y="464"/>
                    <a:pt x="391" y="464"/>
                  </a:cubicBezTo>
                  <a:cubicBezTo>
                    <a:pt x="404" y="464"/>
                    <a:pt x="416" y="459"/>
                    <a:pt x="425" y="450"/>
                  </a:cubicBezTo>
                  <a:cubicBezTo>
                    <a:pt x="434" y="441"/>
                    <a:pt x="439" y="429"/>
                    <a:pt x="439" y="416"/>
                  </a:cubicBezTo>
                  <a:cubicBezTo>
                    <a:pt x="439" y="402"/>
                    <a:pt x="434" y="390"/>
                    <a:pt x="425" y="382"/>
                  </a:cubicBezTo>
                  <a:close/>
                  <a:moveTo>
                    <a:pt x="120" y="382"/>
                  </a:moveTo>
                  <a:cubicBezTo>
                    <a:pt x="111" y="373"/>
                    <a:pt x="99" y="367"/>
                    <a:pt x="86" y="367"/>
                  </a:cubicBezTo>
                  <a:cubicBezTo>
                    <a:pt x="73" y="367"/>
                    <a:pt x="61" y="373"/>
                    <a:pt x="52" y="382"/>
                  </a:cubicBezTo>
                  <a:cubicBezTo>
                    <a:pt x="43" y="390"/>
                    <a:pt x="38" y="402"/>
                    <a:pt x="38" y="416"/>
                  </a:cubicBezTo>
                  <a:cubicBezTo>
                    <a:pt x="38" y="429"/>
                    <a:pt x="43" y="441"/>
                    <a:pt x="52" y="450"/>
                  </a:cubicBezTo>
                  <a:cubicBezTo>
                    <a:pt x="61" y="459"/>
                    <a:pt x="73" y="464"/>
                    <a:pt x="86" y="464"/>
                  </a:cubicBezTo>
                  <a:cubicBezTo>
                    <a:pt x="99" y="464"/>
                    <a:pt x="111" y="459"/>
                    <a:pt x="120" y="450"/>
                  </a:cubicBezTo>
                  <a:cubicBezTo>
                    <a:pt x="128" y="441"/>
                    <a:pt x="134" y="429"/>
                    <a:pt x="134" y="416"/>
                  </a:cubicBezTo>
                  <a:cubicBezTo>
                    <a:pt x="134" y="402"/>
                    <a:pt x="128" y="390"/>
                    <a:pt x="120" y="382"/>
                  </a:cubicBezTo>
                  <a:close/>
                </a:path>
              </a:pathLst>
            </a:custGeom>
            <a:grpFill/>
            <a:ln>
              <a:noFill/>
            </a:ln>
          </p:spPr>
          <p:txBody>
            <a:bodyPr lIns="68591" tIns="34296" rIns="68591" bIns="34296"/>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006" algn="l" rtl="0" fontAlgn="base">
                <a:spcBef>
                  <a:spcPct val="0"/>
                </a:spcBef>
                <a:spcAft>
                  <a:spcPct val="0"/>
                </a:spcAft>
                <a:defRPr kern="1200">
                  <a:solidFill>
                    <a:schemeClr val="tx1"/>
                  </a:solidFill>
                  <a:latin typeface="Calibri" pitchFamily="34" charset="0"/>
                  <a:ea typeface="宋体" pitchFamily="2" charset="-122"/>
                  <a:cs typeface="+mn-cs"/>
                </a:defRPr>
              </a:lvl2pPr>
              <a:lvl3pPr marL="914011"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018"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023" algn="l" rtl="0" fontAlgn="base">
                <a:spcBef>
                  <a:spcPct val="0"/>
                </a:spcBef>
                <a:spcAft>
                  <a:spcPct val="0"/>
                </a:spcAft>
                <a:defRPr kern="1200">
                  <a:solidFill>
                    <a:schemeClr val="tx1"/>
                  </a:solidFill>
                  <a:latin typeface="Calibri" pitchFamily="34" charset="0"/>
                  <a:ea typeface="宋体" pitchFamily="2" charset="-122"/>
                  <a:cs typeface="+mn-cs"/>
                </a:defRPr>
              </a:lvl5pPr>
              <a:lvl6pPr marL="2285028" algn="l" defTabSz="914011" rtl="0" eaLnBrk="1" latinLnBrk="0" hangingPunct="1">
                <a:defRPr kern="1200">
                  <a:solidFill>
                    <a:schemeClr val="tx1"/>
                  </a:solidFill>
                  <a:latin typeface="Calibri" pitchFamily="34" charset="0"/>
                  <a:ea typeface="宋体" pitchFamily="2" charset="-122"/>
                  <a:cs typeface="+mn-cs"/>
                </a:defRPr>
              </a:lvl6pPr>
              <a:lvl7pPr marL="2742034" algn="l" defTabSz="914011" rtl="0" eaLnBrk="1" latinLnBrk="0" hangingPunct="1">
                <a:defRPr kern="1200">
                  <a:solidFill>
                    <a:schemeClr val="tx1"/>
                  </a:solidFill>
                  <a:latin typeface="Calibri" pitchFamily="34" charset="0"/>
                  <a:ea typeface="宋体" pitchFamily="2" charset="-122"/>
                  <a:cs typeface="+mn-cs"/>
                </a:defRPr>
              </a:lvl7pPr>
              <a:lvl8pPr marL="3199040" algn="l" defTabSz="914011" rtl="0" eaLnBrk="1" latinLnBrk="0" hangingPunct="1">
                <a:defRPr kern="1200">
                  <a:solidFill>
                    <a:schemeClr val="tx1"/>
                  </a:solidFill>
                  <a:latin typeface="Calibri" pitchFamily="34" charset="0"/>
                  <a:ea typeface="宋体" pitchFamily="2" charset="-122"/>
                  <a:cs typeface="+mn-cs"/>
                </a:defRPr>
              </a:lvl8pPr>
              <a:lvl9pPr marL="3656046" algn="l" defTabSz="914011" rtl="0" eaLnBrk="1" latinLnBrk="0" hangingPunct="1">
                <a:defRPr kern="1200">
                  <a:solidFill>
                    <a:schemeClr val="tx1"/>
                  </a:solidFill>
                  <a:latin typeface="Calibri" pitchFamily="34" charset="0"/>
                  <a:ea typeface="宋体" pitchFamily="2" charset="-122"/>
                  <a:cs typeface="+mn-cs"/>
                </a:defRPr>
              </a:lvl9pPr>
            </a:lstStyle>
            <a:p>
              <a:pPr defTabSz="1219028" fontAlgn="ctr">
                <a:defRPr/>
              </a:pPr>
              <a:endParaRPr lang="en-US" altLang="zh-CN" sz="1600" dirty="0">
                <a:solidFill>
                  <a:prstClr val="white"/>
                </a:solidFill>
                <a:latin typeface="+mn-lt"/>
                <a:ea typeface="+mn-ea"/>
                <a:cs typeface="Huawei Sans" panose="020C0503030203020204" pitchFamily="34" charset="0"/>
                <a:sym typeface="Arial" panose="020B0604020202020204" pitchFamily="34" charset="0"/>
              </a:endParaRPr>
            </a:p>
          </p:txBody>
        </p:sp>
        <p:sp>
          <p:nvSpPr>
            <p:cNvPr id="308" name="AutoShape 97">
              <a:extLst>
                <a:ext uri="{FF2B5EF4-FFF2-40B4-BE49-F238E27FC236}">
                  <a16:creationId xmlns:a16="http://schemas.microsoft.com/office/drawing/2014/main" xmlns="" id="{E705B481-5C33-484E-A484-8DB2AFC00306}"/>
                </a:ext>
              </a:extLst>
            </p:cNvPr>
            <p:cNvSpPr>
              <a:spLocks/>
            </p:cNvSpPr>
            <p:nvPr/>
          </p:nvSpPr>
          <p:spPr bwMode="auto">
            <a:xfrm>
              <a:off x="4150450" y="1823489"/>
              <a:ext cx="218702" cy="213640"/>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19636" y="3374"/>
                  </a:moveTo>
                  <a:lnTo>
                    <a:pt x="1963" y="3375"/>
                  </a:lnTo>
                  <a:lnTo>
                    <a:pt x="1963" y="2025"/>
                  </a:lnTo>
                  <a:cubicBezTo>
                    <a:pt x="1963" y="1653"/>
                    <a:pt x="2402" y="1350"/>
                    <a:pt x="2945" y="1350"/>
                  </a:cubicBezTo>
                  <a:lnTo>
                    <a:pt x="18654" y="1349"/>
                  </a:lnTo>
                  <a:cubicBezTo>
                    <a:pt x="19195" y="1349"/>
                    <a:pt x="19636" y="1652"/>
                    <a:pt x="19636" y="2024"/>
                  </a:cubicBezTo>
                  <a:cubicBezTo>
                    <a:pt x="19636" y="2024"/>
                    <a:pt x="19636" y="3374"/>
                    <a:pt x="19636" y="3374"/>
                  </a:cubicBezTo>
                  <a:close/>
                  <a:moveTo>
                    <a:pt x="19636" y="17546"/>
                  </a:moveTo>
                  <a:lnTo>
                    <a:pt x="1963" y="17547"/>
                  </a:lnTo>
                  <a:lnTo>
                    <a:pt x="1963" y="4050"/>
                  </a:lnTo>
                  <a:lnTo>
                    <a:pt x="19636" y="4049"/>
                  </a:lnTo>
                  <a:cubicBezTo>
                    <a:pt x="19636" y="4049"/>
                    <a:pt x="19636" y="17546"/>
                    <a:pt x="19636" y="17546"/>
                  </a:cubicBezTo>
                  <a:close/>
                  <a:moveTo>
                    <a:pt x="19636" y="19574"/>
                  </a:moveTo>
                  <a:cubicBezTo>
                    <a:pt x="19636" y="19946"/>
                    <a:pt x="19195" y="20249"/>
                    <a:pt x="18654" y="20249"/>
                  </a:cubicBezTo>
                  <a:lnTo>
                    <a:pt x="2945" y="20250"/>
                  </a:lnTo>
                  <a:cubicBezTo>
                    <a:pt x="2402" y="20250"/>
                    <a:pt x="1963" y="19947"/>
                    <a:pt x="1963" y="19575"/>
                  </a:cubicBezTo>
                  <a:lnTo>
                    <a:pt x="1963" y="18222"/>
                  </a:lnTo>
                  <a:lnTo>
                    <a:pt x="19636" y="18221"/>
                  </a:lnTo>
                  <a:cubicBezTo>
                    <a:pt x="19636" y="18221"/>
                    <a:pt x="19636" y="19574"/>
                    <a:pt x="19636" y="19574"/>
                  </a:cubicBezTo>
                  <a:close/>
                  <a:moveTo>
                    <a:pt x="18654" y="0"/>
                  </a:moveTo>
                  <a:lnTo>
                    <a:pt x="2945" y="0"/>
                  </a:lnTo>
                  <a:cubicBezTo>
                    <a:pt x="1317" y="0"/>
                    <a:pt x="0" y="907"/>
                    <a:pt x="0" y="2025"/>
                  </a:cubicBezTo>
                  <a:lnTo>
                    <a:pt x="0" y="19575"/>
                  </a:lnTo>
                  <a:cubicBezTo>
                    <a:pt x="0" y="20693"/>
                    <a:pt x="1317" y="21600"/>
                    <a:pt x="2945" y="21600"/>
                  </a:cubicBezTo>
                  <a:lnTo>
                    <a:pt x="18654" y="21599"/>
                  </a:lnTo>
                  <a:cubicBezTo>
                    <a:pt x="20280" y="21599"/>
                    <a:pt x="21600" y="20693"/>
                    <a:pt x="21600" y="19574"/>
                  </a:cubicBezTo>
                  <a:lnTo>
                    <a:pt x="21600" y="2024"/>
                  </a:lnTo>
                  <a:cubicBezTo>
                    <a:pt x="21600" y="906"/>
                    <a:pt x="20280" y="0"/>
                    <a:pt x="18654" y="0"/>
                  </a:cubicBezTo>
                </a:path>
              </a:pathLst>
            </a:custGeom>
            <a:grpFill/>
            <a:ln>
              <a:noFill/>
            </a:ln>
            <a:effectLst/>
          </p:spPr>
          <p:txBody>
            <a:bodyPr lIns="14290" tIns="14290" rIns="14290" bIns="14290" anchor="ct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006" algn="l" rtl="0" fontAlgn="base">
                <a:spcBef>
                  <a:spcPct val="0"/>
                </a:spcBef>
                <a:spcAft>
                  <a:spcPct val="0"/>
                </a:spcAft>
                <a:defRPr kern="1200">
                  <a:solidFill>
                    <a:schemeClr val="tx1"/>
                  </a:solidFill>
                  <a:latin typeface="Calibri" pitchFamily="34" charset="0"/>
                  <a:ea typeface="宋体" pitchFamily="2" charset="-122"/>
                  <a:cs typeface="+mn-cs"/>
                </a:defRPr>
              </a:lvl2pPr>
              <a:lvl3pPr marL="914011"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018"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023" algn="l" rtl="0" fontAlgn="base">
                <a:spcBef>
                  <a:spcPct val="0"/>
                </a:spcBef>
                <a:spcAft>
                  <a:spcPct val="0"/>
                </a:spcAft>
                <a:defRPr kern="1200">
                  <a:solidFill>
                    <a:schemeClr val="tx1"/>
                  </a:solidFill>
                  <a:latin typeface="Calibri" pitchFamily="34" charset="0"/>
                  <a:ea typeface="宋体" pitchFamily="2" charset="-122"/>
                  <a:cs typeface="+mn-cs"/>
                </a:defRPr>
              </a:lvl5pPr>
              <a:lvl6pPr marL="2285028" algn="l" defTabSz="914011" rtl="0" eaLnBrk="1" latinLnBrk="0" hangingPunct="1">
                <a:defRPr kern="1200">
                  <a:solidFill>
                    <a:schemeClr val="tx1"/>
                  </a:solidFill>
                  <a:latin typeface="Calibri" pitchFamily="34" charset="0"/>
                  <a:ea typeface="宋体" pitchFamily="2" charset="-122"/>
                  <a:cs typeface="+mn-cs"/>
                </a:defRPr>
              </a:lvl6pPr>
              <a:lvl7pPr marL="2742034" algn="l" defTabSz="914011" rtl="0" eaLnBrk="1" latinLnBrk="0" hangingPunct="1">
                <a:defRPr kern="1200">
                  <a:solidFill>
                    <a:schemeClr val="tx1"/>
                  </a:solidFill>
                  <a:latin typeface="Calibri" pitchFamily="34" charset="0"/>
                  <a:ea typeface="宋体" pitchFamily="2" charset="-122"/>
                  <a:cs typeface="+mn-cs"/>
                </a:defRPr>
              </a:lvl7pPr>
              <a:lvl8pPr marL="3199040" algn="l" defTabSz="914011" rtl="0" eaLnBrk="1" latinLnBrk="0" hangingPunct="1">
                <a:defRPr kern="1200">
                  <a:solidFill>
                    <a:schemeClr val="tx1"/>
                  </a:solidFill>
                  <a:latin typeface="Calibri" pitchFamily="34" charset="0"/>
                  <a:ea typeface="宋体" pitchFamily="2" charset="-122"/>
                  <a:cs typeface="+mn-cs"/>
                </a:defRPr>
              </a:lvl8pPr>
              <a:lvl9pPr marL="3656046" algn="l" defTabSz="914011" rtl="0" eaLnBrk="1" latinLnBrk="0" hangingPunct="1">
                <a:defRPr kern="1200">
                  <a:solidFill>
                    <a:schemeClr val="tx1"/>
                  </a:solidFill>
                  <a:latin typeface="Calibri" pitchFamily="34" charset="0"/>
                  <a:ea typeface="宋体" pitchFamily="2" charset="-122"/>
                  <a:cs typeface="+mn-cs"/>
                </a:defRPr>
              </a:lvl9pPr>
            </a:lstStyle>
            <a:p>
              <a:pPr algn="ctr" defTabSz="171369" fontAlgn="ctr">
                <a:defRPr/>
              </a:pPr>
              <a:endParaRPr lang="en-US" sz="1600" dirty="0">
                <a:solidFill>
                  <a:prstClr val="white"/>
                </a:solidFill>
                <a:effectLst>
                  <a:outerShdw blurRad="38100" dist="38100" dir="2700000" algn="tl">
                    <a:srgbClr val="000000"/>
                  </a:outerShdw>
                </a:effectLst>
                <a:latin typeface="+mn-lt"/>
                <a:ea typeface="+mn-ea"/>
                <a:cs typeface="Huawei Sans" panose="020C0503030203020204" pitchFamily="34" charset="0"/>
                <a:sym typeface="Arial" panose="020B0604020202020204" pitchFamily="34" charset="0"/>
              </a:endParaRPr>
            </a:p>
          </p:txBody>
        </p:sp>
        <p:sp>
          <p:nvSpPr>
            <p:cNvPr id="309" name="AutoShape 98">
              <a:extLst>
                <a:ext uri="{FF2B5EF4-FFF2-40B4-BE49-F238E27FC236}">
                  <a16:creationId xmlns:a16="http://schemas.microsoft.com/office/drawing/2014/main" xmlns="" id="{93ABD08B-2AA5-42BD-9530-82790F156199}"/>
                </a:ext>
              </a:extLst>
            </p:cNvPr>
            <p:cNvSpPr>
              <a:spLocks/>
            </p:cNvSpPr>
            <p:nvPr/>
          </p:nvSpPr>
          <p:spPr bwMode="auto">
            <a:xfrm>
              <a:off x="4239672" y="1849890"/>
              <a:ext cx="40258" cy="656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21600" y="10800"/>
                  </a:moveTo>
                  <a:cubicBezTo>
                    <a:pt x="21600" y="16758"/>
                    <a:pt x="20387" y="21599"/>
                    <a:pt x="18899" y="21599"/>
                  </a:cubicBezTo>
                  <a:lnTo>
                    <a:pt x="2699" y="21599"/>
                  </a:lnTo>
                  <a:cubicBezTo>
                    <a:pt x="1202" y="21599"/>
                    <a:pt x="0" y="16758"/>
                    <a:pt x="0" y="10800"/>
                  </a:cubicBezTo>
                  <a:cubicBezTo>
                    <a:pt x="0" y="4841"/>
                    <a:pt x="1202" y="0"/>
                    <a:pt x="2699" y="0"/>
                  </a:cubicBezTo>
                  <a:lnTo>
                    <a:pt x="18899" y="0"/>
                  </a:lnTo>
                  <a:cubicBezTo>
                    <a:pt x="20387" y="0"/>
                    <a:pt x="21600" y="4841"/>
                    <a:pt x="21600" y="10800"/>
                  </a:cubicBezTo>
                </a:path>
              </a:pathLst>
            </a:custGeom>
            <a:grpFill/>
            <a:ln>
              <a:noFill/>
            </a:ln>
            <a:effectLst/>
          </p:spPr>
          <p:txBody>
            <a:bodyPr lIns="14290" tIns="14290" rIns="14290" bIns="14290" anchor="ct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006" algn="l" rtl="0" fontAlgn="base">
                <a:spcBef>
                  <a:spcPct val="0"/>
                </a:spcBef>
                <a:spcAft>
                  <a:spcPct val="0"/>
                </a:spcAft>
                <a:defRPr kern="1200">
                  <a:solidFill>
                    <a:schemeClr val="tx1"/>
                  </a:solidFill>
                  <a:latin typeface="Calibri" pitchFamily="34" charset="0"/>
                  <a:ea typeface="宋体" pitchFamily="2" charset="-122"/>
                  <a:cs typeface="+mn-cs"/>
                </a:defRPr>
              </a:lvl2pPr>
              <a:lvl3pPr marL="914011"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018"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023" algn="l" rtl="0" fontAlgn="base">
                <a:spcBef>
                  <a:spcPct val="0"/>
                </a:spcBef>
                <a:spcAft>
                  <a:spcPct val="0"/>
                </a:spcAft>
                <a:defRPr kern="1200">
                  <a:solidFill>
                    <a:schemeClr val="tx1"/>
                  </a:solidFill>
                  <a:latin typeface="Calibri" pitchFamily="34" charset="0"/>
                  <a:ea typeface="宋体" pitchFamily="2" charset="-122"/>
                  <a:cs typeface="+mn-cs"/>
                </a:defRPr>
              </a:lvl5pPr>
              <a:lvl6pPr marL="2285028" algn="l" defTabSz="914011" rtl="0" eaLnBrk="1" latinLnBrk="0" hangingPunct="1">
                <a:defRPr kern="1200">
                  <a:solidFill>
                    <a:schemeClr val="tx1"/>
                  </a:solidFill>
                  <a:latin typeface="Calibri" pitchFamily="34" charset="0"/>
                  <a:ea typeface="宋体" pitchFamily="2" charset="-122"/>
                  <a:cs typeface="+mn-cs"/>
                </a:defRPr>
              </a:lvl6pPr>
              <a:lvl7pPr marL="2742034" algn="l" defTabSz="914011" rtl="0" eaLnBrk="1" latinLnBrk="0" hangingPunct="1">
                <a:defRPr kern="1200">
                  <a:solidFill>
                    <a:schemeClr val="tx1"/>
                  </a:solidFill>
                  <a:latin typeface="Calibri" pitchFamily="34" charset="0"/>
                  <a:ea typeface="宋体" pitchFamily="2" charset="-122"/>
                  <a:cs typeface="+mn-cs"/>
                </a:defRPr>
              </a:lvl7pPr>
              <a:lvl8pPr marL="3199040" algn="l" defTabSz="914011" rtl="0" eaLnBrk="1" latinLnBrk="0" hangingPunct="1">
                <a:defRPr kern="1200">
                  <a:solidFill>
                    <a:schemeClr val="tx1"/>
                  </a:solidFill>
                  <a:latin typeface="Calibri" pitchFamily="34" charset="0"/>
                  <a:ea typeface="宋体" pitchFamily="2" charset="-122"/>
                  <a:cs typeface="+mn-cs"/>
                </a:defRPr>
              </a:lvl8pPr>
              <a:lvl9pPr marL="3656046" algn="l" defTabSz="914011" rtl="0" eaLnBrk="1" latinLnBrk="0" hangingPunct="1">
                <a:defRPr kern="1200">
                  <a:solidFill>
                    <a:schemeClr val="tx1"/>
                  </a:solidFill>
                  <a:latin typeface="Calibri" pitchFamily="34" charset="0"/>
                  <a:ea typeface="宋体" pitchFamily="2" charset="-122"/>
                  <a:cs typeface="+mn-cs"/>
                </a:defRPr>
              </a:lvl9pPr>
            </a:lstStyle>
            <a:p>
              <a:pPr algn="ctr" defTabSz="171369" fontAlgn="ctr">
                <a:defRPr/>
              </a:pPr>
              <a:endParaRPr lang="en-US" sz="1600" dirty="0">
                <a:solidFill>
                  <a:prstClr val="white"/>
                </a:solidFill>
                <a:effectLst>
                  <a:outerShdw blurRad="38100" dist="38100" dir="2700000" algn="tl">
                    <a:srgbClr val="000000"/>
                  </a:outerShdw>
                </a:effectLst>
                <a:latin typeface="+mn-lt"/>
                <a:ea typeface="+mn-ea"/>
                <a:cs typeface="Huawei Sans" panose="020C0503030203020204" pitchFamily="34" charset="0"/>
                <a:sym typeface="Arial" panose="020B0604020202020204" pitchFamily="34" charset="0"/>
              </a:endParaRPr>
            </a:p>
          </p:txBody>
        </p:sp>
        <p:sp>
          <p:nvSpPr>
            <p:cNvPr id="310" name="AutoShape 99">
              <a:extLst>
                <a:ext uri="{FF2B5EF4-FFF2-40B4-BE49-F238E27FC236}">
                  <a16:creationId xmlns:a16="http://schemas.microsoft.com/office/drawing/2014/main" xmlns="" id="{98DAA042-8100-403C-B85F-1B04D5795F8F}"/>
                </a:ext>
              </a:extLst>
            </p:cNvPr>
            <p:cNvSpPr>
              <a:spLocks/>
            </p:cNvSpPr>
            <p:nvPr/>
          </p:nvSpPr>
          <p:spPr bwMode="auto">
            <a:xfrm>
              <a:off x="4250009" y="2016865"/>
              <a:ext cx="19584" cy="656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21600" y="10800"/>
                  </a:moveTo>
                  <a:cubicBezTo>
                    <a:pt x="21600" y="16769"/>
                    <a:pt x="19174" y="21599"/>
                    <a:pt x="16199" y="21599"/>
                  </a:cubicBezTo>
                  <a:lnTo>
                    <a:pt x="5399" y="21599"/>
                  </a:lnTo>
                  <a:cubicBezTo>
                    <a:pt x="2404" y="21599"/>
                    <a:pt x="0" y="16769"/>
                    <a:pt x="0" y="10800"/>
                  </a:cubicBezTo>
                  <a:cubicBezTo>
                    <a:pt x="0" y="4830"/>
                    <a:pt x="2404" y="0"/>
                    <a:pt x="5399" y="0"/>
                  </a:cubicBezTo>
                  <a:lnTo>
                    <a:pt x="16199" y="0"/>
                  </a:lnTo>
                  <a:cubicBezTo>
                    <a:pt x="19174" y="0"/>
                    <a:pt x="21600" y="4830"/>
                    <a:pt x="21600" y="10800"/>
                  </a:cubicBezTo>
                </a:path>
              </a:pathLst>
            </a:custGeom>
            <a:grpFill/>
            <a:ln>
              <a:noFill/>
            </a:ln>
            <a:effectLst/>
          </p:spPr>
          <p:txBody>
            <a:bodyPr lIns="14290" tIns="14290" rIns="14290" bIns="14290" anchor="ct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006" algn="l" rtl="0" fontAlgn="base">
                <a:spcBef>
                  <a:spcPct val="0"/>
                </a:spcBef>
                <a:spcAft>
                  <a:spcPct val="0"/>
                </a:spcAft>
                <a:defRPr kern="1200">
                  <a:solidFill>
                    <a:schemeClr val="tx1"/>
                  </a:solidFill>
                  <a:latin typeface="Calibri" pitchFamily="34" charset="0"/>
                  <a:ea typeface="宋体" pitchFamily="2" charset="-122"/>
                  <a:cs typeface="+mn-cs"/>
                </a:defRPr>
              </a:lvl2pPr>
              <a:lvl3pPr marL="914011"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018"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023" algn="l" rtl="0" fontAlgn="base">
                <a:spcBef>
                  <a:spcPct val="0"/>
                </a:spcBef>
                <a:spcAft>
                  <a:spcPct val="0"/>
                </a:spcAft>
                <a:defRPr kern="1200">
                  <a:solidFill>
                    <a:schemeClr val="tx1"/>
                  </a:solidFill>
                  <a:latin typeface="Calibri" pitchFamily="34" charset="0"/>
                  <a:ea typeface="宋体" pitchFamily="2" charset="-122"/>
                  <a:cs typeface="+mn-cs"/>
                </a:defRPr>
              </a:lvl5pPr>
              <a:lvl6pPr marL="2285028" algn="l" defTabSz="914011" rtl="0" eaLnBrk="1" latinLnBrk="0" hangingPunct="1">
                <a:defRPr kern="1200">
                  <a:solidFill>
                    <a:schemeClr val="tx1"/>
                  </a:solidFill>
                  <a:latin typeface="Calibri" pitchFamily="34" charset="0"/>
                  <a:ea typeface="宋体" pitchFamily="2" charset="-122"/>
                  <a:cs typeface="+mn-cs"/>
                </a:defRPr>
              </a:lvl6pPr>
              <a:lvl7pPr marL="2742034" algn="l" defTabSz="914011" rtl="0" eaLnBrk="1" latinLnBrk="0" hangingPunct="1">
                <a:defRPr kern="1200">
                  <a:solidFill>
                    <a:schemeClr val="tx1"/>
                  </a:solidFill>
                  <a:latin typeface="Calibri" pitchFamily="34" charset="0"/>
                  <a:ea typeface="宋体" pitchFamily="2" charset="-122"/>
                  <a:cs typeface="+mn-cs"/>
                </a:defRPr>
              </a:lvl7pPr>
              <a:lvl8pPr marL="3199040" algn="l" defTabSz="914011" rtl="0" eaLnBrk="1" latinLnBrk="0" hangingPunct="1">
                <a:defRPr kern="1200">
                  <a:solidFill>
                    <a:schemeClr val="tx1"/>
                  </a:solidFill>
                  <a:latin typeface="Calibri" pitchFamily="34" charset="0"/>
                  <a:ea typeface="宋体" pitchFamily="2" charset="-122"/>
                  <a:cs typeface="+mn-cs"/>
                </a:defRPr>
              </a:lvl8pPr>
              <a:lvl9pPr marL="3656046" algn="l" defTabSz="914011" rtl="0" eaLnBrk="1" latinLnBrk="0" hangingPunct="1">
                <a:defRPr kern="1200">
                  <a:solidFill>
                    <a:schemeClr val="tx1"/>
                  </a:solidFill>
                  <a:latin typeface="Calibri" pitchFamily="34" charset="0"/>
                  <a:ea typeface="宋体" pitchFamily="2" charset="-122"/>
                  <a:cs typeface="+mn-cs"/>
                </a:defRPr>
              </a:lvl9pPr>
            </a:lstStyle>
            <a:p>
              <a:pPr algn="ctr" defTabSz="171369" fontAlgn="ctr">
                <a:defRPr/>
              </a:pPr>
              <a:endParaRPr lang="en-US" sz="1600" dirty="0">
                <a:solidFill>
                  <a:prstClr val="white"/>
                </a:solidFill>
                <a:effectLst>
                  <a:outerShdw blurRad="38100" dist="38100" dir="2700000" algn="tl">
                    <a:srgbClr val="000000"/>
                  </a:outerShdw>
                </a:effectLst>
                <a:latin typeface="+mn-lt"/>
                <a:ea typeface="+mn-ea"/>
                <a:cs typeface="Huawei Sans" panose="020C0503030203020204" pitchFamily="34" charset="0"/>
                <a:sym typeface="Arial" panose="020B0604020202020204" pitchFamily="34" charset="0"/>
              </a:endParaRPr>
            </a:p>
          </p:txBody>
        </p:sp>
      </p:grpSp>
      <p:sp>
        <p:nvSpPr>
          <p:cNvPr id="311" name="grid-earth_72413">
            <a:extLst>
              <a:ext uri="{FF2B5EF4-FFF2-40B4-BE49-F238E27FC236}">
                <a16:creationId xmlns:a16="http://schemas.microsoft.com/office/drawing/2014/main" xmlns="" id="{54E94C53-81E9-4C03-BE8A-CCAB4E53BDD9}"/>
              </a:ext>
            </a:extLst>
          </p:cNvPr>
          <p:cNvSpPr>
            <a:spLocks noChangeAspect="1"/>
          </p:cNvSpPr>
          <p:nvPr/>
        </p:nvSpPr>
        <p:spPr bwMode="auto">
          <a:xfrm>
            <a:off x="4921350" y="1473539"/>
            <a:ext cx="281191" cy="280750"/>
          </a:xfrm>
          <a:custGeom>
            <a:avLst/>
            <a:gdLst>
              <a:gd name="T0" fmla="*/ 372171 w 604011"/>
              <a:gd name="T1" fmla="*/ 372171 w 604011"/>
              <a:gd name="T2" fmla="*/ 372171 w 604011"/>
              <a:gd name="T3" fmla="*/ 372171 w 604011"/>
              <a:gd name="T4" fmla="*/ 372171 w 604011"/>
              <a:gd name="T5" fmla="*/ 372171 w 604011"/>
              <a:gd name="T6" fmla="*/ 372171 w 604011"/>
              <a:gd name="T7" fmla="*/ 372171 w 604011"/>
              <a:gd name="T8" fmla="*/ 372171 w 604011"/>
              <a:gd name="T9" fmla="*/ 372171 w 604011"/>
              <a:gd name="T10" fmla="*/ 372171 w 604011"/>
              <a:gd name="T11" fmla="*/ 372171 w 604011"/>
              <a:gd name="T12" fmla="*/ 372171 w 604011"/>
              <a:gd name="T13" fmla="*/ 372171 w 604011"/>
              <a:gd name="T14" fmla="*/ 372171 w 604011"/>
              <a:gd name="T15" fmla="*/ 372171 w 604011"/>
              <a:gd name="T16" fmla="*/ 372171 w 604011"/>
              <a:gd name="T17" fmla="*/ 372171 w 604011"/>
              <a:gd name="T18" fmla="*/ 372171 w 604011"/>
              <a:gd name="T19" fmla="*/ 372171 w 604011"/>
              <a:gd name="T20" fmla="*/ 372171 w 604011"/>
              <a:gd name="T21" fmla="*/ 372171 w 604011"/>
              <a:gd name="T22" fmla="*/ 372171 w 604011"/>
              <a:gd name="T23" fmla="*/ 372171 w 604011"/>
              <a:gd name="T24" fmla="*/ 372171 w 604011"/>
              <a:gd name="T25" fmla="*/ 372171 w 604011"/>
              <a:gd name="T26" fmla="*/ 372171 w 604011"/>
              <a:gd name="T27" fmla="*/ 372171 w 604011"/>
              <a:gd name="T28" fmla="*/ 372171 w 604011"/>
              <a:gd name="T29" fmla="*/ 372171 w 604011"/>
              <a:gd name="T30" fmla="*/ 372171 w 604011"/>
              <a:gd name="T31" fmla="*/ 372171 w 604011"/>
              <a:gd name="T32" fmla="*/ 372171 w 604011"/>
              <a:gd name="T33" fmla="*/ 372171 w 604011"/>
              <a:gd name="T34" fmla="*/ 372171 w 604011"/>
              <a:gd name="T35" fmla="*/ 372171 w 604011"/>
              <a:gd name="T36" fmla="*/ 372171 w 604011"/>
              <a:gd name="T37" fmla="*/ 372171 w 604011"/>
              <a:gd name="T38" fmla="*/ 372171 w 604011"/>
              <a:gd name="T39" fmla="*/ 372171 w 604011"/>
              <a:gd name="T40" fmla="*/ 372171 w 604011"/>
              <a:gd name="T41" fmla="*/ 372171 w 604011"/>
              <a:gd name="T42" fmla="*/ 372171 w 604011"/>
              <a:gd name="T43" fmla="*/ 372171 w 604011"/>
              <a:gd name="T44" fmla="*/ 372171 w 604011"/>
              <a:gd name="T45" fmla="*/ 372171 w 604011"/>
              <a:gd name="T46" fmla="*/ 372171 w 604011"/>
              <a:gd name="T47" fmla="*/ 372171 w 604011"/>
              <a:gd name="T48" fmla="*/ 372171 w 604011"/>
              <a:gd name="T49" fmla="*/ 372171 w 604011"/>
              <a:gd name="T50" fmla="*/ 372171 w 604011"/>
              <a:gd name="T51" fmla="*/ 372171 w 604011"/>
              <a:gd name="T52" fmla="*/ 372171 w 604011"/>
              <a:gd name="T53" fmla="*/ 372171 w 604011"/>
              <a:gd name="T54" fmla="*/ 372171 w 604011"/>
              <a:gd name="T55" fmla="*/ 372171 w 604011"/>
              <a:gd name="T56" fmla="*/ 372171 w 604011"/>
              <a:gd name="T57" fmla="*/ 372171 w 604011"/>
              <a:gd name="T58" fmla="*/ 372171 w 604011"/>
              <a:gd name="T59" fmla="*/ 372171 w 604011"/>
              <a:gd name="T60" fmla="*/ 372171 w 604011"/>
              <a:gd name="T61" fmla="*/ 372171 w 604011"/>
              <a:gd name="T62" fmla="*/ 372171 w 604011"/>
              <a:gd name="T63" fmla="*/ 372171 w 604011"/>
              <a:gd name="T64" fmla="*/ 372171 w 604011"/>
              <a:gd name="T65" fmla="*/ 372171 w 604011"/>
              <a:gd name="T66" fmla="*/ 372171 w 604011"/>
              <a:gd name="T67" fmla="*/ 372171 w 604011"/>
              <a:gd name="T68" fmla="*/ 372171 w 604011"/>
              <a:gd name="T69" fmla="*/ 372171 w 604011"/>
              <a:gd name="T70" fmla="*/ 372171 w 604011"/>
              <a:gd name="T71" fmla="*/ 372171 w 604011"/>
              <a:gd name="T72" fmla="*/ 372171 w 604011"/>
              <a:gd name="T73" fmla="*/ 372171 w 604011"/>
              <a:gd name="T74" fmla="*/ 372171 w 604011"/>
              <a:gd name="T75" fmla="*/ 372171 w 604011"/>
              <a:gd name="T76" fmla="*/ 372171 w 604011"/>
              <a:gd name="T77" fmla="*/ 372171 w 604011"/>
              <a:gd name="T78" fmla="*/ 372171 w 604011"/>
              <a:gd name="T79" fmla="*/ 372171 w 6040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613" h="613">
                <a:moveTo>
                  <a:pt x="307" y="0"/>
                </a:moveTo>
                <a:cubicBezTo>
                  <a:pt x="137" y="0"/>
                  <a:pt x="0" y="137"/>
                  <a:pt x="0" y="307"/>
                </a:cubicBezTo>
                <a:cubicBezTo>
                  <a:pt x="0" y="476"/>
                  <a:pt x="137" y="613"/>
                  <a:pt x="307" y="613"/>
                </a:cubicBezTo>
                <a:cubicBezTo>
                  <a:pt x="476" y="613"/>
                  <a:pt x="613" y="476"/>
                  <a:pt x="613" y="307"/>
                </a:cubicBezTo>
                <a:cubicBezTo>
                  <a:pt x="613" y="137"/>
                  <a:pt x="476" y="0"/>
                  <a:pt x="307" y="0"/>
                </a:cubicBezTo>
                <a:close/>
                <a:moveTo>
                  <a:pt x="559" y="293"/>
                </a:moveTo>
                <a:lnTo>
                  <a:pt x="475" y="293"/>
                </a:lnTo>
                <a:cubicBezTo>
                  <a:pt x="474" y="249"/>
                  <a:pt x="468" y="208"/>
                  <a:pt x="458" y="170"/>
                </a:cubicBezTo>
                <a:cubicBezTo>
                  <a:pt x="474" y="161"/>
                  <a:pt x="487" y="150"/>
                  <a:pt x="495" y="138"/>
                </a:cubicBezTo>
                <a:cubicBezTo>
                  <a:pt x="532" y="179"/>
                  <a:pt x="556" y="234"/>
                  <a:pt x="559" y="293"/>
                </a:cubicBezTo>
                <a:close/>
                <a:moveTo>
                  <a:pt x="451" y="505"/>
                </a:moveTo>
                <a:cubicBezTo>
                  <a:pt x="448" y="510"/>
                  <a:pt x="440" y="518"/>
                  <a:pt x="425" y="525"/>
                </a:cubicBezTo>
                <a:cubicBezTo>
                  <a:pt x="430" y="515"/>
                  <a:pt x="435" y="505"/>
                  <a:pt x="440" y="495"/>
                </a:cubicBezTo>
                <a:cubicBezTo>
                  <a:pt x="446" y="499"/>
                  <a:pt x="449" y="502"/>
                  <a:pt x="451" y="505"/>
                </a:cubicBezTo>
                <a:close/>
                <a:moveTo>
                  <a:pt x="173" y="495"/>
                </a:moveTo>
                <a:cubicBezTo>
                  <a:pt x="178" y="505"/>
                  <a:pt x="183" y="515"/>
                  <a:pt x="188" y="525"/>
                </a:cubicBezTo>
                <a:cubicBezTo>
                  <a:pt x="174" y="518"/>
                  <a:pt x="165" y="510"/>
                  <a:pt x="163" y="505"/>
                </a:cubicBezTo>
                <a:cubicBezTo>
                  <a:pt x="164" y="502"/>
                  <a:pt x="168" y="499"/>
                  <a:pt x="173" y="495"/>
                </a:cubicBezTo>
                <a:close/>
                <a:moveTo>
                  <a:pt x="163" y="108"/>
                </a:moveTo>
                <a:cubicBezTo>
                  <a:pt x="165" y="103"/>
                  <a:pt x="174" y="96"/>
                  <a:pt x="188" y="88"/>
                </a:cubicBezTo>
                <a:cubicBezTo>
                  <a:pt x="183" y="98"/>
                  <a:pt x="178" y="108"/>
                  <a:pt x="173" y="119"/>
                </a:cubicBezTo>
                <a:cubicBezTo>
                  <a:pt x="168" y="115"/>
                  <a:pt x="164" y="111"/>
                  <a:pt x="163" y="108"/>
                </a:cubicBezTo>
                <a:close/>
                <a:moveTo>
                  <a:pt x="440" y="119"/>
                </a:moveTo>
                <a:cubicBezTo>
                  <a:pt x="435" y="108"/>
                  <a:pt x="430" y="98"/>
                  <a:pt x="425" y="88"/>
                </a:cubicBezTo>
                <a:cubicBezTo>
                  <a:pt x="440" y="96"/>
                  <a:pt x="448" y="103"/>
                  <a:pt x="451" y="108"/>
                </a:cubicBezTo>
                <a:cubicBezTo>
                  <a:pt x="449" y="111"/>
                  <a:pt x="446" y="115"/>
                  <a:pt x="440" y="119"/>
                </a:cubicBezTo>
                <a:close/>
                <a:moveTo>
                  <a:pt x="333" y="65"/>
                </a:moveTo>
                <a:cubicBezTo>
                  <a:pt x="335" y="66"/>
                  <a:pt x="337" y="66"/>
                  <a:pt x="340" y="66"/>
                </a:cubicBezTo>
                <a:cubicBezTo>
                  <a:pt x="359" y="80"/>
                  <a:pt x="377" y="106"/>
                  <a:pt x="391" y="141"/>
                </a:cubicBezTo>
                <a:cubicBezTo>
                  <a:pt x="375" y="145"/>
                  <a:pt x="356" y="149"/>
                  <a:pt x="333" y="151"/>
                </a:cubicBezTo>
                <a:lnTo>
                  <a:pt x="333" y="65"/>
                </a:lnTo>
                <a:close/>
                <a:moveTo>
                  <a:pt x="274" y="66"/>
                </a:moveTo>
                <a:cubicBezTo>
                  <a:pt x="276" y="66"/>
                  <a:pt x="278" y="66"/>
                  <a:pt x="280" y="65"/>
                </a:cubicBezTo>
                <a:lnTo>
                  <a:pt x="280" y="151"/>
                </a:lnTo>
                <a:cubicBezTo>
                  <a:pt x="258" y="149"/>
                  <a:pt x="238" y="145"/>
                  <a:pt x="222" y="141"/>
                </a:cubicBezTo>
                <a:cubicBezTo>
                  <a:pt x="236" y="106"/>
                  <a:pt x="255" y="80"/>
                  <a:pt x="274" y="66"/>
                </a:cubicBezTo>
                <a:close/>
                <a:moveTo>
                  <a:pt x="280" y="204"/>
                </a:moveTo>
                <a:lnTo>
                  <a:pt x="280" y="293"/>
                </a:lnTo>
                <a:lnTo>
                  <a:pt x="192" y="293"/>
                </a:lnTo>
                <a:cubicBezTo>
                  <a:pt x="193" y="256"/>
                  <a:pt x="197" y="222"/>
                  <a:pt x="205" y="191"/>
                </a:cubicBezTo>
                <a:cubicBezTo>
                  <a:pt x="228" y="198"/>
                  <a:pt x="253" y="202"/>
                  <a:pt x="280" y="204"/>
                </a:cubicBezTo>
                <a:close/>
                <a:moveTo>
                  <a:pt x="280" y="347"/>
                </a:moveTo>
                <a:lnTo>
                  <a:pt x="280" y="409"/>
                </a:lnTo>
                <a:cubicBezTo>
                  <a:pt x="253" y="411"/>
                  <a:pt x="228" y="416"/>
                  <a:pt x="205" y="422"/>
                </a:cubicBezTo>
                <a:cubicBezTo>
                  <a:pt x="199" y="399"/>
                  <a:pt x="195" y="374"/>
                  <a:pt x="193" y="347"/>
                </a:cubicBezTo>
                <a:lnTo>
                  <a:pt x="280" y="347"/>
                </a:lnTo>
                <a:close/>
                <a:moveTo>
                  <a:pt x="280" y="463"/>
                </a:moveTo>
                <a:lnTo>
                  <a:pt x="280" y="548"/>
                </a:lnTo>
                <a:cubicBezTo>
                  <a:pt x="278" y="548"/>
                  <a:pt x="276" y="548"/>
                  <a:pt x="274" y="547"/>
                </a:cubicBezTo>
                <a:cubicBezTo>
                  <a:pt x="255" y="533"/>
                  <a:pt x="236" y="507"/>
                  <a:pt x="222" y="473"/>
                </a:cubicBezTo>
                <a:cubicBezTo>
                  <a:pt x="238" y="468"/>
                  <a:pt x="258" y="464"/>
                  <a:pt x="280" y="463"/>
                </a:cubicBezTo>
                <a:close/>
                <a:moveTo>
                  <a:pt x="340" y="547"/>
                </a:moveTo>
                <a:cubicBezTo>
                  <a:pt x="338" y="548"/>
                  <a:pt x="335" y="548"/>
                  <a:pt x="333" y="548"/>
                </a:cubicBezTo>
                <a:lnTo>
                  <a:pt x="333" y="463"/>
                </a:lnTo>
                <a:cubicBezTo>
                  <a:pt x="356" y="464"/>
                  <a:pt x="375" y="468"/>
                  <a:pt x="391" y="473"/>
                </a:cubicBezTo>
                <a:cubicBezTo>
                  <a:pt x="377" y="507"/>
                  <a:pt x="359" y="533"/>
                  <a:pt x="340" y="547"/>
                </a:cubicBezTo>
                <a:close/>
                <a:moveTo>
                  <a:pt x="333" y="409"/>
                </a:moveTo>
                <a:lnTo>
                  <a:pt x="333" y="347"/>
                </a:lnTo>
                <a:lnTo>
                  <a:pt x="420" y="347"/>
                </a:lnTo>
                <a:cubicBezTo>
                  <a:pt x="418" y="374"/>
                  <a:pt x="414" y="399"/>
                  <a:pt x="408" y="422"/>
                </a:cubicBezTo>
                <a:cubicBezTo>
                  <a:pt x="386" y="416"/>
                  <a:pt x="360" y="411"/>
                  <a:pt x="333" y="409"/>
                </a:cubicBezTo>
                <a:close/>
                <a:moveTo>
                  <a:pt x="333" y="293"/>
                </a:moveTo>
                <a:lnTo>
                  <a:pt x="333" y="204"/>
                </a:lnTo>
                <a:cubicBezTo>
                  <a:pt x="360" y="202"/>
                  <a:pt x="386" y="198"/>
                  <a:pt x="408" y="191"/>
                </a:cubicBezTo>
                <a:cubicBezTo>
                  <a:pt x="416" y="222"/>
                  <a:pt x="421" y="256"/>
                  <a:pt x="422" y="293"/>
                </a:cubicBezTo>
                <a:lnTo>
                  <a:pt x="333" y="293"/>
                </a:lnTo>
                <a:close/>
                <a:moveTo>
                  <a:pt x="118" y="138"/>
                </a:moveTo>
                <a:cubicBezTo>
                  <a:pt x="126" y="150"/>
                  <a:pt x="139" y="161"/>
                  <a:pt x="155" y="170"/>
                </a:cubicBezTo>
                <a:cubicBezTo>
                  <a:pt x="145" y="208"/>
                  <a:pt x="139" y="249"/>
                  <a:pt x="138" y="293"/>
                </a:cubicBezTo>
                <a:lnTo>
                  <a:pt x="54" y="293"/>
                </a:lnTo>
                <a:cubicBezTo>
                  <a:pt x="57" y="234"/>
                  <a:pt x="81" y="179"/>
                  <a:pt x="118" y="138"/>
                </a:cubicBezTo>
                <a:close/>
                <a:moveTo>
                  <a:pt x="57" y="347"/>
                </a:moveTo>
                <a:lnTo>
                  <a:pt x="139" y="347"/>
                </a:lnTo>
                <a:cubicBezTo>
                  <a:pt x="142" y="381"/>
                  <a:pt x="147" y="413"/>
                  <a:pt x="155" y="443"/>
                </a:cubicBezTo>
                <a:cubicBezTo>
                  <a:pt x="139" y="452"/>
                  <a:pt x="126" y="463"/>
                  <a:pt x="118" y="476"/>
                </a:cubicBezTo>
                <a:cubicBezTo>
                  <a:pt x="87" y="440"/>
                  <a:pt x="65" y="396"/>
                  <a:pt x="57" y="347"/>
                </a:cubicBezTo>
                <a:close/>
                <a:moveTo>
                  <a:pt x="495" y="476"/>
                </a:moveTo>
                <a:cubicBezTo>
                  <a:pt x="487" y="463"/>
                  <a:pt x="474" y="452"/>
                  <a:pt x="458" y="443"/>
                </a:cubicBezTo>
                <a:cubicBezTo>
                  <a:pt x="466" y="413"/>
                  <a:pt x="472" y="381"/>
                  <a:pt x="474" y="347"/>
                </a:cubicBezTo>
                <a:lnTo>
                  <a:pt x="557" y="347"/>
                </a:lnTo>
                <a:cubicBezTo>
                  <a:pt x="549" y="396"/>
                  <a:pt x="527" y="440"/>
                  <a:pt x="495" y="476"/>
                </a:cubicBezTo>
                <a:close/>
              </a:path>
            </a:pathLst>
          </a:custGeom>
          <a:solidFill>
            <a:srgbClr val="00B0F0"/>
          </a:solidFill>
          <a:ln>
            <a:noFill/>
          </a:ln>
        </p:spPr>
        <p:txBody>
          <a:bodyPr/>
          <a:lstStyle/>
          <a:p>
            <a:endParaRPr lang="zh-CN" altLang="en-US" sz="1600"/>
          </a:p>
        </p:txBody>
      </p:sp>
      <p:pic>
        <p:nvPicPr>
          <p:cNvPr id="312" name="图片 311">
            <a:extLst>
              <a:ext uri="{FF2B5EF4-FFF2-40B4-BE49-F238E27FC236}">
                <a16:creationId xmlns:a16="http://schemas.microsoft.com/office/drawing/2014/main" xmlns="" id="{21ED18C8-B133-4338-B60F-23706C9CF685}"/>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b="82342"/>
          <a:stretch/>
        </p:blipFill>
        <p:spPr>
          <a:xfrm>
            <a:off x="5425323" y="2456540"/>
            <a:ext cx="1823878" cy="367675"/>
          </a:xfrm>
          <a:prstGeom prst="rect">
            <a:avLst/>
          </a:prstGeom>
        </p:spPr>
      </p:pic>
      <p:grpSp>
        <p:nvGrpSpPr>
          <p:cNvPr id="314" name="组合 195">
            <a:extLst>
              <a:ext uri="{FF2B5EF4-FFF2-40B4-BE49-F238E27FC236}">
                <a16:creationId xmlns:a16="http://schemas.microsoft.com/office/drawing/2014/main" xmlns="" id="{50E721A0-215F-4706-8980-C8ED1EA9830B}"/>
              </a:ext>
            </a:extLst>
          </p:cNvPr>
          <p:cNvGrpSpPr>
            <a:grpSpLocks noChangeAspect="1"/>
          </p:cNvGrpSpPr>
          <p:nvPr/>
        </p:nvGrpSpPr>
        <p:grpSpPr>
          <a:xfrm>
            <a:off x="6552639" y="5668817"/>
            <a:ext cx="290238" cy="268952"/>
            <a:chOff x="171393" y="3704832"/>
            <a:chExt cx="325829" cy="302898"/>
          </a:xfrm>
        </p:grpSpPr>
        <p:grpSp>
          <p:nvGrpSpPr>
            <p:cNvPr id="315" name="组合 923">
              <a:extLst>
                <a:ext uri="{FF2B5EF4-FFF2-40B4-BE49-F238E27FC236}">
                  <a16:creationId xmlns:a16="http://schemas.microsoft.com/office/drawing/2014/main" xmlns="" id="{3C562849-E0C4-4EC6-87F7-3720A1E0A7A3}"/>
                </a:ext>
              </a:extLst>
            </p:cNvPr>
            <p:cNvGrpSpPr/>
            <p:nvPr/>
          </p:nvGrpSpPr>
          <p:grpSpPr>
            <a:xfrm>
              <a:off x="336339" y="3704832"/>
              <a:ext cx="160883" cy="299720"/>
              <a:chOff x="5046989" y="3939464"/>
              <a:chExt cx="185575" cy="402656"/>
            </a:xfrm>
          </p:grpSpPr>
          <p:sp>
            <p:nvSpPr>
              <p:cNvPr id="317" name="圆角矩形 471">
                <a:extLst>
                  <a:ext uri="{FF2B5EF4-FFF2-40B4-BE49-F238E27FC236}">
                    <a16:creationId xmlns:a16="http://schemas.microsoft.com/office/drawing/2014/main" xmlns="" id="{835E95EB-04CA-493C-BDBB-2B7DA748DA5A}"/>
                  </a:ext>
                </a:extLst>
              </p:cNvPr>
              <p:cNvSpPr/>
              <p:nvPr/>
            </p:nvSpPr>
            <p:spPr bwMode="auto">
              <a:xfrm>
                <a:off x="5046989" y="3939464"/>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a:lnSpc>
                    <a:spcPct val="140000"/>
                  </a:lnSpc>
                  <a:buClr>
                    <a:srgbClr val="CC9900"/>
                  </a:buClr>
                  <a:buSzPct val="60000"/>
                </a:pPr>
                <a:endParaRPr lang="zh-CN" altLang="en-US" sz="1600" b="1" dirty="0">
                  <a:cs typeface="+mn-ea"/>
                  <a:sym typeface="+mn-lt"/>
                </a:endParaRPr>
              </a:p>
            </p:txBody>
          </p:sp>
          <p:sp>
            <p:nvSpPr>
              <p:cNvPr id="318" name="圆角矩形 473">
                <a:extLst>
                  <a:ext uri="{FF2B5EF4-FFF2-40B4-BE49-F238E27FC236}">
                    <a16:creationId xmlns:a16="http://schemas.microsoft.com/office/drawing/2014/main" xmlns="" id="{31685C45-898A-4ADA-80AB-325A5528E9CE}"/>
                  </a:ext>
                </a:extLst>
              </p:cNvPr>
              <p:cNvSpPr/>
              <p:nvPr/>
            </p:nvSpPr>
            <p:spPr bwMode="auto">
              <a:xfrm>
                <a:off x="5046989" y="4077482"/>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a:lnSpc>
                    <a:spcPct val="140000"/>
                  </a:lnSpc>
                  <a:buClr>
                    <a:srgbClr val="CC9900"/>
                  </a:buClr>
                  <a:buSzPct val="60000"/>
                </a:pPr>
                <a:endParaRPr lang="zh-CN" altLang="en-US" sz="1600" b="1" dirty="0">
                  <a:cs typeface="+mn-ea"/>
                  <a:sym typeface="+mn-lt"/>
                </a:endParaRPr>
              </a:p>
            </p:txBody>
          </p:sp>
          <p:sp>
            <p:nvSpPr>
              <p:cNvPr id="319" name="圆角矩形 474">
                <a:extLst>
                  <a:ext uri="{FF2B5EF4-FFF2-40B4-BE49-F238E27FC236}">
                    <a16:creationId xmlns:a16="http://schemas.microsoft.com/office/drawing/2014/main" xmlns="" id="{14225282-4AB5-42E2-9C92-EC27190216BE}"/>
                  </a:ext>
                </a:extLst>
              </p:cNvPr>
              <p:cNvSpPr/>
              <p:nvPr/>
            </p:nvSpPr>
            <p:spPr bwMode="auto">
              <a:xfrm>
                <a:off x="5046989" y="4220121"/>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a:lnSpc>
                    <a:spcPct val="140000"/>
                  </a:lnSpc>
                  <a:buClr>
                    <a:srgbClr val="CC9900"/>
                  </a:buClr>
                  <a:buSzPct val="60000"/>
                </a:pPr>
                <a:endParaRPr lang="zh-CN" altLang="en-US" sz="1600" b="1" dirty="0">
                  <a:cs typeface="+mn-ea"/>
                  <a:sym typeface="+mn-lt"/>
                </a:endParaRPr>
              </a:p>
            </p:txBody>
          </p:sp>
        </p:grpSp>
        <p:sp>
          <p:nvSpPr>
            <p:cNvPr id="316" name="Freeform 151">
              <a:extLst>
                <a:ext uri="{FF2B5EF4-FFF2-40B4-BE49-F238E27FC236}">
                  <a16:creationId xmlns:a16="http://schemas.microsoft.com/office/drawing/2014/main" xmlns="" id="{912A3752-FB51-4450-B4AF-DABB61482C01}"/>
                </a:ext>
              </a:extLst>
            </p:cNvPr>
            <p:cNvSpPr>
              <a:spLocks noEditPoints="1"/>
            </p:cNvSpPr>
            <p:nvPr/>
          </p:nvSpPr>
          <p:spPr bwMode="auto">
            <a:xfrm>
              <a:off x="171393" y="3707174"/>
              <a:ext cx="155004" cy="300556"/>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00B0F0"/>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dirty="0">
                <a:cs typeface="+mn-ea"/>
                <a:sym typeface="+mn-lt"/>
              </a:endParaRPr>
            </a:p>
          </p:txBody>
        </p:sp>
      </p:grpSp>
    </p:spTree>
    <p:extLst>
      <p:ext uri="{BB962C8B-B14F-4D97-AF65-F5344CB8AC3E}">
        <p14:creationId xmlns:p14="http://schemas.microsoft.com/office/powerpoint/2010/main" val="323270886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BFB402C0-D466-40CA-8DB5-5D31E48792F5}"/>
              </a:ext>
            </a:extLst>
          </p:cNvPr>
          <p:cNvSpPr>
            <a:spLocks noGrp="1"/>
          </p:cNvSpPr>
          <p:nvPr>
            <p:ph type="title"/>
          </p:nvPr>
        </p:nvSpPr>
        <p:spPr/>
        <p:txBody>
          <a:bodyPr/>
          <a:lstStyle/>
          <a:p>
            <a:r>
              <a:rPr lang="zh-CN" altLang="en-US"/>
              <a:t>什么是</a:t>
            </a:r>
            <a:r>
              <a:rPr lang="en-US" altLang="zh-CN"/>
              <a:t>iMaster NCE </a:t>
            </a:r>
            <a:r>
              <a:rPr lang="zh-CN" altLang="en-US"/>
              <a:t>？</a:t>
            </a:r>
          </a:p>
        </p:txBody>
      </p:sp>
      <p:sp>
        <p:nvSpPr>
          <p:cNvPr id="3" name="圆角矩形 3">
            <a:extLst>
              <a:ext uri="{FF2B5EF4-FFF2-40B4-BE49-F238E27FC236}">
                <a16:creationId xmlns:a16="http://schemas.microsoft.com/office/drawing/2014/main" xmlns="" id="{F0F4DF4A-CAAE-4265-9EDF-1815881EA2C3}"/>
              </a:ext>
            </a:extLst>
          </p:cNvPr>
          <p:cNvSpPr/>
          <p:nvPr/>
        </p:nvSpPr>
        <p:spPr>
          <a:xfrm>
            <a:off x="969819" y="2090381"/>
            <a:ext cx="10227570" cy="1759216"/>
          </a:xfrm>
          <a:prstGeom prst="roundRect">
            <a:avLst>
              <a:gd name="adj" fmla="val 3817"/>
            </a:avLst>
          </a:prstGeom>
          <a:noFill/>
          <a:ln w="25400">
            <a:gradFill flip="none" rotWithShape="1">
              <a:gsLst>
                <a:gs pos="0">
                  <a:srgbClr val="99DFF9"/>
                </a:gs>
                <a:gs pos="100000">
                  <a:srgbClr val="F3FBFE"/>
                </a:gs>
              </a:gsLst>
              <a:lin ang="5400000" scaled="1"/>
              <a:tileRect/>
            </a:gra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sz="1200">
              <a:solidFill>
                <a:prstClr val="black"/>
              </a:solidFill>
              <a:cs typeface="+mn-ea"/>
              <a:sym typeface="Huawei Sans" panose="020C0503030203020204" pitchFamily="34" charset="0"/>
            </a:endParaRPr>
          </a:p>
        </p:txBody>
      </p:sp>
      <p:sp>
        <p:nvSpPr>
          <p:cNvPr id="4" name="椭圆 3">
            <a:extLst>
              <a:ext uri="{FF2B5EF4-FFF2-40B4-BE49-F238E27FC236}">
                <a16:creationId xmlns:a16="http://schemas.microsoft.com/office/drawing/2014/main" xmlns="" id="{39ED5131-33BB-4FC7-9FAF-10E04A93FF1F}"/>
              </a:ext>
            </a:extLst>
          </p:cNvPr>
          <p:cNvSpPr/>
          <p:nvPr/>
        </p:nvSpPr>
        <p:spPr>
          <a:xfrm rot="2496350">
            <a:off x="5439111" y="3607345"/>
            <a:ext cx="1391795" cy="1391795"/>
          </a:xfrm>
          <a:prstGeom prst="ellipse">
            <a:avLst/>
          </a:prstGeom>
          <a:noFill/>
          <a:ln w="31750">
            <a:gradFill>
              <a:gsLst>
                <a:gs pos="0">
                  <a:srgbClr val="00B0F0"/>
                </a:gs>
                <a:gs pos="47000">
                  <a:srgbClr val="99DFF9"/>
                </a:gs>
                <a:gs pos="100000">
                  <a:srgbClr val="00B0F0"/>
                </a:gs>
              </a:gsLst>
              <a:lin ang="5400000" scaled="0"/>
            </a:gra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sz="1349">
              <a:solidFill>
                <a:prstClr val="black"/>
              </a:solidFill>
              <a:cs typeface="+mn-ea"/>
              <a:sym typeface="Huawei Sans" panose="020C0503030203020204" pitchFamily="34" charset="0"/>
            </a:endParaRPr>
          </a:p>
        </p:txBody>
      </p:sp>
      <p:sp>
        <p:nvSpPr>
          <p:cNvPr id="5" name="椭圆 4">
            <a:extLst>
              <a:ext uri="{FF2B5EF4-FFF2-40B4-BE49-F238E27FC236}">
                <a16:creationId xmlns:a16="http://schemas.microsoft.com/office/drawing/2014/main" xmlns="" id="{5D6D5DC5-BD2C-407E-B0A1-42D2C7F7FE2E}"/>
              </a:ext>
            </a:extLst>
          </p:cNvPr>
          <p:cNvSpPr/>
          <p:nvPr/>
        </p:nvSpPr>
        <p:spPr>
          <a:xfrm>
            <a:off x="5870026" y="3290998"/>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cs typeface="+mn-ea"/>
              <a:sym typeface="Huawei Sans" panose="020C0503030203020204" pitchFamily="34" charset="0"/>
            </a:endParaRPr>
          </a:p>
        </p:txBody>
      </p:sp>
      <p:sp>
        <p:nvSpPr>
          <p:cNvPr id="6" name="browser-setting-interface-circular-symbol-of-a-wrench-in-a-window-outlines-inside-a-circle_41892">
            <a:extLst>
              <a:ext uri="{FF2B5EF4-FFF2-40B4-BE49-F238E27FC236}">
                <a16:creationId xmlns:a16="http://schemas.microsoft.com/office/drawing/2014/main" xmlns="" id="{D5CE420C-F05E-4914-AD4D-6E66E5072B17}"/>
              </a:ext>
            </a:extLst>
          </p:cNvPr>
          <p:cNvSpPr>
            <a:spLocks noChangeAspect="1"/>
          </p:cNvSpPr>
          <p:nvPr/>
        </p:nvSpPr>
        <p:spPr bwMode="auto">
          <a:xfrm>
            <a:off x="5781564" y="3363688"/>
            <a:ext cx="673541" cy="450223"/>
          </a:xfrm>
          <a:custGeom>
            <a:avLst/>
            <a:gdLst>
              <a:gd name="connsiteX0" fmla="*/ 153550 w 609602"/>
              <a:gd name="connsiteY0" fmla="*/ 121725 h 448232"/>
              <a:gd name="connsiteX1" fmla="*/ 171615 w 609602"/>
              <a:gd name="connsiteY1" fmla="*/ 139767 h 448232"/>
              <a:gd name="connsiteX2" fmla="*/ 171615 w 609602"/>
              <a:gd name="connsiteY2" fmla="*/ 199159 h 448232"/>
              <a:gd name="connsiteX3" fmla="*/ 153550 w 609602"/>
              <a:gd name="connsiteY3" fmla="*/ 217200 h 448232"/>
              <a:gd name="connsiteX4" fmla="*/ 135486 w 609602"/>
              <a:gd name="connsiteY4" fmla="*/ 199159 h 448232"/>
              <a:gd name="connsiteX5" fmla="*/ 135486 w 609602"/>
              <a:gd name="connsiteY5" fmla="*/ 139767 h 448232"/>
              <a:gd name="connsiteX6" fmla="*/ 153550 w 609602"/>
              <a:gd name="connsiteY6" fmla="*/ 121725 h 448232"/>
              <a:gd name="connsiteX7" fmla="*/ 18064 w 609602"/>
              <a:gd name="connsiteY7" fmla="*/ 121725 h 448232"/>
              <a:gd name="connsiteX8" fmla="*/ 36129 w 609602"/>
              <a:gd name="connsiteY8" fmla="*/ 139767 h 448232"/>
              <a:gd name="connsiteX9" fmla="*/ 36129 w 609602"/>
              <a:gd name="connsiteY9" fmla="*/ 199159 h 448232"/>
              <a:gd name="connsiteX10" fmla="*/ 18064 w 609602"/>
              <a:gd name="connsiteY10" fmla="*/ 217200 h 448232"/>
              <a:gd name="connsiteX11" fmla="*/ 0 w 609602"/>
              <a:gd name="connsiteY11" fmla="*/ 199159 h 448232"/>
              <a:gd name="connsiteX12" fmla="*/ 0 w 609602"/>
              <a:gd name="connsiteY12" fmla="*/ 139767 h 448232"/>
              <a:gd name="connsiteX13" fmla="*/ 18064 w 609602"/>
              <a:gd name="connsiteY13" fmla="*/ 121725 h 448232"/>
              <a:gd name="connsiteX14" fmla="*/ 221314 w 609602"/>
              <a:gd name="connsiteY14" fmla="*/ 47279 h 448232"/>
              <a:gd name="connsiteX15" fmla="*/ 239287 w 609602"/>
              <a:gd name="connsiteY15" fmla="*/ 65325 h 448232"/>
              <a:gd name="connsiteX16" fmla="*/ 239287 w 609602"/>
              <a:gd name="connsiteY16" fmla="*/ 199155 h 448232"/>
              <a:gd name="connsiteX17" fmla="*/ 221314 w 609602"/>
              <a:gd name="connsiteY17" fmla="*/ 217201 h 448232"/>
              <a:gd name="connsiteX18" fmla="*/ 203228 w 609602"/>
              <a:gd name="connsiteY18" fmla="*/ 199155 h 448232"/>
              <a:gd name="connsiteX19" fmla="*/ 203228 w 609602"/>
              <a:gd name="connsiteY19" fmla="*/ 65325 h 448232"/>
              <a:gd name="connsiteX20" fmla="*/ 221314 w 609602"/>
              <a:gd name="connsiteY20" fmla="*/ 47279 h 448232"/>
              <a:gd name="connsiteX21" fmla="*/ 85751 w 609602"/>
              <a:gd name="connsiteY21" fmla="*/ 47279 h 448232"/>
              <a:gd name="connsiteX22" fmla="*/ 103801 w 609602"/>
              <a:gd name="connsiteY22" fmla="*/ 65325 h 448232"/>
              <a:gd name="connsiteX23" fmla="*/ 103801 w 609602"/>
              <a:gd name="connsiteY23" fmla="*/ 199155 h 448232"/>
              <a:gd name="connsiteX24" fmla="*/ 85751 w 609602"/>
              <a:gd name="connsiteY24" fmla="*/ 217201 h 448232"/>
              <a:gd name="connsiteX25" fmla="*/ 67813 w 609602"/>
              <a:gd name="connsiteY25" fmla="*/ 199155 h 448232"/>
              <a:gd name="connsiteX26" fmla="*/ 67813 w 609602"/>
              <a:gd name="connsiteY26" fmla="*/ 65325 h 448232"/>
              <a:gd name="connsiteX27" fmla="*/ 85751 w 609602"/>
              <a:gd name="connsiteY27" fmla="*/ 47279 h 448232"/>
              <a:gd name="connsiteX28" fmla="*/ 338920 w 609602"/>
              <a:gd name="connsiteY28" fmla="*/ 19970 h 448232"/>
              <a:gd name="connsiteX29" fmla="*/ 450806 w 609602"/>
              <a:gd name="connsiteY29" fmla="*/ 66248 h 448232"/>
              <a:gd name="connsiteX30" fmla="*/ 497155 w 609602"/>
              <a:gd name="connsiteY30" fmla="*/ 177963 h 448232"/>
              <a:gd name="connsiteX31" fmla="*/ 468538 w 609602"/>
              <a:gd name="connsiteY31" fmla="*/ 268613 h 448232"/>
              <a:gd name="connsiteX32" fmla="*/ 601523 w 609602"/>
              <a:gd name="connsiteY32" fmla="*/ 401395 h 448232"/>
              <a:gd name="connsiteX33" fmla="*/ 601523 w 609602"/>
              <a:gd name="connsiteY33" fmla="*/ 440165 h 448232"/>
              <a:gd name="connsiteX34" fmla="*/ 582108 w 609602"/>
              <a:gd name="connsiteY34" fmla="*/ 448232 h 448232"/>
              <a:gd name="connsiteX35" fmla="*/ 562693 w 609602"/>
              <a:gd name="connsiteY35" fmla="*/ 440165 h 448232"/>
              <a:gd name="connsiteX36" fmla="*/ 429708 w 609602"/>
              <a:gd name="connsiteY36" fmla="*/ 307383 h 448232"/>
              <a:gd name="connsiteX37" fmla="*/ 338920 w 609602"/>
              <a:gd name="connsiteY37" fmla="*/ 335956 h 448232"/>
              <a:gd name="connsiteX38" fmla="*/ 227033 w 609602"/>
              <a:gd name="connsiteY38" fmla="*/ 289679 h 448232"/>
              <a:gd name="connsiteX39" fmla="*/ 186857 w 609602"/>
              <a:gd name="connsiteY39" fmla="*/ 222224 h 448232"/>
              <a:gd name="connsiteX40" fmla="*/ 187418 w 609602"/>
              <a:gd name="connsiteY40" fmla="*/ 221551 h 448232"/>
              <a:gd name="connsiteX41" fmla="*/ 221310 w 609602"/>
              <a:gd name="connsiteY41" fmla="*/ 239704 h 448232"/>
              <a:gd name="connsiteX42" fmla="*/ 241510 w 609602"/>
              <a:gd name="connsiteY42" fmla="*/ 234325 h 448232"/>
              <a:gd name="connsiteX43" fmla="*/ 259353 w 609602"/>
              <a:gd name="connsiteY43" fmla="*/ 257408 h 448232"/>
              <a:gd name="connsiteX44" fmla="*/ 338920 w 609602"/>
              <a:gd name="connsiteY44" fmla="*/ 290351 h 448232"/>
              <a:gd name="connsiteX45" fmla="*/ 418486 w 609602"/>
              <a:gd name="connsiteY45" fmla="*/ 257408 h 448232"/>
              <a:gd name="connsiteX46" fmla="*/ 451480 w 609602"/>
              <a:gd name="connsiteY46" fmla="*/ 177963 h 448232"/>
              <a:gd name="connsiteX47" fmla="*/ 418486 w 609602"/>
              <a:gd name="connsiteY47" fmla="*/ 98519 h 448232"/>
              <a:gd name="connsiteX48" fmla="*/ 338920 w 609602"/>
              <a:gd name="connsiteY48" fmla="*/ 65575 h 448232"/>
              <a:gd name="connsiteX49" fmla="*/ 329605 w 609602"/>
              <a:gd name="connsiteY49" fmla="*/ 66024 h 448232"/>
              <a:gd name="connsiteX50" fmla="*/ 329605 w 609602"/>
              <a:gd name="connsiteY50" fmla="*/ 20194 h 448232"/>
              <a:gd name="connsiteX51" fmla="*/ 338920 w 609602"/>
              <a:gd name="connsiteY51" fmla="*/ 19970 h 448232"/>
              <a:gd name="connsiteX52" fmla="*/ 288966 w 609602"/>
              <a:gd name="connsiteY52" fmla="*/ 0 h 448232"/>
              <a:gd name="connsiteX53" fmla="*/ 307030 w 609602"/>
              <a:gd name="connsiteY53" fmla="*/ 18044 h 448232"/>
              <a:gd name="connsiteX54" fmla="*/ 307030 w 609602"/>
              <a:gd name="connsiteY54" fmla="*/ 199157 h 448232"/>
              <a:gd name="connsiteX55" fmla="*/ 288966 w 609602"/>
              <a:gd name="connsiteY55" fmla="*/ 217201 h 448232"/>
              <a:gd name="connsiteX56" fmla="*/ 270901 w 609602"/>
              <a:gd name="connsiteY56" fmla="*/ 199157 h 448232"/>
              <a:gd name="connsiteX57" fmla="*/ 270901 w 609602"/>
              <a:gd name="connsiteY57" fmla="*/ 18044 h 448232"/>
              <a:gd name="connsiteX58" fmla="*/ 288966 w 609602"/>
              <a:gd name="connsiteY58" fmla="*/ 0 h 4482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Lst>
            <a:rect l="l" t="t" r="r" b="b"/>
            <a:pathLst>
              <a:path w="609602" h="448232">
                <a:moveTo>
                  <a:pt x="153550" y="121725"/>
                </a:moveTo>
                <a:cubicBezTo>
                  <a:pt x="163536" y="121725"/>
                  <a:pt x="171615" y="129794"/>
                  <a:pt x="171615" y="139767"/>
                </a:cubicBezTo>
                <a:lnTo>
                  <a:pt x="171615" y="199159"/>
                </a:lnTo>
                <a:cubicBezTo>
                  <a:pt x="171615" y="209132"/>
                  <a:pt x="163536" y="217200"/>
                  <a:pt x="153550" y="217200"/>
                </a:cubicBezTo>
                <a:cubicBezTo>
                  <a:pt x="143565" y="217200"/>
                  <a:pt x="135486" y="209132"/>
                  <a:pt x="135486" y="199159"/>
                </a:cubicBezTo>
                <a:lnTo>
                  <a:pt x="135486" y="139767"/>
                </a:lnTo>
                <a:cubicBezTo>
                  <a:pt x="135486" y="129794"/>
                  <a:pt x="143565" y="121725"/>
                  <a:pt x="153550" y="121725"/>
                </a:cubicBezTo>
                <a:close/>
                <a:moveTo>
                  <a:pt x="18064" y="121725"/>
                </a:moveTo>
                <a:cubicBezTo>
                  <a:pt x="28050" y="121725"/>
                  <a:pt x="36129" y="129794"/>
                  <a:pt x="36129" y="139767"/>
                </a:cubicBezTo>
                <a:lnTo>
                  <a:pt x="36129" y="199159"/>
                </a:lnTo>
                <a:cubicBezTo>
                  <a:pt x="36129" y="209132"/>
                  <a:pt x="28050" y="217200"/>
                  <a:pt x="18064" y="217200"/>
                </a:cubicBezTo>
                <a:cubicBezTo>
                  <a:pt x="8079" y="217200"/>
                  <a:pt x="0" y="209132"/>
                  <a:pt x="0" y="199159"/>
                </a:cubicBezTo>
                <a:lnTo>
                  <a:pt x="0" y="139767"/>
                </a:lnTo>
                <a:cubicBezTo>
                  <a:pt x="0" y="129794"/>
                  <a:pt x="8079" y="121725"/>
                  <a:pt x="18064" y="121725"/>
                </a:cubicBezTo>
                <a:close/>
                <a:moveTo>
                  <a:pt x="221314" y="47279"/>
                </a:moveTo>
                <a:cubicBezTo>
                  <a:pt x="231199" y="47279"/>
                  <a:pt x="239287" y="55349"/>
                  <a:pt x="239287" y="65325"/>
                </a:cubicBezTo>
                <a:lnTo>
                  <a:pt x="239287" y="199155"/>
                </a:lnTo>
                <a:cubicBezTo>
                  <a:pt x="239287" y="209131"/>
                  <a:pt x="231199" y="217201"/>
                  <a:pt x="221314" y="217201"/>
                </a:cubicBezTo>
                <a:cubicBezTo>
                  <a:pt x="211316" y="217201"/>
                  <a:pt x="203228" y="209131"/>
                  <a:pt x="203228" y="199155"/>
                </a:cubicBezTo>
                <a:lnTo>
                  <a:pt x="203228" y="65325"/>
                </a:lnTo>
                <a:cubicBezTo>
                  <a:pt x="203228" y="55349"/>
                  <a:pt x="211316" y="47279"/>
                  <a:pt x="221314" y="47279"/>
                </a:cubicBezTo>
                <a:close/>
                <a:moveTo>
                  <a:pt x="85751" y="47279"/>
                </a:moveTo>
                <a:cubicBezTo>
                  <a:pt x="95729" y="47279"/>
                  <a:pt x="103801" y="55349"/>
                  <a:pt x="103801" y="65325"/>
                </a:cubicBezTo>
                <a:lnTo>
                  <a:pt x="103801" y="199155"/>
                </a:lnTo>
                <a:cubicBezTo>
                  <a:pt x="103801" y="209131"/>
                  <a:pt x="95729" y="217201"/>
                  <a:pt x="85751" y="217201"/>
                </a:cubicBezTo>
                <a:cubicBezTo>
                  <a:pt x="75885" y="217201"/>
                  <a:pt x="67813" y="209131"/>
                  <a:pt x="67813" y="199155"/>
                </a:cubicBezTo>
                <a:lnTo>
                  <a:pt x="67813" y="65325"/>
                </a:lnTo>
                <a:cubicBezTo>
                  <a:pt x="67813" y="55349"/>
                  <a:pt x="75885" y="47279"/>
                  <a:pt x="85751" y="47279"/>
                </a:cubicBezTo>
                <a:close/>
                <a:moveTo>
                  <a:pt x="338920" y="19970"/>
                </a:moveTo>
                <a:cubicBezTo>
                  <a:pt x="381228" y="19970"/>
                  <a:pt x="420955" y="36329"/>
                  <a:pt x="450806" y="66248"/>
                </a:cubicBezTo>
                <a:cubicBezTo>
                  <a:pt x="480770" y="96053"/>
                  <a:pt x="497155" y="135720"/>
                  <a:pt x="497155" y="177963"/>
                </a:cubicBezTo>
                <a:cubicBezTo>
                  <a:pt x="497155" y="210907"/>
                  <a:pt x="487167" y="242281"/>
                  <a:pt x="468538" y="268613"/>
                </a:cubicBezTo>
                <a:lnTo>
                  <a:pt x="601523" y="401395"/>
                </a:lnTo>
                <a:cubicBezTo>
                  <a:pt x="612296" y="412152"/>
                  <a:pt x="612296" y="429520"/>
                  <a:pt x="601523" y="440165"/>
                </a:cubicBezTo>
                <a:cubicBezTo>
                  <a:pt x="596248" y="445543"/>
                  <a:pt x="589178" y="448232"/>
                  <a:pt x="582108" y="448232"/>
                </a:cubicBezTo>
                <a:cubicBezTo>
                  <a:pt x="575150" y="448232"/>
                  <a:pt x="568080" y="445543"/>
                  <a:pt x="562693" y="440165"/>
                </a:cubicBezTo>
                <a:lnTo>
                  <a:pt x="429708" y="307383"/>
                </a:lnTo>
                <a:cubicBezTo>
                  <a:pt x="403336" y="325984"/>
                  <a:pt x="371913" y="335956"/>
                  <a:pt x="338920" y="335956"/>
                </a:cubicBezTo>
                <a:cubicBezTo>
                  <a:pt x="296612" y="335956"/>
                  <a:pt x="256884" y="319597"/>
                  <a:pt x="227033" y="289679"/>
                </a:cubicBezTo>
                <a:cubicBezTo>
                  <a:pt x="207843" y="270630"/>
                  <a:pt x="194264" y="247435"/>
                  <a:pt x="186857" y="222224"/>
                </a:cubicBezTo>
                <a:cubicBezTo>
                  <a:pt x="187081" y="222000"/>
                  <a:pt x="187194" y="221776"/>
                  <a:pt x="187418" y="221551"/>
                </a:cubicBezTo>
                <a:cubicBezTo>
                  <a:pt x="194713" y="232533"/>
                  <a:pt x="207169" y="239704"/>
                  <a:pt x="221310" y="239704"/>
                </a:cubicBezTo>
                <a:cubicBezTo>
                  <a:pt x="228604" y="239704"/>
                  <a:pt x="235562" y="237687"/>
                  <a:pt x="241510" y="234325"/>
                </a:cubicBezTo>
                <a:cubicBezTo>
                  <a:pt x="246335" y="242617"/>
                  <a:pt x="252283" y="250349"/>
                  <a:pt x="259353" y="257408"/>
                </a:cubicBezTo>
                <a:cubicBezTo>
                  <a:pt x="280564" y="278586"/>
                  <a:pt x="308844" y="290351"/>
                  <a:pt x="338920" y="290351"/>
                </a:cubicBezTo>
                <a:cubicBezTo>
                  <a:pt x="368996" y="290351"/>
                  <a:pt x="397164" y="278586"/>
                  <a:pt x="418486" y="257408"/>
                </a:cubicBezTo>
                <a:cubicBezTo>
                  <a:pt x="439696" y="236230"/>
                  <a:pt x="451480" y="207993"/>
                  <a:pt x="451480" y="177963"/>
                </a:cubicBezTo>
                <a:cubicBezTo>
                  <a:pt x="451480" y="147933"/>
                  <a:pt x="439696" y="119696"/>
                  <a:pt x="418486" y="98519"/>
                </a:cubicBezTo>
                <a:cubicBezTo>
                  <a:pt x="397164" y="77229"/>
                  <a:pt x="368996" y="65575"/>
                  <a:pt x="338920" y="65575"/>
                </a:cubicBezTo>
                <a:cubicBezTo>
                  <a:pt x="335777" y="65575"/>
                  <a:pt x="332747" y="65799"/>
                  <a:pt x="329605" y="66024"/>
                </a:cubicBezTo>
                <a:lnTo>
                  <a:pt x="329605" y="20194"/>
                </a:lnTo>
                <a:cubicBezTo>
                  <a:pt x="332747" y="19970"/>
                  <a:pt x="335777" y="19970"/>
                  <a:pt x="338920" y="19970"/>
                </a:cubicBezTo>
                <a:close/>
                <a:moveTo>
                  <a:pt x="288966" y="0"/>
                </a:moveTo>
                <a:cubicBezTo>
                  <a:pt x="298951" y="0"/>
                  <a:pt x="307030" y="8069"/>
                  <a:pt x="307030" y="18044"/>
                </a:cubicBezTo>
                <a:lnTo>
                  <a:pt x="307030" y="199157"/>
                </a:lnTo>
                <a:cubicBezTo>
                  <a:pt x="307030" y="209132"/>
                  <a:pt x="298951" y="217201"/>
                  <a:pt x="288966" y="217201"/>
                </a:cubicBezTo>
                <a:cubicBezTo>
                  <a:pt x="278980" y="217201"/>
                  <a:pt x="270901" y="209132"/>
                  <a:pt x="270901" y="199157"/>
                </a:cubicBezTo>
                <a:lnTo>
                  <a:pt x="270901" y="18044"/>
                </a:lnTo>
                <a:cubicBezTo>
                  <a:pt x="270901" y="8069"/>
                  <a:pt x="278980" y="0"/>
                  <a:pt x="288966" y="0"/>
                </a:cubicBezTo>
                <a:close/>
              </a:path>
            </a:pathLst>
          </a:custGeom>
          <a:solidFill>
            <a:srgbClr val="00B0F0"/>
          </a:solidFill>
          <a:ln>
            <a:noFill/>
          </a:ln>
        </p:spPr>
        <p:txBody>
          <a:bodyPr/>
          <a:lstStyle/>
          <a:p>
            <a:pPr defTabSz="914112"/>
            <a:endParaRPr lang="zh-CN" altLang="en-US" sz="1799">
              <a:solidFill>
                <a:srgbClr val="1D1D1A"/>
              </a:solidFill>
              <a:cs typeface="+mn-ea"/>
              <a:sym typeface="Huawei Sans" panose="020C0503030203020204" pitchFamily="34" charset="0"/>
            </a:endParaRPr>
          </a:p>
        </p:txBody>
      </p:sp>
      <p:sp>
        <p:nvSpPr>
          <p:cNvPr id="7" name="椭圆 6">
            <a:extLst>
              <a:ext uri="{FF2B5EF4-FFF2-40B4-BE49-F238E27FC236}">
                <a16:creationId xmlns:a16="http://schemas.microsoft.com/office/drawing/2014/main" xmlns="" id="{9B953947-44E4-4489-8D6E-45C31DE84EDC}"/>
              </a:ext>
            </a:extLst>
          </p:cNvPr>
          <p:cNvSpPr/>
          <p:nvPr/>
        </p:nvSpPr>
        <p:spPr>
          <a:xfrm>
            <a:off x="5409996" y="4451876"/>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cs typeface="+mn-ea"/>
              <a:sym typeface="Huawei Sans" panose="020C0503030203020204" pitchFamily="34" charset="0"/>
            </a:endParaRPr>
          </a:p>
        </p:txBody>
      </p:sp>
      <p:sp>
        <p:nvSpPr>
          <p:cNvPr id="8" name="browser-setting-interface-circular-symbol-of-a-wrench-in-a-window-outlines-inside-a-circle_41892">
            <a:extLst>
              <a:ext uri="{FF2B5EF4-FFF2-40B4-BE49-F238E27FC236}">
                <a16:creationId xmlns:a16="http://schemas.microsoft.com/office/drawing/2014/main" xmlns="" id="{205A7B4C-9AA8-4AD1-9DC3-72A79729B929}"/>
              </a:ext>
            </a:extLst>
          </p:cNvPr>
          <p:cNvSpPr>
            <a:spLocks noChangeAspect="1"/>
          </p:cNvSpPr>
          <p:nvPr/>
        </p:nvSpPr>
        <p:spPr bwMode="auto">
          <a:xfrm>
            <a:off x="5437448" y="4570161"/>
            <a:ext cx="538595" cy="389707"/>
          </a:xfrm>
          <a:custGeom>
            <a:avLst/>
            <a:gdLst>
              <a:gd name="connsiteX0" fmla="*/ 311666 w 576804"/>
              <a:gd name="connsiteY0" fmla="*/ 251897 h 459094"/>
              <a:gd name="connsiteX1" fmla="*/ 302194 w 576804"/>
              <a:gd name="connsiteY1" fmla="*/ 262214 h 459094"/>
              <a:gd name="connsiteX2" fmla="*/ 291861 w 576804"/>
              <a:gd name="connsiteY2" fmla="*/ 271672 h 459094"/>
              <a:gd name="connsiteX3" fmla="*/ 381414 w 576804"/>
              <a:gd name="connsiteY3" fmla="*/ 361090 h 459094"/>
              <a:gd name="connsiteX4" fmla="*/ 401219 w 576804"/>
              <a:gd name="connsiteY4" fmla="*/ 341315 h 459094"/>
              <a:gd name="connsiteX5" fmla="*/ 239334 w 576804"/>
              <a:gd name="connsiteY5" fmla="*/ 147002 h 459094"/>
              <a:gd name="connsiteX6" fmla="*/ 271195 w 576804"/>
              <a:gd name="connsiteY6" fmla="*/ 178815 h 459094"/>
              <a:gd name="connsiteX7" fmla="*/ 271195 w 576804"/>
              <a:gd name="connsiteY7" fmla="*/ 194291 h 459094"/>
              <a:gd name="connsiteX8" fmla="*/ 234168 w 576804"/>
              <a:gd name="connsiteY8" fmla="*/ 230402 h 459094"/>
              <a:gd name="connsiteX9" fmla="*/ 218668 w 576804"/>
              <a:gd name="connsiteY9" fmla="*/ 230402 h 459094"/>
              <a:gd name="connsiteX10" fmla="*/ 186808 w 576804"/>
              <a:gd name="connsiteY10" fmla="*/ 199449 h 459094"/>
              <a:gd name="connsiteX11" fmla="*/ 203169 w 576804"/>
              <a:gd name="connsiteY11" fmla="*/ 245878 h 459094"/>
              <a:gd name="connsiteX12" fmla="*/ 244501 w 576804"/>
              <a:gd name="connsiteY12" fmla="*/ 263074 h 459094"/>
              <a:gd name="connsiteX13" fmla="*/ 285833 w 576804"/>
              <a:gd name="connsiteY13" fmla="*/ 245878 h 459094"/>
              <a:gd name="connsiteX14" fmla="*/ 285833 w 576804"/>
              <a:gd name="connsiteY14" fmla="*/ 163338 h 459094"/>
              <a:gd name="connsiteX15" fmla="*/ 239334 w 576804"/>
              <a:gd name="connsiteY15" fmla="*/ 147002 h 459094"/>
              <a:gd name="connsiteX16" fmla="*/ 244501 w 576804"/>
              <a:gd name="connsiteY16" fmla="*/ 123788 h 459094"/>
              <a:gd name="connsiteX17" fmla="*/ 302194 w 576804"/>
              <a:gd name="connsiteY17" fmla="*/ 147002 h 459094"/>
              <a:gd name="connsiteX18" fmla="*/ 321999 w 576804"/>
              <a:gd name="connsiteY18" fmla="*/ 229542 h 459094"/>
              <a:gd name="connsiteX19" fmla="*/ 426191 w 576804"/>
              <a:gd name="connsiteY19" fmla="*/ 333577 h 459094"/>
              <a:gd name="connsiteX20" fmla="*/ 426191 w 576804"/>
              <a:gd name="connsiteY20" fmla="*/ 349913 h 459094"/>
              <a:gd name="connsiteX21" fmla="*/ 390025 w 576804"/>
              <a:gd name="connsiteY21" fmla="*/ 386024 h 459094"/>
              <a:gd name="connsiteX22" fmla="*/ 381414 w 576804"/>
              <a:gd name="connsiteY22" fmla="*/ 389463 h 459094"/>
              <a:gd name="connsiteX23" fmla="*/ 373664 w 576804"/>
              <a:gd name="connsiteY23" fmla="*/ 386024 h 459094"/>
              <a:gd name="connsiteX24" fmla="*/ 269473 w 576804"/>
              <a:gd name="connsiteY24" fmla="*/ 281989 h 459094"/>
              <a:gd name="connsiteX25" fmla="*/ 244501 w 576804"/>
              <a:gd name="connsiteY25" fmla="*/ 285428 h 459094"/>
              <a:gd name="connsiteX26" fmla="*/ 186808 w 576804"/>
              <a:gd name="connsiteY26" fmla="*/ 262214 h 459094"/>
              <a:gd name="connsiteX27" fmla="*/ 170447 w 576804"/>
              <a:gd name="connsiteY27" fmla="*/ 172796 h 459094"/>
              <a:gd name="connsiteX28" fmla="*/ 178197 w 576804"/>
              <a:gd name="connsiteY28" fmla="*/ 165918 h 459094"/>
              <a:gd name="connsiteX29" fmla="*/ 188530 w 576804"/>
              <a:gd name="connsiteY29" fmla="*/ 168497 h 459094"/>
              <a:gd name="connsiteX30" fmla="*/ 226418 w 576804"/>
              <a:gd name="connsiteY30" fmla="*/ 206328 h 459094"/>
              <a:gd name="connsiteX31" fmla="*/ 246223 w 576804"/>
              <a:gd name="connsiteY31" fmla="*/ 186553 h 459094"/>
              <a:gd name="connsiteX32" fmla="*/ 208335 w 576804"/>
              <a:gd name="connsiteY32" fmla="*/ 148722 h 459094"/>
              <a:gd name="connsiteX33" fmla="*/ 205752 w 576804"/>
              <a:gd name="connsiteY33" fmla="*/ 138404 h 459094"/>
              <a:gd name="connsiteX34" fmla="*/ 212641 w 576804"/>
              <a:gd name="connsiteY34" fmla="*/ 129807 h 459094"/>
              <a:gd name="connsiteX35" fmla="*/ 244501 w 576804"/>
              <a:gd name="connsiteY35" fmla="*/ 123788 h 459094"/>
              <a:gd name="connsiteX36" fmla="*/ 55153 w 576804"/>
              <a:gd name="connsiteY36" fmla="*/ 100587 h 459094"/>
              <a:gd name="connsiteX37" fmla="*/ 55153 w 576804"/>
              <a:gd name="connsiteY37" fmla="*/ 220985 h 459094"/>
              <a:gd name="connsiteX38" fmla="*/ 55153 w 576804"/>
              <a:gd name="connsiteY38" fmla="*/ 294083 h 459094"/>
              <a:gd name="connsiteX39" fmla="*/ 55153 w 576804"/>
              <a:gd name="connsiteY39" fmla="*/ 403300 h 459094"/>
              <a:gd name="connsiteX40" fmla="*/ 160158 w 576804"/>
              <a:gd name="connsiteY40" fmla="*/ 403300 h 459094"/>
              <a:gd name="connsiteX41" fmla="*/ 233317 w 576804"/>
              <a:gd name="connsiteY41" fmla="*/ 403300 h 459094"/>
              <a:gd name="connsiteX42" fmla="*/ 521651 w 576804"/>
              <a:gd name="connsiteY42" fmla="*/ 403300 h 459094"/>
              <a:gd name="connsiteX43" fmla="*/ 521651 w 576804"/>
              <a:gd name="connsiteY43" fmla="*/ 100587 h 459094"/>
              <a:gd name="connsiteX44" fmla="*/ 43964 w 576804"/>
              <a:gd name="connsiteY44" fmla="*/ 77368 h 459094"/>
              <a:gd name="connsiteX45" fmla="*/ 533701 w 576804"/>
              <a:gd name="connsiteY45" fmla="*/ 77368 h 459094"/>
              <a:gd name="connsiteX46" fmla="*/ 544890 w 576804"/>
              <a:gd name="connsiteY46" fmla="*/ 88548 h 459094"/>
              <a:gd name="connsiteX47" fmla="*/ 544890 w 576804"/>
              <a:gd name="connsiteY47" fmla="*/ 414480 h 459094"/>
              <a:gd name="connsiteX48" fmla="*/ 533701 w 576804"/>
              <a:gd name="connsiteY48" fmla="*/ 425660 h 459094"/>
              <a:gd name="connsiteX49" fmla="*/ 233317 w 576804"/>
              <a:gd name="connsiteY49" fmla="*/ 425660 h 459094"/>
              <a:gd name="connsiteX50" fmla="*/ 160158 w 576804"/>
              <a:gd name="connsiteY50" fmla="*/ 425660 h 459094"/>
              <a:gd name="connsiteX51" fmla="*/ 43964 w 576804"/>
              <a:gd name="connsiteY51" fmla="*/ 425660 h 459094"/>
              <a:gd name="connsiteX52" fmla="*/ 31914 w 576804"/>
              <a:gd name="connsiteY52" fmla="*/ 414480 h 459094"/>
              <a:gd name="connsiteX53" fmla="*/ 31914 w 576804"/>
              <a:gd name="connsiteY53" fmla="*/ 294083 h 459094"/>
              <a:gd name="connsiteX54" fmla="*/ 31914 w 576804"/>
              <a:gd name="connsiteY54" fmla="*/ 220985 h 459094"/>
              <a:gd name="connsiteX55" fmla="*/ 31914 w 576804"/>
              <a:gd name="connsiteY55" fmla="*/ 88548 h 459094"/>
              <a:gd name="connsiteX56" fmla="*/ 43964 w 576804"/>
              <a:gd name="connsiteY56" fmla="*/ 77368 h 459094"/>
              <a:gd name="connsiteX57" fmla="*/ 520864 w 576804"/>
              <a:gd name="connsiteY57" fmla="*/ 39513 h 459094"/>
              <a:gd name="connsiteX58" fmla="*/ 533791 w 576804"/>
              <a:gd name="connsiteY58" fmla="*/ 39513 h 459094"/>
              <a:gd name="connsiteX59" fmla="*/ 545857 w 576804"/>
              <a:gd name="connsiteY59" fmla="*/ 50704 h 459094"/>
              <a:gd name="connsiteX60" fmla="*/ 533791 w 576804"/>
              <a:gd name="connsiteY60" fmla="*/ 61894 h 459094"/>
              <a:gd name="connsiteX61" fmla="*/ 520864 w 576804"/>
              <a:gd name="connsiteY61" fmla="*/ 61894 h 459094"/>
              <a:gd name="connsiteX62" fmla="*/ 509660 w 576804"/>
              <a:gd name="connsiteY62" fmla="*/ 50704 h 459094"/>
              <a:gd name="connsiteX63" fmla="*/ 520864 w 576804"/>
              <a:gd name="connsiteY63" fmla="*/ 39513 h 459094"/>
              <a:gd name="connsiteX64" fmla="*/ 465739 w 576804"/>
              <a:gd name="connsiteY64" fmla="*/ 39513 h 459094"/>
              <a:gd name="connsiteX65" fmla="*/ 478666 w 576804"/>
              <a:gd name="connsiteY65" fmla="*/ 39513 h 459094"/>
              <a:gd name="connsiteX66" fmla="*/ 490732 w 576804"/>
              <a:gd name="connsiteY66" fmla="*/ 50704 h 459094"/>
              <a:gd name="connsiteX67" fmla="*/ 478666 w 576804"/>
              <a:gd name="connsiteY67" fmla="*/ 61894 h 459094"/>
              <a:gd name="connsiteX68" fmla="*/ 465739 w 576804"/>
              <a:gd name="connsiteY68" fmla="*/ 61894 h 459094"/>
              <a:gd name="connsiteX69" fmla="*/ 454535 w 576804"/>
              <a:gd name="connsiteY69" fmla="*/ 50704 h 459094"/>
              <a:gd name="connsiteX70" fmla="*/ 465739 w 576804"/>
              <a:gd name="connsiteY70" fmla="*/ 39513 h 459094"/>
              <a:gd name="connsiteX71" fmla="*/ 411477 w 576804"/>
              <a:gd name="connsiteY71" fmla="*/ 39513 h 459094"/>
              <a:gd name="connsiteX72" fmla="*/ 423542 w 576804"/>
              <a:gd name="connsiteY72" fmla="*/ 39513 h 459094"/>
              <a:gd name="connsiteX73" fmla="*/ 435608 w 576804"/>
              <a:gd name="connsiteY73" fmla="*/ 50704 h 459094"/>
              <a:gd name="connsiteX74" fmla="*/ 423542 w 576804"/>
              <a:gd name="connsiteY74" fmla="*/ 61894 h 459094"/>
              <a:gd name="connsiteX75" fmla="*/ 411477 w 576804"/>
              <a:gd name="connsiteY75" fmla="*/ 61894 h 459094"/>
              <a:gd name="connsiteX76" fmla="*/ 399411 w 576804"/>
              <a:gd name="connsiteY76" fmla="*/ 50704 h 459094"/>
              <a:gd name="connsiteX77" fmla="*/ 411477 w 576804"/>
              <a:gd name="connsiteY77" fmla="*/ 39513 h 459094"/>
              <a:gd name="connsiteX78" fmla="*/ 23244 w 576804"/>
              <a:gd name="connsiteY78" fmla="*/ 23213 h 459094"/>
              <a:gd name="connsiteX79" fmla="*/ 23244 w 576804"/>
              <a:gd name="connsiteY79" fmla="*/ 256199 h 459094"/>
              <a:gd name="connsiteX80" fmla="*/ 23244 w 576804"/>
              <a:gd name="connsiteY80" fmla="*/ 300045 h 459094"/>
              <a:gd name="connsiteX81" fmla="*/ 23244 w 576804"/>
              <a:gd name="connsiteY81" fmla="*/ 435881 h 459094"/>
              <a:gd name="connsiteX82" fmla="*/ 153240 w 576804"/>
              <a:gd name="connsiteY82" fmla="*/ 435881 h 459094"/>
              <a:gd name="connsiteX83" fmla="*/ 197146 w 576804"/>
              <a:gd name="connsiteY83" fmla="*/ 435881 h 459094"/>
              <a:gd name="connsiteX84" fmla="*/ 554421 w 576804"/>
              <a:gd name="connsiteY84" fmla="*/ 435881 h 459094"/>
              <a:gd name="connsiteX85" fmla="*/ 554421 w 576804"/>
              <a:gd name="connsiteY85" fmla="*/ 23213 h 459094"/>
              <a:gd name="connsiteX86" fmla="*/ 11192 w 576804"/>
              <a:gd name="connsiteY86" fmla="*/ 0 h 459094"/>
              <a:gd name="connsiteX87" fmla="*/ 565612 w 576804"/>
              <a:gd name="connsiteY87" fmla="*/ 0 h 459094"/>
              <a:gd name="connsiteX88" fmla="*/ 576804 w 576804"/>
              <a:gd name="connsiteY88" fmla="*/ 12036 h 459094"/>
              <a:gd name="connsiteX89" fmla="*/ 576804 w 576804"/>
              <a:gd name="connsiteY89" fmla="*/ 447918 h 459094"/>
              <a:gd name="connsiteX90" fmla="*/ 565612 w 576804"/>
              <a:gd name="connsiteY90" fmla="*/ 459094 h 459094"/>
              <a:gd name="connsiteX91" fmla="*/ 197146 w 576804"/>
              <a:gd name="connsiteY91" fmla="*/ 459094 h 459094"/>
              <a:gd name="connsiteX92" fmla="*/ 153240 w 576804"/>
              <a:gd name="connsiteY92" fmla="*/ 459094 h 459094"/>
              <a:gd name="connsiteX93" fmla="*/ 11192 w 576804"/>
              <a:gd name="connsiteY93" fmla="*/ 459094 h 459094"/>
              <a:gd name="connsiteX94" fmla="*/ 0 w 576804"/>
              <a:gd name="connsiteY94" fmla="*/ 447918 h 459094"/>
              <a:gd name="connsiteX95" fmla="*/ 0 w 576804"/>
              <a:gd name="connsiteY95" fmla="*/ 300045 h 459094"/>
              <a:gd name="connsiteX96" fmla="*/ 0 w 576804"/>
              <a:gd name="connsiteY96" fmla="*/ 256199 h 459094"/>
              <a:gd name="connsiteX97" fmla="*/ 0 w 576804"/>
              <a:gd name="connsiteY97" fmla="*/ 12036 h 459094"/>
              <a:gd name="connsiteX98" fmla="*/ 11192 w 576804"/>
              <a:gd name="connsiteY98" fmla="*/ 0 h 459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Lst>
            <a:rect l="l" t="t" r="r" b="b"/>
            <a:pathLst>
              <a:path w="576804" h="459094">
                <a:moveTo>
                  <a:pt x="311666" y="251897"/>
                </a:moveTo>
                <a:lnTo>
                  <a:pt x="302194" y="262214"/>
                </a:lnTo>
                <a:lnTo>
                  <a:pt x="291861" y="271672"/>
                </a:lnTo>
                <a:lnTo>
                  <a:pt x="381414" y="361090"/>
                </a:lnTo>
                <a:lnTo>
                  <a:pt x="401219" y="341315"/>
                </a:lnTo>
                <a:close/>
                <a:moveTo>
                  <a:pt x="239334" y="147002"/>
                </a:moveTo>
                <a:lnTo>
                  <a:pt x="271195" y="178815"/>
                </a:lnTo>
                <a:cubicBezTo>
                  <a:pt x="275500" y="183113"/>
                  <a:pt x="275500" y="189992"/>
                  <a:pt x="271195" y="194291"/>
                </a:cubicBezTo>
                <a:lnTo>
                  <a:pt x="234168" y="230402"/>
                </a:lnTo>
                <a:cubicBezTo>
                  <a:pt x="229862" y="234701"/>
                  <a:pt x="222974" y="234701"/>
                  <a:pt x="218668" y="230402"/>
                </a:cubicBezTo>
                <a:lnTo>
                  <a:pt x="186808" y="199449"/>
                </a:lnTo>
                <a:cubicBezTo>
                  <a:pt x="185086" y="215785"/>
                  <a:pt x="191114" y="232981"/>
                  <a:pt x="203169" y="245878"/>
                </a:cubicBezTo>
                <a:cubicBezTo>
                  <a:pt x="214363" y="257055"/>
                  <a:pt x="229001" y="263074"/>
                  <a:pt x="244501" y="263074"/>
                </a:cubicBezTo>
                <a:cubicBezTo>
                  <a:pt x="260001" y="263074"/>
                  <a:pt x="274639" y="257055"/>
                  <a:pt x="285833" y="245878"/>
                </a:cubicBezTo>
                <a:cubicBezTo>
                  <a:pt x="308222" y="222664"/>
                  <a:pt x="308222" y="185693"/>
                  <a:pt x="285833" y="163338"/>
                </a:cubicBezTo>
                <a:cubicBezTo>
                  <a:pt x="273778" y="151301"/>
                  <a:pt x="256556" y="145283"/>
                  <a:pt x="239334" y="147002"/>
                </a:cubicBezTo>
                <a:close/>
                <a:moveTo>
                  <a:pt x="244501" y="123788"/>
                </a:moveTo>
                <a:cubicBezTo>
                  <a:pt x="266028" y="123788"/>
                  <a:pt x="286694" y="131526"/>
                  <a:pt x="302194" y="147002"/>
                </a:cubicBezTo>
                <a:cubicBezTo>
                  <a:pt x="324582" y="169357"/>
                  <a:pt x="330610" y="201169"/>
                  <a:pt x="321999" y="229542"/>
                </a:cubicBezTo>
                <a:lnTo>
                  <a:pt x="426191" y="333577"/>
                </a:lnTo>
                <a:cubicBezTo>
                  <a:pt x="430496" y="337876"/>
                  <a:pt x="430496" y="344754"/>
                  <a:pt x="426191" y="349913"/>
                </a:cubicBezTo>
                <a:lnTo>
                  <a:pt x="390025" y="386024"/>
                </a:lnTo>
                <a:cubicBezTo>
                  <a:pt x="387442" y="387743"/>
                  <a:pt x="384858" y="389463"/>
                  <a:pt x="381414" y="389463"/>
                </a:cubicBezTo>
                <a:cubicBezTo>
                  <a:pt x="378831" y="389463"/>
                  <a:pt x="375386" y="387743"/>
                  <a:pt x="373664" y="386024"/>
                </a:cubicBezTo>
                <a:lnTo>
                  <a:pt x="269473" y="281989"/>
                </a:lnTo>
                <a:cubicBezTo>
                  <a:pt x="261723" y="284569"/>
                  <a:pt x="253112" y="285428"/>
                  <a:pt x="244501" y="285428"/>
                </a:cubicBezTo>
                <a:cubicBezTo>
                  <a:pt x="222974" y="285428"/>
                  <a:pt x="202308" y="277690"/>
                  <a:pt x="186808" y="262214"/>
                </a:cubicBezTo>
                <a:cubicBezTo>
                  <a:pt x="163559" y="238140"/>
                  <a:pt x="156670" y="202889"/>
                  <a:pt x="170447" y="172796"/>
                </a:cubicBezTo>
                <a:cubicBezTo>
                  <a:pt x="171308" y="168497"/>
                  <a:pt x="174753" y="166777"/>
                  <a:pt x="178197" y="165918"/>
                </a:cubicBezTo>
                <a:cubicBezTo>
                  <a:pt x="182503" y="165058"/>
                  <a:pt x="185947" y="165918"/>
                  <a:pt x="188530" y="168497"/>
                </a:cubicBezTo>
                <a:lnTo>
                  <a:pt x="226418" y="206328"/>
                </a:lnTo>
                <a:lnTo>
                  <a:pt x="246223" y="186553"/>
                </a:lnTo>
                <a:lnTo>
                  <a:pt x="208335" y="148722"/>
                </a:lnTo>
                <a:cubicBezTo>
                  <a:pt x="205752" y="146143"/>
                  <a:pt x="204891" y="142703"/>
                  <a:pt x="205752" y="138404"/>
                </a:cubicBezTo>
                <a:cubicBezTo>
                  <a:pt x="206613" y="134965"/>
                  <a:pt x="209196" y="131526"/>
                  <a:pt x="212641" y="129807"/>
                </a:cubicBezTo>
                <a:cubicBezTo>
                  <a:pt x="222974" y="125508"/>
                  <a:pt x="233307" y="123788"/>
                  <a:pt x="244501" y="123788"/>
                </a:cubicBezTo>
                <a:close/>
                <a:moveTo>
                  <a:pt x="55153" y="100587"/>
                </a:moveTo>
                <a:lnTo>
                  <a:pt x="55153" y="220985"/>
                </a:lnTo>
                <a:lnTo>
                  <a:pt x="55153" y="294083"/>
                </a:lnTo>
                <a:lnTo>
                  <a:pt x="55153" y="403300"/>
                </a:lnTo>
                <a:lnTo>
                  <a:pt x="160158" y="403300"/>
                </a:lnTo>
                <a:lnTo>
                  <a:pt x="233317" y="403300"/>
                </a:lnTo>
                <a:lnTo>
                  <a:pt x="521651" y="403300"/>
                </a:lnTo>
                <a:lnTo>
                  <a:pt x="521651" y="100587"/>
                </a:lnTo>
                <a:close/>
                <a:moveTo>
                  <a:pt x="43964" y="77368"/>
                </a:moveTo>
                <a:lnTo>
                  <a:pt x="533701" y="77368"/>
                </a:lnTo>
                <a:cubicBezTo>
                  <a:pt x="539726" y="77368"/>
                  <a:pt x="544890" y="82528"/>
                  <a:pt x="544890" y="88548"/>
                </a:cubicBezTo>
                <a:lnTo>
                  <a:pt x="544890" y="414480"/>
                </a:lnTo>
                <a:cubicBezTo>
                  <a:pt x="544890" y="420500"/>
                  <a:pt x="539726" y="425660"/>
                  <a:pt x="533701" y="425660"/>
                </a:cubicBezTo>
                <a:lnTo>
                  <a:pt x="233317" y="425660"/>
                </a:lnTo>
                <a:lnTo>
                  <a:pt x="160158" y="425660"/>
                </a:lnTo>
                <a:lnTo>
                  <a:pt x="43964" y="425660"/>
                </a:lnTo>
                <a:cubicBezTo>
                  <a:pt x="37078" y="425660"/>
                  <a:pt x="31914" y="420500"/>
                  <a:pt x="31914" y="414480"/>
                </a:cubicBezTo>
                <a:lnTo>
                  <a:pt x="31914" y="294083"/>
                </a:lnTo>
                <a:lnTo>
                  <a:pt x="31914" y="220985"/>
                </a:lnTo>
                <a:lnTo>
                  <a:pt x="31914" y="88548"/>
                </a:lnTo>
                <a:cubicBezTo>
                  <a:pt x="31914" y="82528"/>
                  <a:pt x="37078" y="77368"/>
                  <a:pt x="43964" y="77368"/>
                </a:cubicBezTo>
                <a:close/>
                <a:moveTo>
                  <a:pt x="520864" y="39513"/>
                </a:moveTo>
                <a:lnTo>
                  <a:pt x="533791" y="39513"/>
                </a:lnTo>
                <a:cubicBezTo>
                  <a:pt x="540686" y="39513"/>
                  <a:pt x="545857" y="44678"/>
                  <a:pt x="545857" y="50704"/>
                </a:cubicBezTo>
                <a:cubicBezTo>
                  <a:pt x="545857" y="56729"/>
                  <a:pt x="540686" y="61894"/>
                  <a:pt x="533791" y="61894"/>
                </a:cubicBezTo>
                <a:lnTo>
                  <a:pt x="520864" y="61894"/>
                </a:lnTo>
                <a:cubicBezTo>
                  <a:pt x="514831" y="61894"/>
                  <a:pt x="509660" y="56729"/>
                  <a:pt x="509660" y="50704"/>
                </a:cubicBezTo>
                <a:cubicBezTo>
                  <a:pt x="509660" y="44678"/>
                  <a:pt x="514831" y="39513"/>
                  <a:pt x="520864" y="39513"/>
                </a:cubicBezTo>
                <a:close/>
                <a:moveTo>
                  <a:pt x="465739" y="39513"/>
                </a:moveTo>
                <a:lnTo>
                  <a:pt x="478666" y="39513"/>
                </a:lnTo>
                <a:cubicBezTo>
                  <a:pt x="485561" y="39513"/>
                  <a:pt x="490732" y="44678"/>
                  <a:pt x="490732" y="50704"/>
                </a:cubicBezTo>
                <a:cubicBezTo>
                  <a:pt x="490732" y="56729"/>
                  <a:pt x="485561" y="61894"/>
                  <a:pt x="478666" y="61894"/>
                </a:cubicBezTo>
                <a:lnTo>
                  <a:pt x="465739" y="61894"/>
                </a:lnTo>
                <a:cubicBezTo>
                  <a:pt x="459706" y="61894"/>
                  <a:pt x="454535" y="56729"/>
                  <a:pt x="454535" y="50704"/>
                </a:cubicBezTo>
                <a:cubicBezTo>
                  <a:pt x="454535" y="44678"/>
                  <a:pt x="459706" y="39513"/>
                  <a:pt x="465739" y="39513"/>
                </a:cubicBezTo>
                <a:close/>
                <a:moveTo>
                  <a:pt x="411477" y="39513"/>
                </a:moveTo>
                <a:lnTo>
                  <a:pt x="423542" y="39513"/>
                </a:lnTo>
                <a:cubicBezTo>
                  <a:pt x="430437" y="39513"/>
                  <a:pt x="435608" y="44678"/>
                  <a:pt x="435608" y="50704"/>
                </a:cubicBezTo>
                <a:cubicBezTo>
                  <a:pt x="435608" y="56729"/>
                  <a:pt x="430437" y="61894"/>
                  <a:pt x="423542" y="61894"/>
                </a:cubicBezTo>
                <a:lnTo>
                  <a:pt x="411477" y="61894"/>
                </a:lnTo>
                <a:cubicBezTo>
                  <a:pt x="404582" y="61894"/>
                  <a:pt x="399411" y="56729"/>
                  <a:pt x="399411" y="50704"/>
                </a:cubicBezTo>
                <a:cubicBezTo>
                  <a:pt x="399411" y="44678"/>
                  <a:pt x="404582" y="39513"/>
                  <a:pt x="411477" y="39513"/>
                </a:cubicBezTo>
                <a:close/>
                <a:moveTo>
                  <a:pt x="23244" y="23213"/>
                </a:moveTo>
                <a:lnTo>
                  <a:pt x="23244" y="256199"/>
                </a:lnTo>
                <a:lnTo>
                  <a:pt x="23244" y="300045"/>
                </a:lnTo>
                <a:lnTo>
                  <a:pt x="23244" y="435881"/>
                </a:lnTo>
                <a:lnTo>
                  <a:pt x="153240" y="435881"/>
                </a:lnTo>
                <a:lnTo>
                  <a:pt x="197146" y="435881"/>
                </a:lnTo>
                <a:lnTo>
                  <a:pt x="554421" y="435881"/>
                </a:lnTo>
                <a:lnTo>
                  <a:pt x="554421" y="23213"/>
                </a:lnTo>
                <a:close/>
                <a:moveTo>
                  <a:pt x="11192" y="0"/>
                </a:moveTo>
                <a:lnTo>
                  <a:pt x="565612" y="0"/>
                </a:lnTo>
                <a:cubicBezTo>
                  <a:pt x="571639" y="0"/>
                  <a:pt x="576804" y="5158"/>
                  <a:pt x="576804" y="12036"/>
                </a:cubicBezTo>
                <a:lnTo>
                  <a:pt x="576804" y="447918"/>
                </a:lnTo>
                <a:cubicBezTo>
                  <a:pt x="576804" y="453936"/>
                  <a:pt x="571639" y="459094"/>
                  <a:pt x="565612" y="459094"/>
                </a:cubicBezTo>
                <a:lnTo>
                  <a:pt x="197146" y="459094"/>
                </a:lnTo>
                <a:lnTo>
                  <a:pt x="153240" y="459094"/>
                </a:lnTo>
                <a:lnTo>
                  <a:pt x="11192" y="459094"/>
                </a:lnTo>
                <a:cubicBezTo>
                  <a:pt x="5165" y="459094"/>
                  <a:pt x="0" y="453936"/>
                  <a:pt x="0" y="447918"/>
                </a:cubicBezTo>
                <a:lnTo>
                  <a:pt x="0" y="300045"/>
                </a:lnTo>
                <a:lnTo>
                  <a:pt x="0" y="256199"/>
                </a:lnTo>
                <a:lnTo>
                  <a:pt x="0" y="12036"/>
                </a:lnTo>
                <a:cubicBezTo>
                  <a:pt x="0" y="5158"/>
                  <a:pt x="5165" y="0"/>
                  <a:pt x="11192" y="0"/>
                </a:cubicBezTo>
                <a:close/>
              </a:path>
            </a:pathLst>
          </a:custGeom>
          <a:solidFill>
            <a:srgbClr val="00B0F0"/>
          </a:solidFill>
          <a:ln>
            <a:noFill/>
          </a:ln>
        </p:spPr>
        <p:txBody>
          <a:bodyPr/>
          <a:lstStyle/>
          <a:p>
            <a:endParaRPr lang="zh-CN" altLang="en-US">
              <a:cs typeface="+mn-ea"/>
              <a:sym typeface="Huawei Sans" panose="020C0503030203020204" pitchFamily="34" charset="0"/>
            </a:endParaRPr>
          </a:p>
        </p:txBody>
      </p:sp>
      <p:sp>
        <p:nvSpPr>
          <p:cNvPr id="9" name="椭圆 8">
            <a:extLst>
              <a:ext uri="{FF2B5EF4-FFF2-40B4-BE49-F238E27FC236}">
                <a16:creationId xmlns:a16="http://schemas.microsoft.com/office/drawing/2014/main" xmlns="" id="{4AA379F2-3386-4258-ABC6-BB6DCB0598F6}"/>
              </a:ext>
            </a:extLst>
          </p:cNvPr>
          <p:cNvSpPr/>
          <p:nvPr/>
        </p:nvSpPr>
        <p:spPr>
          <a:xfrm>
            <a:off x="6350127" y="4323935"/>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cs typeface="+mn-ea"/>
              <a:sym typeface="Huawei Sans" panose="020C0503030203020204" pitchFamily="34" charset="0"/>
            </a:endParaRPr>
          </a:p>
        </p:txBody>
      </p:sp>
      <p:sp>
        <p:nvSpPr>
          <p:cNvPr id="10" name="cogwheel-outline_45304">
            <a:extLst>
              <a:ext uri="{FF2B5EF4-FFF2-40B4-BE49-F238E27FC236}">
                <a16:creationId xmlns:a16="http://schemas.microsoft.com/office/drawing/2014/main" xmlns="" id="{CBB7BFD3-1FCB-4C75-AB92-22171CC27035}"/>
              </a:ext>
            </a:extLst>
          </p:cNvPr>
          <p:cNvSpPr>
            <a:spLocks noChangeAspect="1"/>
          </p:cNvSpPr>
          <p:nvPr/>
        </p:nvSpPr>
        <p:spPr bwMode="auto">
          <a:xfrm>
            <a:off x="6391314" y="4386228"/>
            <a:ext cx="511222" cy="460315"/>
          </a:xfrm>
          <a:custGeom>
            <a:avLst/>
            <a:gdLst>
              <a:gd name="connsiteX0" fmla="*/ 304497 w 608758"/>
              <a:gd name="connsiteY0" fmla="*/ 217983 h 602955"/>
              <a:gd name="connsiteX1" fmla="*/ 231788 w 608758"/>
              <a:gd name="connsiteY1" fmla="*/ 259998 h 602955"/>
              <a:gd name="connsiteX2" fmla="*/ 262812 w 608758"/>
              <a:gd name="connsiteY2" fmla="*/ 373958 h 602955"/>
              <a:gd name="connsiteX3" fmla="*/ 304257 w 608758"/>
              <a:gd name="connsiteY3" fmla="*/ 385002 h 602955"/>
              <a:gd name="connsiteX4" fmla="*/ 376966 w 608758"/>
              <a:gd name="connsiteY4" fmla="*/ 342907 h 602955"/>
              <a:gd name="connsiteX5" fmla="*/ 385063 w 608758"/>
              <a:gd name="connsiteY5" fmla="*/ 279605 h 602955"/>
              <a:gd name="connsiteX6" fmla="*/ 345942 w 608758"/>
              <a:gd name="connsiteY6" fmla="*/ 229027 h 602955"/>
              <a:gd name="connsiteX7" fmla="*/ 304497 w 608758"/>
              <a:gd name="connsiteY7" fmla="*/ 217983 h 602955"/>
              <a:gd name="connsiteX8" fmla="*/ 304497 w 608758"/>
              <a:gd name="connsiteY8" fmla="*/ 169006 h 602955"/>
              <a:gd name="connsiteX9" fmla="*/ 370312 w 608758"/>
              <a:gd name="connsiteY9" fmla="*/ 186532 h 602955"/>
              <a:gd name="connsiteX10" fmla="*/ 432360 w 608758"/>
              <a:gd name="connsiteY10" fmla="*/ 266720 h 602955"/>
              <a:gd name="connsiteX11" fmla="*/ 419534 w 608758"/>
              <a:gd name="connsiteY11" fmla="*/ 367236 h 602955"/>
              <a:gd name="connsiteX12" fmla="*/ 304257 w 608758"/>
              <a:gd name="connsiteY12" fmla="*/ 433979 h 602955"/>
              <a:gd name="connsiteX13" fmla="*/ 238442 w 608758"/>
              <a:gd name="connsiteY13" fmla="*/ 416453 h 602955"/>
              <a:gd name="connsiteX14" fmla="*/ 189221 w 608758"/>
              <a:gd name="connsiteY14" fmla="*/ 235669 h 602955"/>
              <a:gd name="connsiteX15" fmla="*/ 304497 w 608758"/>
              <a:gd name="connsiteY15" fmla="*/ 169006 h 602955"/>
              <a:gd name="connsiteX16" fmla="*/ 391705 w 608758"/>
              <a:gd name="connsiteY16" fmla="*/ 57902 h 602955"/>
              <a:gd name="connsiteX17" fmla="*/ 363091 w 608758"/>
              <a:gd name="connsiteY17" fmla="*/ 107845 h 602955"/>
              <a:gd name="connsiteX18" fmla="*/ 337442 w 608758"/>
              <a:gd name="connsiteY18" fmla="*/ 119771 h 602955"/>
              <a:gd name="connsiteX19" fmla="*/ 269873 w 608758"/>
              <a:gd name="connsiteY19" fmla="*/ 119931 h 602955"/>
              <a:gd name="connsiteX20" fmla="*/ 244145 w 608758"/>
              <a:gd name="connsiteY20" fmla="*/ 108166 h 602955"/>
              <a:gd name="connsiteX21" fmla="*/ 215209 w 608758"/>
              <a:gd name="connsiteY21" fmla="*/ 58543 h 602955"/>
              <a:gd name="connsiteX22" fmla="*/ 136820 w 608758"/>
              <a:gd name="connsiteY22" fmla="*/ 104164 h 602955"/>
              <a:gd name="connsiteX23" fmla="*/ 165755 w 608758"/>
              <a:gd name="connsiteY23" fmla="*/ 153867 h 602955"/>
              <a:gd name="connsiteX24" fmla="*/ 163271 w 608758"/>
              <a:gd name="connsiteY24" fmla="*/ 182040 h 602955"/>
              <a:gd name="connsiteX25" fmla="*/ 143713 w 608758"/>
              <a:gd name="connsiteY25" fmla="*/ 209653 h 602955"/>
              <a:gd name="connsiteX26" fmla="*/ 129687 w 608758"/>
              <a:gd name="connsiteY26" fmla="*/ 240467 h 602955"/>
              <a:gd name="connsiteX27" fmla="*/ 106683 w 608758"/>
              <a:gd name="connsiteY27" fmla="*/ 256874 h 602955"/>
              <a:gd name="connsiteX28" fmla="*/ 49134 w 608758"/>
              <a:gd name="connsiteY28" fmla="*/ 257115 h 602955"/>
              <a:gd name="connsiteX29" fmla="*/ 49454 w 608758"/>
              <a:gd name="connsiteY29" fmla="*/ 347797 h 602955"/>
              <a:gd name="connsiteX30" fmla="*/ 107004 w 608758"/>
              <a:gd name="connsiteY30" fmla="*/ 347557 h 602955"/>
              <a:gd name="connsiteX31" fmla="*/ 107084 w 608758"/>
              <a:gd name="connsiteY31" fmla="*/ 347557 h 602955"/>
              <a:gd name="connsiteX32" fmla="*/ 130168 w 608758"/>
              <a:gd name="connsiteY32" fmla="*/ 363804 h 602955"/>
              <a:gd name="connsiteX33" fmla="*/ 164152 w 608758"/>
              <a:gd name="connsiteY33" fmla="*/ 421991 h 602955"/>
              <a:gd name="connsiteX34" fmla="*/ 166878 w 608758"/>
              <a:gd name="connsiteY34" fmla="*/ 450164 h 602955"/>
              <a:gd name="connsiteX35" fmla="*/ 138263 w 608758"/>
              <a:gd name="connsiteY35" fmla="*/ 500027 h 602955"/>
              <a:gd name="connsiteX36" fmla="*/ 217053 w 608758"/>
              <a:gd name="connsiteY36" fmla="*/ 545088 h 602955"/>
              <a:gd name="connsiteX37" fmla="*/ 245667 w 608758"/>
              <a:gd name="connsiteY37" fmla="*/ 495145 h 602955"/>
              <a:gd name="connsiteX38" fmla="*/ 271316 w 608758"/>
              <a:gd name="connsiteY38" fmla="*/ 483219 h 602955"/>
              <a:gd name="connsiteX39" fmla="*/ 338805 w 608758"/>
              <a:gd name="connsiteY39" fmla="*/ 483059 h 602955"/>
              <a:gd name="connsiteX40" fmla="*/ 364533 w 608758"/>
              <a:gd name="connsiteY40" fmla="*/ 494745 h 602955"/>
              <a:gd name="connsiteX41" fmla="*/ 393549 w 608758"/>
              <a:gd name="connsiteY41" fmla="*/ 544368 h 602955"/>
              <a:gd name="connsiteX42" fmla="*/ 471938 w 608758"/>
              <a:gd name="connsiteY42" fmla="*/ 498747 h 602955"/>
              <a:gd name="connsiteX43" fmla="*/ 443003 w 608758"/>
              <a:gd name="connsiteY43" fmla="*/ 449204 h 602955"/>
              <a:gd name="connsiteX44" fmla="*/ 445487 w 608758"/>
              <a:gd name="connsiteY44" fmla="*/ 421031 h 602955"/>
              <a:gd name="connsiteX45" fmla="*/ 465125 w 608758"/>
              <a:gd name="connsiteY45" fmla="*/ 393338 h 602955"/>
              <a:gd name="connsiteX46" fmla="*/ 479071 w 608758"/>
              <a:gd name="connsiteY46" fmla="*/ 362443 h 602955"/>
              <a:gd name="connsiteX47" fmla="*/ 502155 w 608758"/>
              <a:gd name="connsiteY47" fmla="*/ 346036 h 602955"/>
              <a:gd name="connsiteX48" fmla="*/ 559625 w 608758"/>
              <a:gd name="connsiteY48" fmla="*/ 345876 h 602955"/>
              <a:gd name="connsiteX49" fmla="*/ 559304 w 608758"/>
              <a:gd name="connsiteY49" fmla="*/ 255194 h 602955"/>
              <a:gd name="connsiteX50" fmla="*/ 501754 w 608758"/>
              <a:gd name="connsiteY50" fmla="*/ 255434 h 602955"/>
              <a:gd name="connsiteX51" fmla="*/ 501674 w 608758"/>
              <a:gd name="connsiteY51" fmla="*/ 255434 h 602955"/>
              <a:gd name="connsiteX52" fmla="*/ 478590 w 608758"/>
              <a:gd name="connsiteY52" fmla="*/ 239186 h 602955"/>
              <a:gd name="connsiteX53" fmla="*/ 444526 w 608758"/>
              <a:gd name="connsiteY53" fmla="*/ 180919 h 602955"/>
              <a:gd name="connsiteX54" fmla="*/ 441881 w 608758"/>
              <a:gd name="connsiteY54" fmla="*/ 152826 h 602955"/>
              <a:gd name="connsiteX55" fmla="*/ 470495 w 608758"/>
              <a:gd name="connsiteY55" fmla="*/ 102963 h 602955"/>
              <a:gd name="connsiteX56" fmla="*/ 376156 w 608758"/>
              <a:gd name="connsiteY56" fmla="*/ 836 h 602955"/>
              <a:gd name="connsiteX57" fmla="*/ 394751 w 608758"/>
              <a:gd name="connsiteY57" fmla="*/ 3237 h 602955"/>
              <a:gd name="connsiteX58" fmla="*/ 516102 w 608758"/>
              <a:gd name="connsiteY58" fmla="*/ 72629 h 602955"/>
              <a:gd name="connsiteX59" fmla="*/ 525239 w 608758"/>
              <a:gd name="connsiteY59" fmla="*/ 106005 h 602955"/>
              <a:gd name="connsiteX60" fmla="*/ 492697 w 608758"/>
              <a:gd name="connsiteY60" fmla="*/ 162751 h 602955"/>
              <a:gd name="connsiteX61" fmla="*/ 518186 w 608758"/>
              <a:gd name="connsiteY61" fmla="*/ 206371 h 602955"/>
              <a:gd name="connsiteX62" fmla="*/ 583590 w 608758"/>
              <a:gd name="connsiteY62" fmla="*/ 206131 h 602955"/>
              <a:gd name="connsiteX63" fmla="*/ 583670 w 608758"/>
              <a:gd name="connsiteY63" fmla="*/ 206131 h 602955"/>
              <a:gd name="connsiteX64" fmla="*/ 600983 w 608758"/>
              <a:gd name="connsiteY64" fmla="*/ 213254 h 602955"/>
              <a:gd name="connsiteX65" fmla="*/ 608197 w 608758"/>
              <a:gd name="connsiteY65" fmla="*/ 230542 h 602955"/>
              <a:gd name="connsiteX66" fmla="*/ 608758 w 608758"/>
              <a:gd name="connsiteY66" fmla="*/ 370127 h 602955"/>
              <a:gd name="connsiteX67" fmla="*/ 601624 w 608758"/>
              <a:gd name="connsiteY67" fmla="*/ 387495 h 602955"/>
              <a:gd name="connsiteX68" fmla="*/ 584311 w 608758"/>
              <a:gd name="connsiteY68" fmla="*/ 394698 h 602955"/>
              <a:gd name="connsiteX69" fmla="*/ 518987 w 608758"/>
              <a:gd name="connsiteY69" fmla="*/ 394938 h 602955"/>
              <a:gd name="connsiteX70" fmla="*/ 507686 w 608758"/>
              <a:gd name="connsiteY70" fmla="*/ 417669 h 602955"/>
              <a:gd name="connsiteX71" fmla="*/ 493819 w 608758"/>
              <a:gd name="connsiteY71" fmla="*/ 438959 h 602955"/>
              <a:gd name="connsiteX72" fmla="*/ 526682 w 608758"/>
              <a:gd name="connsiteY72" fmla="*/ 495305 h 602955"/>
              <a:gd name="connsiteX73" fmla="*/ 529167 w 608758"/>
              <a:gd name="connsiteY73" fmla="*/ 513874 h 602955"/>
              <a:gd name="connsiteX74" fmla="*/ 517865 w 608758"/>
              <a:gd name="connsiteY74" fmla="*/ 528761 h 602955"/>
              <a:gd name="connsiteX75" fmla="*/ 396995 w 608758"/>
              <a:gd name="connsiteY75" fmla="*/ 599033 h 602955"/>
              <a:gd name="connsiteX76" fmla="*/ 378400 w 608758"/>
              <a:gd name="connsiteY76" fmla="*/ 601594 h 602955"/>
              <a:gd name="connsiteX77" fmla="*/ 363491 w 608758"/>
              <a:gd name="connsiteY77" fmla="*/ 590229 h 602955"/>
              <a:gd name="connsiteX78" fmla="*/ 330549 w 608758"/>
              <a:gd name="connsiteY78" fmla="*/ 533803 h 602955"/>
              <a:gd name="connsiteX79" fmla="*/ 279973 w 608758"/>
              <a:gd name="connsiteY79" fmla="*/ 533883 h 602955"/>
              <a:gd name="connsiteX80" fmla="*/ 247431 w 608758"/>
              <a:gd name="connsiteY80" fmla="*/ 590629 h 602955"/>
              <a:gd name="connsiteX81" fmla="*/ 226110 w 608758"/>
              <a:gd name="connsiteY81" fmla="*/ 602955 h 602955"/>
              <a:gd name="connsiteX82" fmla="*/ 214007 w 608758"/>
              <a:gd name="connsiteY82" fmla="*/ 599753 h 602955"/>
              <a:gd name="connsiteX83" fmla="*/ 92656 w 608758"/>
              <a:gd name="connsiteY83" fmla="*/ 530361 h 602955"/>
              <a:gd name="connsiteX84" fmla="*/ 81195 w 608758"/>
              <a:gd name="connsiteY84" fmla="*/ 515554 h 602955"/>
              <a:gd name="connsiteX85" fmla="*/ 83519 w 608758"/>
              <a:gd name="connsiteY85" fmla="*/ 496986 h 602955"/>
              <a:gd name="connsiteX86" fmla="*/ 116061 w 608758"/>
              <a:gd name="connsiteY86" fmla="*/ 440239 h 602955"/>
              <a:gd name="connsiteX87" fmla="*/ 90572 w 608758"/>
              <a:gd name="connsiteY87" fmla="*/ 396619 h 602955"/>
              <a:gd name="connsiteX88" fmla="*/ 25168 w 608758"/>
              <a:gd name="connsiteY88" fmla="*/ 396859 h 602955"/>
              <a:gd name="connsiteX89" fmla="*/ 25008 w 608758"/>
              <a:gd name="connsiteY89" fmla="*/ 396859 h 602955"/>
              <a:gd name="connsiteX90" fmla="*/ 7775 w 608758"/>
              <a:gd name="connsiteY90" fmla="*/ 389736 h 602955"/>
              <a:gd name="connsiteX91" fmla="*/ 481 w 608758"/>
              <a:gd name="connsiteY91" fmla="*/ 372448 h 602955"/>
              <a:gd name="connsiteX92" fmla="*/ 0 w 608758"/>
              <a:gd name="connsiteY92" fmla="*/ 232783 h 602955"/>
              <a:gd name="connsiteX93" fmla="*/ 24447 w 608758"/>
              <a:gd name="connsiteY93" fmla="*/ 208212 h 602955"/>
              <a:gd name="connsiteX94" fmla="*/ 89771 w 608758"/>
              <a:gd name="connsiteY94" fmla="*/ 207972 h 602955"/>
              <a:gd name="connsiteX95" fmla="*/ 101072 w 608758"/>
              <a:gd name="connsiteY95" fmla="*/ 185321 h 602955"/>
              <a:gd name="connsiteX96" fmla="*/ 114939 w 608758"/>
              <a:gd name="connsiteY96" fmla="*/ 164031 h 602955"/>
              <a:gd name="connsiteX97" fmla="*/ 82076 w 608758"/>
              <a:gd name="connsiteY97" fmla="*/ 107685 h 602955"/>
              <a:gd name="connsiteX98" fmla="*/ 90893 w 608758"/>
              <a:gd name="connsiteY98" fmla="*/ 74230 h 602955"/>
              <a:gd name="connsiteX99" fmla="*/ 211763 w 608758"/>
              <a:gd name="connsiteY99" fmla="*/ 3957 h 602955"/>
              <a:gd name="connsiteX100" fmla="*/ 230358 w 608758"/>
              <a:gd name="connsiteY100" fmla="*/ 1396 h 602955"/>
              <a:gd name="connsiteX101" fmla="*/ 245267 w 608758"/>
              <a:gd name="connsiteY101" fmla="*/ 12761 h 602955"/>
              <a:gd name="connsiteX102" fmla="*/ 278209 w 608758"/>
              <a:gd name="connsiteY102" fmla="*/ 69187 h 602955"/>
              <a:gd name="connsiteX103" fmla="*/ 328785 w 608758"/>
              <a:gd name="connsiteY103" fmla="*/ 69027 h 602955"/>
              <a:gd name="connsiteX104" fmla="*/ 361327 w 608758"/>
              <a:gd name="connsiteY104" fmla="*/ 12361 h 602955"/>
              <a:gd name="connsiteX105" fmla="*/ 376156 w 608758"/>
              <a:gd name="connsiteY105" fmla="*/ 836 h 602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Lst>
            <a:rect l="l" t="t" r="r" b="b"/>
            <a:pathLst>
              <a:path w="608758" h="602955">
                <a:moveTo>
                  <a:pt x="304497" y="217983"/>
                </a:moveTo>
                <a:cubicBezTo>
                  <a:pt x="274516" y="217983"/>
                  <a:pt x="246699" y="234069"/>
                  <a:pt x="231788" y="259998"/>
                </a:cubicBezTo>
                <a:cubicBezTo>
                  <a:pt x="208941" y="299932"/>
                  <a:pt x="222810" y="351070"/>
                  <a:pt x="262812" y="373958"/>
                </a:cubicBezTo>
                <a:cubicBezTo>
                  <a:pt x="275478" y="381160"/>
                  <a:pt x="289827" y="385002"/>
                  <a:pt x="304257" y="385002"/>
                </a:cubicBezTo>
                <a:cubicBezTo>
                  <a:pt x="334238" y="385002"/>
                  <a:pt x="362056" y="368836"/>
                  <a:pt x="376966" y="342907"/>
                </a:cubicBezTo>
                <a:cubicBezTo>
                  <a:pt x="388029" y="323620"/>
                  <a:pt x="390915" y="301052"/>
                  <a:pt x="385063" y="279605"/>
                </a:cubicBezTo>
                <a:cubicBezTo>
                  <a:pt x="379211" y="258077"/>
                  <a:pt x="365262" y="240151"/>
                  <a:pt x="345942" y="229027"/>
                </a:cubicBezTo>
                <a:cubicBezTo>
                  <a:pt x="333276" y="221825"/>
                  <a:pt x="318927" y="217983"/>
                  <a:pt x="304497" y="217983"/>
                </a:cubicBezTo>
                <a:close/>
                <a:moveTo>
                  <a:pt x="304497" y="169006"/>
                </a:moveTo>
                <a:cubicBezTo>
                  <a:pt x="327505" y="169006"/>
                  <a:pt x="350191" y="175088"/>
                  <a:pt x="370312" y="186532"/>
                </a:cubicBezTo>
                <a:cubicBezTo>
                  <a:pt x="401016" y="204138"/>
                  <a:pt x="423061" y="232548"/>
                  <a:pt x="432360" y="266720"/>
                </a:cubicBezTo>
                <a:cubicBezTo>
                  <a:pt x="441659" y="300892"/>
                  <a:pt x="437090" y="336585"/>
                  <a:pt x="419534" y="367236"/>
                </a:cubicBezTo>
                <a:cubicBezTo>
                  <a:pt x="395965" y="408370"/>
                  <a:pt x="351794" y="433979"/>
                  <a:pt x="304257" y="433979"/>
                </a:cubicBezTo>
                <a:cubicBezTo>
                  <a:pt x="281250" y="433979"/>
                  <a:pt x="258563" y="427897"/>
                  <a:pt x="238442" y="416453"/>
                </a:cubicBezTo>
                <a:cubicBezTo>
                  <a:pt x="174951" y="380120"/>
                  <a:pt x="152906" y="299052"/>
                  <a:pt x="189221" y="235669"/>
                </a:cubicBezTo>
                <a:cubicBezTo>
                  <a:pt x="212789" y="194535"/>
                  <a:pt x="256960" y="169006"/>
                  <a:pt x="304497" y="169006"/>
                </a:cubicBezTo>
                <a:close/>
                <a:moveTo>
                  <a:pt x="391705" y="57902"/>
                </a:moveTo>
                <a:lnTo>
                  <a:pt x="363091" y="107845"/>
                </a:lnTo>
                <a:cubicBezTo>
                  <a:pt x="357961" y="116810"/>
                  <a:pt x="347621" y="121612"/>
                  <a:pt x="337442" y="119771"/>
                </a:cubicBezTo>
                <a:cubicBezTo>
                  <a:pt x="315160" y="115689"/>
                  <a:pt x="292076" y="115769"/>
                  <a:pt x="269873" y="119931"/>
                </a:cubicBezTo>
                <a:cubicBezTo>
                  <a:pt x="259694" y="121852"/>
                  <a:pt x="249354" y="117130"/>
                  <a:pt x="244145" y="108166"/>
                </a:cubicBezTo>
                <a:lnTo>
                  <a:pt x="215209" y="58543"/>
                </a:lnTo>
                <a:lnTo>
                  <a:pt x="136820" y="104164"/>
                </a:lnTo>
                <a:lnTo>
                  <a:pt x="165755" y="153867"/>
                </a:lnTo>
                <a:cubicBezTo>
                  <a:pt x="170965" y="162831"/>
                  <a:pt x="170003" y="174116"/>
                  <a:pt x="163271" y="182040"/>
                </a:cubicBezTo>
                <a:cubicBezTo>
                  <a:pt x="155496" y="191084"/>
                  <a:pt x="149164" y="200128"/>
                  <a:pt x="143713" y="209653"/>
                </a:cubicBezTo>
                <a:cubicBezTo>
                  <a:pt x="138263" y="219097"/>
                  <a:pt x="133694" y="229262"/>
                  <a:pt x="129687" y="240467"/>
                </a:cubicBezTo>
                <a:cubicBezTo>
                  <a:pt x="126320" y="250311"/>
                  <a:pt x="117023" y="256874"/>
                  <a:pt x="106683" y="256874"/>
                </a:cubicBezTo>
                <a:lnTo>
                  <a:pt x="49134" y="257115"/>
                </a:lnTo>
                <a:lnTo>
                  <a:pt x="49454" y="347797"/>
                </a:lnTo>
                <a:lnTo>
                  <a:pt x="107004" y="347557"/>
                </a:lnTo>
                <a:lnTo>
                  <a:pt x="107084" y="347557"/>
                </a:lnTo>
                <a:cubicBezTo>
                  <a:pt x="117423" y="347557"/>
                  <a:pt x="126721" y="354039"/>
                  <a:pt x="130168" y="363804"/>
                </a:cubicBezTo>
                <a:cubicBezTo>
                  <a:pt x="137782" y="385094"/>
                  <a:pt x="149244" y="404703"/>
                  <a:pt x="164152" y="421991"/>
                </a:cubicBezTo>
                <a:cubicBezTo>
                  <a:pt x="170965" y="429915"/>
                  <a:pt x="172087" y="441120"/>
                  <a:pt x="166878" y="450164"/>
                </a:cubicBezTo>
                <a:lnTo>
                  <a:pt x="138263" y="500027"/>
                </a:lnTo>
                <a:lnTo>
                  <a:pt x="217053" y="545088"/>
                </a:lnTo>
                <a:lnTo>
                  <a:pt x="245667" y="495145"/>
                </a:lnTo>
                <a:cubicBezTo>
                  <a:pt x="250797" y="486181"/>
                  <a:pt x="261057" y="481379"/>
                  <a:pt x="271316" y="483219"/>
                </a:cubicBezTo>
                <a:cubicBezTo>
                  <a:pt x="293679" y="487301"/>
                  <a:pt x="316763" y="487221"/>
                  <a:pt x="338805" y="483059"/>
                </a:cubicBezTo>
                <a:cubicBezTo>
                  <a:pt x="348984" y="481058"/>
                  <a:pt x="359324" y="485781"/>
                  <a:pt x="364533" y="494745"/>
                </a:cubicBezTo>
                <a:lnTo>
                  <a:pt x="393549" y="544368"/>
                </a:lnTo>
                <a:lnTo>
                  <a:pt x="471938" y="498747"/>
                </a:lnTo>
                <a:lnTo>
                  <a:pt x="443003" y="449204"/>
                </a:lnTo>
                <a:cubicBezTo>
                  <a:pt x="437793" y="440239"/>
                  <a:pt x="438755" y="428954"/>
                  <a:pt x="445487" y="421031"/>
                </a:cubicBezTo>
                <a:cubicBezTo>
                  <a:pt x="453262" y="411826"/>
                  <a:pt x="459674" y="402782"/>
                  <a:pt x="465125" y="393338"/>
                </a:cubicBezTo>
                <a:cubicBezTo>
                  <a:pt x="470495" y="383893"/>
                  <a:pt x="475064" y="373809"/>
                  <a:pt x="479071" y="362443"/>
                </a:cubicBezTo>
                <a:cubicBezTo>
                  <a:pt x="482518" y="352679"/>
                  <a:pt x="491735" y="346116"/>
                  <a:pt x="502155" y="346036"/>
                </a:cubicBezTo>
                <a:lnTo>
                  <a:pt x="559625" y="345876"/>
                </a:lnTo>
                <a:lnTo>
                  <a:pt x="559304" y="255194"/>
                </a:lnTo>
                <a:lnTo>
                  <a:pt x="501754" y="255434"/>
                </a:lnTo>
                <a:lnTo>
                  <a:pt x="501674" y="255434"/>
                </a:lnTo>
                <a:cubicBezTo>
                  <a:pt x="491335" y="255434"/>
                  <a:pt x="482117" y="248951"/>
                  <a:pt x="478590" y="239186"/>
                </a:cubicBezTo>
                <a:cubicBezTo>
                  <a:pt x="470896" y="217896"/>
                  <a:pt x="459514" y="198287"/>
                  <a:pt x="444526" y="180919"/>
                </a:cubicBezTo>
                <a:cubicBezTo>
                  <a:pt x="437793" y="173076"/>
                  <a:pt x="436751" y="161790"/>
                  <a:pt x="441881" y="152826"/>
                </a:cubicBezTo>
                <a:lnTo>
                  <a:pt x="470495" y="102963"/>
                </a:lnTo>
                <a:close/>
                <a:moveTo>
                  <a:pt x="376156" y="836"/>
                </a:moveTo>
                <a:cubicBezTo>
                  <a:pt x="382407" y="-845"/>
                  <a:pt x="389140" y="35"/>
                  <a:pt x="394751" y="3237"/>
                </a:cubicBezTo>
                <a:lnTo>
                  <a:pt x="516102" y="72629"/>
                </a:lnTo>
                <a:cubicBezTo>
                  <a:pt x="527884" y="79272"/>
                  <a:pt x="531972" y="94239"/>
                  <a:pt x="525239" y="106005"/>
                </a:cubicBezTo>
                <a:lnTo>
                  <a:pt x="492697" y="162751"/>
                </a:lnTo>
                <a:cubicBezTo>
                  <a:pt x="502796" y="176357"/>
                  <a:pt x="511373" y="190924"/>
                  <a:pt x="518186" y="206371"/>
                </a:cubicBezTo>
                <a:lnTo>
                  <a:pt x="583590" y="206131"/>
                </a:lnTo>
                <a:lnTo>
                  <a:pt x="583670" y="206131"/>
                </a:lnTo>
                <a:cubicBezTo>
                  <a:pt x="590163" y="206131"/>
                  <a:pt x="596415" y="208692"/>
                  <a:pt x="600983" y="213254"/>
                </a:cubicBezTo>
                <a:cubicBezTo>
                  <a:pt x="605632" y="217816"/>
                  <a:pt x="608197" y="224059"/>
                  <a:pt x="608197" y="230542"/>
                </a:cubicBezTo>
                <a:lnTo>
                  <a:pt x="608758" y="370127"/>
                </a:lnTo>
                <a:cubicBezTo>
                  <a:pt x="608758" y="376610"/>
                  <a:pt x="606193" y="382853"/>
                  <a:pt x="601624" y="387495"/>
                </a:cubicBezTo>
                <a:cubicBezTo>
                  <a:pt x="597056" y="392137"/>
                  <a:pt x="590804" y="394698"/>
                  <a:pt x="584311" y="394698"/>
                </a:cubicBezTo>
                <a:lnTo>
                  <a:pt x="518987" y="394938"/>
                </a:lnTo>
                <a:cubicBezTo>
                  <a:pt x="515541" y="402942"/>
                  <a:pt x="511854" y="410386"/>
                  <a:pt x="507686" y="417669"/>
                </a:cubicBezTo>
                <a:cubicBezTo>
                  <a:pt x="503518" y="424952"/>
                  <a:pt x="498949" y="431996"/>
                  <a:pt x="493819" y="438959"/>
                </a:cubicBezTo>
                <a:lnTo>
                  <a:pt x="526682" y="495305"/>
                </a:lnTo>
                <a:cubicBezTo>
                  <a:pt x="529968" y="500908"/>
                  <a:pt x="530850" y="507551"/>
                  <a:pt x="529167" y="513874"/>
                </a:cubicBezTo>
                <a:cubicBezTo>
                  <a:pt x="527564" y="520117"/>
                  <a:pt x="523476" y="525479"/>
                  <a:pt x="517865" y="528761"/>
                </a:cubicBezTo>
                <a:lnTo>
                  <a:pt x="396995" y="599033"/>
                </a:lnTo>
                <a:cubicBezTo>
                  <a:pt x="391385" y="602315"/>
                  <a:pt x="384732" y="603195"/>
                  <a:pt x="378400" y="601594"/>
                </a:cubicBezTo>
                <a:cubicBezTo>
                  <a:pt x="372148" y="599913"/>
                  <a:pt x="366778" y="595832"/>
                  <a:pt x="363491" y="590229"/>
                </a:cubicBezTo>
                <a:lnTo>
                  <a:pt x="330549" y="533803"/>
                </a:lnTo>
                <a:cubicBezTo>
                  <a:pt x="313797" y="535644"/>
                  <a:pt x="296885" y="535724"/>
                  <a:pt x="279973" y="533883"/>
                </a:cubicBezTo>
                <a:lnTo>
                  <a:pt x="247431" y="590629"/>
                </a:lnTo>
                <a:cubicBezTo>
                  <a:pt x="242942" y="598553"/>
                  <a:pt x="234687" y="602955"/>
                  <a:pt x="226110" y="602955"/>
                </a:cubicBezTo>
                <a:cubicBezTo>
                  <a:pt x="222022" y="602955"/>
                  <a:pt x="217855" y="601914"/>
                  <a:pt x="214007" y="599753"/>
                </a:cubicBezTo>
                <a:lnTo>
                  <a:pt x="92656" y="530361"/>
                </a:lnTo>
                <a:cubicBezTo>
                  <a:pt x="86966" y="527160"/>
                  <a:pt x="82878" y="521797"/>
                  <a:pt x="81195" y="515554"/>
                </a:cubicBezTo>
                <a:cubicBezTo>
                  <a:pt x="79431" y="509311"/>
                  <a:pt x="80313" y="502588"/>
                  <a:pt x="83519" y="496986"/>
                </a:cubicBezTo>
                <a:lnTo>
                  <a:pt x="116061" y="440239"/>
                </a:lnTo>
                <a:cubicBezTo>
                  <a:pt x="105962" y="426633"/>
                  <a:pt x="97385" y="411986"/>
                  <a:pt x="90572" y="396619"/>
                </a:cubicBezTo>
                <a:lnTo>
                  <a:pt x="25168" y="396859"/>
                </a:lnTo>
                <a:lnTo>
                  <a:pt x="25008" y="396859"/>
                </a:lnTo>
                <a:cubicBezTo>
                  <a:pt x="18596" y="396859"/>
                  <a:pt x="12344" y="394298"/>
                  <a:pt x="7775" y="389736"/>
                </a:cubicBezTo>
                <a:cubicBezTo>
                  <a:pt x="3126" y="385174"/>
                  <a:pt x="561" y="378931"/>
                  <a:pt x="481" y="372448"/>
                </a:cubicBezTo>
                <a:lnTo>
                  <a:pt x="0" y="232783"/>
                </a:lnTo>
                <a:cubicBezTo>
                  <a:pt x="-80" y="219257"/>
                  <a:pt x="10901" y="208292"/>
                  <a:pt x="24447" y="208212"/>
                </a:cubicBezTo>
                <a:lnTo>
                  <a:pt x="89771" y="207972"/>
                </a:lnTo>
                <a:cubicBezTo>
                  <a:pt x="93137" y="200128"/>
                  <a:pt x="96904" y="192605"/>
                  <a:pt x="101072" y="185321"/>
                </a:cubicBezTo>
                <a:cubicBezTo>
                  <a:pt x="105240" y="178038"/>
                  <a:pt x="109889" y="170995"/>
                  <a:pt x="114939" y="164031"/>
                </a:cubicBezTo>
                <a:lnTo>
                  <a:pt x="82076" y="107685"/>
                </a:lnTo>
                <a:cubicBezTo>
                  <a:pt x="75263" y="96000"/>
                  <a:pt x="79191" y="81033"/>
                  <a:pt x="90893" y="74230"/>
                </a:cubicBezTo>
                <a:lnTo>
                  <a:pt x="211763" y="3957"/>
                </a:lnTo>
                <a:cubicBezTo>
                  <a:pt x="217374" y="676"/>
                  <a:pt x="224026" y="-285"/>
                  <a:pt x="230358" y="1396"/>
                </a:cubicBezTo>
                <a:cubicBezTo>
                  <a:pt x="236610" y="3077"/>
                  <a:pt x="241980" y="7159"/>
                  <a:pt x="245267" y="12761"/>
                </a:cubicBezTo>
                <a:lnTo>
                  <a:pt x="278209" y="69187"/>
                </a:lnTo>
                <a:cubicBezTo>
                  <a:pt x="294961" y="67347"/>
                  <a:pt x="311953" y="67267"/>
                  <a:pt x="328785" y="69027"/>
                </a:cubicBezTo>
                <a:lnTo>
                  <a:pt x="361327" y="12361"/>
                </a:lnTo>
                <a:cubicBezTo>
                  <a:pt x="364533" y="6678"/>
                  <a:pt x="369904" y="2597"/>
                  <a:pt x="376156" y="836"/>
                </a:cubicBezTo>
                <a:close/>
              </a:path>
            </a:pathLst>
          </a:custGeom>
          <a:solidFill>
            <a:srgbClr val="00B0F0"/>
          </a:solidFill>
          <a:ln>
            <a:noFill/>
          </a:ln>
        </p:spPr>
        <p:txBody>
          <a:bodyPr/>
          <a:lstStyle/>
          <a:p>
            <a:endParaRPr lang="zh-CN" altLang="en-US">
              <a:cs typeface="+mn-ea"/>
              <a:sym typeface="Huawei Sans" panose="020C0503030203020204" pitchFamily="34" charset="0"/>
            </a:endParaRPr>
          </a:p>
        </p:txBody>
      </p:sp>
      <p:sp>
        <p:nvSpPr>
          <p:cNvPr id="11" name="文本框 10">
            <a:extLst>
              <a:ext uri="{FF2B5EF4-FFF2-40B4-BE49-F238E27FC236}">
                <a16:creationId xmlns:a16="http://schemas.microsoft.com/office/drawing/2014/main" xmlns="" id="{4AC7BBCC-630B-4279-B22F-0D2BF6EB21E0}"/>
              </a:ext>
            </a:extLst>
          </p:cNvPr>
          <p:cNvSpPr txBox="1"/>
          <p:nvPr/>
        </p:nvSpPr>
        <p:spPr>
          <a:xfrm>
            <a:off x="5838134" y="4005348"/>
            <a:ext cx="529615" cy="553998"/>
          </a:xfrm>
          <a:prstGeom prst="rect">
            <a:avLst/>
          </a:prstGeom>
          <a:noFill/>
        </p:spPr>
        <p:txBody>
          <a:bodyPr wrap="square" lIns="0" tIns="0" rIns="0" bIns="0" rtlCol="0">
            <a:spAutoFit/>
          </a:bodyPr>
          <a:lstStyle/>
          <a:p>
            <a:pPr algn="ctr"/>
            <a:r>
              <a:rPr kumimoji="1" lang="en-US" altLang="zh-CN" sz="3600" dirty="0">
                <a:solidFill>
                  <a:srgbClr val="00B0F0"/>
                </a:solidFill>
                <a:cs typeface="+mn-ea"/>
                <a:sym typeface="Huawei Sans" panose="020C0503030203020204" pitchFamily="34" charset="0"/>
              </a:rPr>
              <a:t>3</a:t>
            </a:r>
            <a:endParaRPr kumimoji="1" lang="zh-CN" altLang="en-US" sz="3600" dirty="0">
              <a:solidFill>
                <a:srgbClr val="00B0F0"/>
              </a:solidFill>
              <a:cs typeface="+mn-ea"/>
              <a:sym typeface="Huawei Sans" panose="020C0503030203020204" pitchFamily="34" charset="0"/>
            </a:endParaRPr>
          </a:p>
        </p:txBody>
      </p:sp>
      <p:sp>
        <p:nvSpPr>
          <p:cNvPr id="12" name="文本框 11">
            <a:extLst>
              <a:ext uri="{FF2B5EF4-FFF2-40B4-BE49-F238E27FC236}">
                <a16:creationId xmlns:a16="http://schemas.microsoft.com/office/drawing/2014/main" xmlns="" id="{812CAFCB-0B17-4370-BD7B-B8AC56792FD9}"/>
              </a:ext>
            </a:extLst>
          </p:cNvPr>
          <p:cNvSpPr txBox="1"/>
          <p:nvPr/>
        </p:nvSpPr>
        <p:spPr>
          <a:xfrm>
            <a:off x="9324675" y="3979295"/>
            <a:ext cx="529615" cy="553998"/>
          </a:xfrm>
          <a:prstGeom prst="rect">
            <a:avLst/>
          </a:prstGeom>
          <a:noFill/>
        </p:spPr>
        <p:txBody>
          <a:bodyPr wrap="square" lIns="0" tIns="0" rIns="0" bIns="0" rtlCol="0">
            <a:spAutoFit/>
          </a:bodyPr>
          <a:lstStyle/>
          <a:p>
            <a:pPr algn="ctr"/>
            <a:r>
              <a:rPr kumimoji="1" lang="en-US" altLang="zh-CN" sz="3600" dirty="0">
                <a:solidFill>
                  <a:srgbClr val="00B0F0"/>
                </a:solidFill>
                <a:cs typeface="+mn-ea"/>
                <a:sym typeface="Huawei Sans" panose="020C0503030203020204" pitchFamily="34" charset="0"/>
              </a:rPr>
              <a:t>4</a:t>
            </a:r>
            <a:endParaRPr kumimoji="1" lang="zh-CN" altLang="en-US" sz="3600" dirty="0">
              <a:solidFill>
                <a:srgbClr val="00B0F0"/>
              </a:solidFill>
              <a:cs typeface="+mn-ea"/>
              <a:sym typeface="Huawei Sans" panose="020C0503030203020204" pitchFamily="34" charset="0"/>
            </a:endParaRPr>
          </a:p>
        </p:txBody>
      </p:sp>
      <p:grpSp>
        <p:nvGrpSpPr>
          <p:cNvPr id="13" name="组合 12">
            <a:extLst>
              <a:ext uri="{FF2B5EF4-FFF2-40B4-BE49-F238E27FC236}">
                <a16:creationId xmlns:a16="http://schemas.microsoft.com/office/drawing/2014/main" xmlns="" id="{0A7EC731-FC15-4348-B0C3-F4164FB47FC8}"/>
              </a:ext>
            </a:extLst>
          </p:cNvPr>
          <p:cNvGrpSpPr/>
          <p:nvPr/>
        </p:nvGrpSpPr>
        <p:grpSpPr>
          <a:xfrm rot="16200000">
            <a:off x="1795300" y="3476006"/>
            <a:ext cx="1577735" cy="1567975"/>
            <a:chOff x="1834911" y="3216123"/>
            <a:chExt cx="1776730" cy="1765739"/>
          </a:xfrm>
        </p:grpSpPr>
        <p:sp>
          <p:nvSpPr>
            <p:cNvPr id="14" name="空心弧 13">
              <a:extLst>
                <a:ext uri="{FF2B5EF4-FFF2-40B4-BE49-F238E27FC236}">
                  <a16:creationId xmlns:a16="http://schemas.microsoft.com/office/drawing/2014/main" xmlns="" id="{007CD11B-53D6-4D67-AA1F-036E0900C74D}"/>
                </a:ext>
              </a:extLst>
            </p:cNvPr>
            <p:cNvSpPr/>
            <p:nvPr/>
          </p:nvSpPr>
          <p:spPr>
            <a:xfrm>
              <a:off x="1834911" y="3216123"/>
              <a:ext cx="1776730" cy="1765739"/>
            </a:xfrm>
            <a:prstGeom prst="blockArc">
              <a:avLst>
                <a:gd name="adj1" fmla="val 7925325"/>
                <a:gd name="adj2" fmla="val 14713414"/>
                <a:gd name="adj3" fmla="val 2265"/>
              </a:avLst>
            </a:prstGeom>
            <a:gradFill flip="none" rotWithShape="1">
              <a:gsLst>
                <a:gs pos="0">
                  <a:srgbClr val="F3FBFE"/>
                </a:gs>
                <a:gs pos="100000">
                  <a:srgbClr val="00B0F0"/>
                </a:gs>
              </a:gsLst>
              <a:lin ang="5400000" scaled="1"/>
              <a:tileRect/>
            </a:gradFill>
            <a:ln w="28575" cap="flat" cmpd="sng" algn="ctr">
              <a:noFill/>
              <a:prstDash val="solid"/>
              <a:headEnd type="none" w="sm" len="med"/>
              <a:tailEnd type="none" w="sm" len="med"/>
            </a:ln>
            <a:effectLst/>
          </p:spPr>
          <p:txBody>
            <a:bodyPr lIns="91396" tIns="45698" rIns="91396" bIns="45698" rtlCol="0" anchor="ctr"/>
            <a:lstStyle/>
            <a:p>
              <a:pPr algn="ctr" defTabSz="1218784"/>
              <a:endParaRPr lang="zh-CN" altLang="en-US" sz="1399" kern="0">
                <a:solidFill>
                  <a:prstClr val="black">
                    <a:lumMod val="65000"/>
                    <a:lumOff val="35000"/>
                  </a:prstClr>
                </a:solidFill>
                <a:cs typeface="+mn-ea"/>
                <a:sym typeface="Huawei Sans" panose="020C0503030203020204" pitchFamily="34" charset="0"/>
              </a:endParaRPr>
            </a:p>
          </p:txBody>
        </p:sp>
        <p:sp>
          <p:nvSpPr>
            <p:cNvPr id="15" name="空心弧 14">
              <a:extLst>
                <a:ext uri="{FF2B5EF4-FFF2-40B4-BE49-F238E27FC236}">
                  <a16:creationId xmlns:a16="http://schemas.microsoft.com/office/drawing/2014/main" xmlns="" id="{FC267298-75EB-424F-B369-12815E3F132B}"/>
                </a:ext>
              </a:extLst>
            </p:cNvPr>
            <p:cNvSpPr/>
            <p:nvPr/>
          </p:nvSpPr>
          <p:spPr>
            <a:xfrm rot="10800000">
              <a:off x="1834911" y="3216123"/>
              <a:ext cx="1776730" cy="1765739"/>
            </a:xfrm>
            <a:prstGeom prst="blockArc">
              <a:avLst>
                <a:gd name="adj1" fmla="val 7420654"/>
                <a:gd name="adj2" fmla="val 14882723"/>
                <a:gd name="adj3" fmla="val 2013"/>
              </a:avLst>
            </a:prstGeom>
            <a:gradFill flip="none" rotWithShape="1">
              <a:gsLst>
                <a:gs pos="0">
                  <a:srgbClr val="F3FBFE"/>
                </a:gs>
                <a:gs pos="100000">
                  <a:srgbClr val="00B0F0"/>
                </a:gs>
              </a:gsLst>
              <a:lin ang="5400000" scaled="1"/>
              <a:tileRect/>
            </a:gradFill>
            <a:ln w="28575" cap="flat" cmpd="sng" algn="ctr">
              <a:noFill/>
              <a:prstDash val="solid"/>
              <a:headEnd type="none" w="sm" len="med"/>
              <a:tailEnd type="none" w="sm" len="med"/>
            </a:ln>
            <a:effectLst/>
          </p:spPr>
          <p:txBody>
            <a:bodyPr lIns="91396" tIns="45698" rIns="91396" bIns="45698" rtlCol="0" anchor="ctr"/>
            <a:lstStyle/>
            <a:p>
              <a:pPr algn="ctr" defTabSz="1218784">
                <a:defRPr/>
              </a:pPr>
              <a:endParaRPr lang="zh-CN" altLang="en-US" sz="1399" kern="0">
                <a:solidFill>
                  <a:prstClr val="black">
                    <a:lumMod val="65000"/>
                    <a:lumOff val="35000"/>
                  </a:prstClr>
                </a:solidFill>
                <a:cs typeface="+mn-ea"/>
                <a:sym typeface="Huawei Sans" panose="020C0503030203020204" pitchFamily="34" charset="0"/>
              </a:endParaRPr>
            </a:p>
          </p:txBody>
        </p:sp>
      </p:grpSp>
      <p:sp>
        <p:nvSpPr>
          <p:cNvPr id="16" name="文本框 15">
            <a:extLst>
              <a:ext uri="{FF2B5EF4-FFF2-40B4-BE49-F238E27FC236}">
                <a16:creationId xmlns:a16="http://schemas.microsoft.com/office/drawing/2014/main" xmlns="" id="{3AAD62AB-D34A-4700-88E8-DED2861B28DE}"/>
              </a:ext>
            </a:extLst>
          </p:cNvPr>
          <p:cNvSpPr txBox="1"/>
          <p:nvPr/>
        </p:nvSpPr>
        <p:spPr>
          <a:xfrm>
            <a:off x="2316014" y="4089771"/>
            <a:ext cx="529615" cy="553998"/>
          </a:xfrm>
          <a:prstGeom prst="rect">
            <a:avLst/>
          </a:prstGeom>
          <a:noFill/>
        </p:spPr>
        <p:txBody>
          <a:bodyPr wrap="square" lIns="0" tIns="0" rIns="0" bIns="0" rtlCol="0">
            <a:spAutoFit/>
          </a:bodyPr>
          <a:lstStyle/>
          <a:p>
            <a:pPr algn="ctr"/>
            <a:r>
              <a:rPr kumimoji="1" lang="en-US" altLang="zh-CN" sz="3600" dirty="0">
                <a:solidFill>
                  <a:srgbClr val="00B0F0"/>
                </a:solidFill>
                <a:cs typeface="+mn-ea"/>
                <a:sym typeface="Huawei Sans" panose="020C0503030203020204" pitchFamily="34" charset="0"/>
              </a:rPr>
              <a:t>2</a:t>
            </a:r>
            <a:endParaRPr kumimoji="1" lang="zh-CN" altLang="en-US" sz="3600" dirty="0">
              <a:solidFill>
                <a:srgbClr val="00B0F0"/>
              </a:solidFill>
              <a:cs typeface="+mn-ea"/>
              <a:sym typeface="Huawei Sans" panose="020C0503030203020204" pitchFamily="34" charset="0"/>
            </a:endParaRPr>
          </a:p>
        </p:txBody>
      </p:sp>
      <p:sp>
        <p:nvSpPr>
          <p:cNvPr id="17" name="燕尾形 18">
            <a:extLst>
              <a:ext uri="{FF2B5EF4-FFF2-40B4-BE49-F238E27FC236}">
                <a16:creationId xmlns:a16="http://schemas.microsoft.com/office/drawing/2014/main" xmlns="" id="{47FCFB8E-6F2E-40E4-8738-D974B6E75EB3}"/>
              </a:ext>
            </a:extLst>
          </p:cNvPr>
          <p:cNvSpPr/>
          <p:nvPr/>
        </p:nvSpPr>
        <p:spPr>
          <a:xfrm rot="10800000">
            <a:off x="2519070" y="3404105"/>
            <a:ext cx="101013" cy="134041"/>
          </a:xfrm>
          <a:prstGeom prst="chevron">
            <a:avLst>
              <a:gd name="adj" fmla="val 89783"/>
            </a:avLst>
          </a:prstGeom>
          <a:solidFill>
            <a:srgbClr val="00B0F0"/>
          </a:solidFill>
          <a:ln w="25400" cap="flat" cmpd="sng" algn="ctr">
            <a:solidFill>
              <a:srgbClr val="00B0F0"/>
            </a:solidFill>
            <a:prstDash val="solid"/>
          </a:ln>
          <a:effectLst/>
        </p:spPr>
        <p:txBody>
          <a:bodyPr rtlCol="0" anchor="ctr"/>
          <a:lstStyle/>
          <a:p>
            <a:pPr algn="ctr" defTabSz="1218784">
              <a:defRPr/>
            </a:pPr>
            <a:endParaRPr lang="zh-CN" altLang="en-US" sz="1399" kern="0">
              <a:solidFill>
                <a:prstClr val="black">
                  <a:lumMod val="65000"/>
                  <a:lumOff val="35000"/>
                </a:prstClr>
              </a:solidFill>
              <a:cs typeface="+mn-ea"/>
              <a:sym typeface="Huawei Sans" panose="020C0503030203020204" pitchFamily="34" charset="0"/>
            </a:endParaRPr>
          </a:p>
        </p:txBody>
      </p:sp>
      <p:sp>
        <p:nvSpPr>
          <p:cNvPr id="18" name="燕尾形 19">
            <a:extLst>
              <a:ext uri="{FF2B5EF4-FFF2-40B4-BE49-F238E27FC236}">
                <a16:creationId xmlns:a16="http://schemas.microsoft.com/office/drawing/2014/main" xmlns="" id="{774820CD-5E73-4DB3-8F58-696E6347A7BE}"/>
              </a:ext>
            </a:extLst>
          </p:cNvPr>
          <p:cNvSpPr/>
          <p:nvPr/>
        </p:nvSpPr>
        <p:spPr>
          <a:xfrm>
            <a:off x="2553693" y="4971783"/>
            <a:ext cx="101013" cy="134041"/>
          </a:xfrm>
          <a:prstGeom prst="chevron">
            <a:avLst>
              <a:gd name="adj" fmla="val 89783"/>
            </a:avLst>
          </a:prstGeom>
          <a:solidFill>
            <a:srgbClr val="C00000"/>
          </a:solidFill>
          <a:ln w="25400" cap="flat" cmpd="sng" algn="ctr">
            <a:solidFill>
              <a:srgbClr val="00B0F0"/>
            </a:solidFill>
            <a:prstDash val="solid"/>
          </a:ln>
          <a:effectLst/>
        </p:spPr>
        <p:txBody>
          <a:bodyPr rtlCol="0" anchor="ctr"/>
          <a:lstStyle/>
          <a:p>
            <a:pPr algn="ctr" defTabSz="1218784">
              <a:defRPr/>
            </a:pPr>
            <a:endParaRPr lang="zh-CN" altLang="en-US" sz="1399" kern="0">
              <a:solidFill>
                <a:prstClr val="black">
                  <a:lumMod val="65000"/>
                  <a:lumOff val="35000"/>
                </a:prstClr>
              </a:solidFill>
              <a:cs typeface="+mn-ea"/>
              <a:sym typeface="Huawei Sans" panose="020C0503030203020204" pitchFamily="34" charset="0"/>
            </a:endParaRPr>
          </a:p>
        </p:txBody>
      </p:sp>
      <p:grpSp>
        <p:nvGrpSpPr>
          <p:cNvPr id="19" name="组合 50">
            <a:extLst>
              <a:ext uri="{FF2B5EF4-FFF2-40B4-BE49-F238E27FC236}">
                <a16:creationId xmlns:a16="http://schemas.microsoft.com/office/drawing/2014/main" xmlns="" id="{537552FC-1E5B-4337-BF7B-FDB80FC71AC3}"/>
              </a:ext>
            </a:extLst>
          </p:cNvPr>
          <p:cNvGrpSpPr>
            <a:grpSpLocks noChangeAspect="1"/>
          </p:cNvGrpSpPr>
          <p:nvPr/>
        </p:nvGrpSpPr>
        <p:grpSpPr bwMode="auto">
          <a:xfrm>
            <a:off x="2919550" y="4037633"/>
            <a:ext cx="511657" cy="466736"/>
            <a:chOff x="4656138" y="1211263"/>
            <a:chExt cx="852487" cy="750887"/>
          </a:xfrm>
          <a:solidFill>
            <a:srgbClr val="00B0F0"/>
          </a:solidFill>
        </p:grpSpPr>
        <p:sp>
          <p:nvSpPr>
            <p:cNvPr id="20" name="Freeform 12">
              <a:extLst>
                <a:ext uri="{FF2B5EF4-FFF2-40B4-BE49-F238E27FC236}">
                  <a16:creationId xmlns:a16="http://schemas.microsoft.com/office/drawing/2014/main" xmlns="" id="{195959BE-7420-45CA-92AA-552BC27F3EA7}"/>
                </a:ext>
              </a:extLst>
            </p:cNvPr>
            <p:cNvSpPr>
              <a:spLocks/>
            </p:cNvSpPr>
            <p:nvPr/>
          </p:nvSpPr>
          <p:spPr bwMode="auto">
            <a:xfrm>
              <a:off x="5102225" y="1211263"/>
              <a:ext cx="406400" cy="750887"/>
            </a:xfrm>
            <a:custGeom>
              <a:avLst/>
              <a:gdLst>
                <a:gd name="T0" fmla="*/ 316089 w 108"/>
                <a:gd name="T1" fmla="*/ 289091 h 200"/>
                <a:gd name="T2" fmla="*/ 312326 w 108"/>
                <a:gd name="T3" fmla="*/ 285337 h 200"/>
                <a:gd name="T4" fmla="*/ 289748 w 108"/>
                <a:gd name="T5" fmla="*/ 236529 h 200"/>
                <a:gd name="T6" fmla="*/ 316089 w 108"/>
                <a:gd name="T7" fmla="*/ 206494 h 200"/>
                <a:gd name="T8" fmla="*/ 316089 w 108"/>
                <a:gd name="T9" fmla="*/ 127651 h 200"/>
                <a:gd name="T10" fmla="*/ 237067 w 108"/>
                <a:gd name="T11" fmla="*/ 71334 h 200"/>
                <a:gd name="T12" fmla="*/ 173096 w 108"/>
                <a:gd name="T13" fmla="*/ 112633 h 200"/>
                <a:gd name="T14" fmla="*/ 169333 w 108"/>
                <a:gd name="T15" fmla="*/ 112633 h 200"/>
                <a:gd name="T16" fmla="*/ 120415 w 108"/>
                <a:gd name="T17" fmla="*/ 93861 h 200"/>
                <a:gd name="T18" fmla="*/ 112889 w 108"/>
                <a:gd name="T19" fmla="*/ 86352 h 200"/>
                <a:gd name="T20" fmla="*/ 56444 w 108"/>
                <a:gd name="T21" fmla="*/ 0 h 200"/>
                <a:gd name="T22" fmla="*/ 0 w 108"/>
                <a:gd name="T23" fmla="*/ 30035 h 200"/>
                <a:gd name="T24" fmla="*/ 52681 w 108"/>
                <a:gd name="T25" fmla="*/ 60071 h 200"/>
                <a:gd name="T26" fmla="*/ 97837 w 108"/>
                <a:gd name="T27" fmla="*/ 150177 h 200"/>
                <a:gd name="T28" fmla="*/ 169333 w 108"/>
                <a:gd name="T29" fmla="*/ 172704 h 200"/>
                <a:gd name="T30" fmla="*/ 237067 w 108"/>
                <a:gd name="T31" fmla="*/ 135160 h 200"/>
                <a:gd name="T32" fmla="*/ 248356 w 108"/>
                <a:gd name="T33" fmla="*/ 187722 h 200"/>
                <a:gd name="T34" fmla="*/ 252119 w 108"/>
                <a:gd name="T35" fmla="*/ 304109 h 200"/>
                <a:gd name="T36" fmla="*/ 346193 w 108"/>
                <a:gd name="T37" fmla="*/ 352917 h 200"/>
                <a:gd name="T38" fmla="*/ 316089 w 108"/>
                <a:gd name="T39" fmla="*/ 397970 h 200"/>
                <a:gd name="T40" fmla="*/ 237067 w 108"/>
                <a:gd name="T41" fmla="*/ 484322 h 200"/>
                <a:gd name="T42" fmla="*/ 267170 w 108"/>
                <a:gd name="T43" fmla="*/ 578183 h 200"/>
                <a:gd name="T44" fmla="*/ 218252 w 108"/>
                <a:gd name="T45" fmla="*/ 593201 h 200"/>
                <a:gd name="T46" fmla="*/ 139230 w 108"/>
                <a:gd name="T47" fmla="*/ 578183 h 200"/>
                <a:gd name="T48" fmla="*/ 52681 w 108"/>
                <a:gd name="T49" fmla="*/ 660781 h 200"/>
                <a:gd name="T50" fmla="*/ 30104 w 108"/>
                <a:gd name="T51" fmla="*/ 687062 h 200"/>
                <a:gd name="T52" fmla="*/ 30104 w 108"/>
                <a:gd name="T53" fmla="*/ 750887 h 200"/>
                <a:gd name="T54" fmla="*/ 112889 w 108"/>
                <a:gd name="T55" fmla="*/ 690816 h 200"/>
                <a:gd name="T56" fmla="*/ 116652 w 108"/>
                <a:gd name="T57" fmla="*/ 657026 h 200"/>
                <a:gd name="T58" fmla="*/ 165570 w 108"/>
                <a:gd name="T59" fmla="*/ 634500 h 200"/>
                <a:gd name="T60" fmla="*/ 169333 w 108"/>
                <a:gd name="T61" fmla="*/ 634500 h 200"/>
                <a:gd name="T62" fmla="*/ 195674 w 108"/>
                <a:gd name="T63" fmla="*/ 657026 h 200"/>
                <a:gd name="T64" fmla="*/ 278459 w 108"/>
                <a:gd name="T65" fmla="*/ 657026 h 200"/>
                <a:gd name="T66" fmla="*/ 331141 w 108"/>
                <a:gd name="T67" fmla="*/ 578183 h 200"/>
                <a:gd name="T68" fmla="*/ 293511 w 108"/>
                <a:gd name="T69" fmla="*/ 518112 h 200"/>
                <a:gd name="T70" fmla="*/ 293511 w 108"/>
                <a:gd name="T71" fmla="*/ 506849 h 200"/>
                <a:gd name="T72" fmla="*/ 312326 w 108"/>
                <a:gd name="T73" fmla="*/ 461796 h 200"/>
                <a:gd name="T74" fmla="*/ 349956 w 108"/>
                <a:gd name="T75" fmla="*/ 458041 h 200"/>
                <a:gd name="T76" fmla="*/ 406400 w 108"/>
                <a:gd name="T77" fmla="*/ 345408 h 200"/>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0" t="0" r="r" b="b"/>
              <a:pathLst>
                <a:path w="108" h="200">
                  <a:moveTo>
                    <a:pt x="93" y="77"/>
                  </a:moveTo>
                  <a:cubicBezTo>
                    <a:pt x="84" y="77"/>
                    <a:pt x="84" y="77"/>
                    <a:pt x="84" y="77"/>
                  </a:cubicBezTo>
                  <a:cubicBezTo>
                    <a:pt x="84" y="77"/>
                    <a:pt x="83" y="77"/>
                    <a:pt x="83" y="76"/>
                  </a:cubicBezTo>
                  <a:cubicBezTo>
                    <a:pt x="83" y="76"/>
                    <a:pt x="83" y="76"/>
                    <a:pt x="83" y="76"/>
                  </a:cubicBezTo>
                  <a:cubicBezTo>
                    <a:pt x="78" y="64"/>
                    <a:pt x="78" y="64"/>
                    <a:pt x="78" y="64"/>
                  </a:cubicBezTo>
                  <a:cubicBezTo>
                    <a:pt x="78" y="63"/>
                    <a:pt x="78" y="63"/>
                    <a:pt x="77" y="63"/>
                  </a:cubicBezTo>
                  <a:cubicBezTo>
                    <a:pt x="77" y="63"/>
                    <a:pt x="77" y="62"/>
                    <a:pt x="78" y="61"/>
                  </a:cubicBezTo>
                  <a:cubicBezTo>
                    <a:pt x="84" y="55"/>
                    <a:pt x="84" y="55"/>
                    <a:pt x="84" y="55"/>
                  </a:cubicBezTo>
                  <a:cubicBezTo>
                    <a:pt x="87" y="53"/>
                    <a:pt x="88" y="49"/>
                    <a:pt x="88" y="45"/>
                  </a:cubicBezTo>
                  <a:cubicBezTo>
                    <a:pt x="88" y="41"/>
                    <a:pt x="87" y="37"/>
                    <a:pt x="84" y="34"/>
                  </a:cubicBezTo>
                  <a:cubicBezTo>
                    <a:pt x="74" y="24"/>
                    <a:pt x="74" y="24"/>
                    <a:pt x="74" y="24"/>
                  </a:cubicBezTo>
                  <a:cubicBezTo>
                    <a:pt x="71" y="21"/>
                    <a:pt x="67" y="19"/>
                    <a:pt x="63" y="19"/>
                  </a:cubicBezTo>
                  <a:cubicBezTo>
                    <a:pt x="59" y="19"/>
                    <a:pt x="55" y="21"/>
                    <a:pt x="52" y="24"/>
                  </a:cubicBezTo>
                  <a:cubicBezTo>
                    <a:pt x="46" y="30"/>
                    <a:pt x="46" y="30"/>
                    <a:pt x="46" y="30"/>
                  </a:cubicBezTo>
                  <a:cubicBezTo>
                    <a:pt x="46" y="30"/>
                    <a:pt x="46" y="30"/>
                    <a:pt x="45" y="30"/>
                  </a:cubicBezTo>
                  <a:cubicBezTo>
                    <a:pt x="45" y="30"/>
                    <a:pt x="45" y="30"/>
                    <a:pt x="45" y="30"/>
                  </a:cubicBezTo>
                  <a:cubicBezTo>
                    <a:pt x="44" y="30"/>
                    <a:pt x="44" y="30"/>
                    <a:pt x="44" y="30"/>
                  </a:cubicBezTo>
                  <a:cubicBezTo>
                    <a:pt x="32" y="25"/>
                    <a:pt x="32" y="25"/>
                    <a:pt x="32" y="25"/>
                  </a:cubicBezTo>
                  <a:cubicBezTo>
                    <a:pt x="32" y="25"/>
                    <a:pt x="32" y="25"/>
                    <a:pt x="31" y="25"/>
                  </a:cubicBezTo>
                  <a:cubicBezTo>
                    <a:pt x="31" y="24"/>
                    <a:pt x="30" y="24"/>
                    <a:pt x="30" y="23"/>
                  </a:cubicBezTo>
                  <a:cubicBezTo>
                    <a:pt x="30" y="15"/>
                    <a:pt x="30" y="15"/>
                    <a:pt x="30" y="15"/>
                  </a:cubicBezTo>
                  <a:cubicBezTo>
                    <a:pt x="30" y="6"/>
                    <a:pt x="23" y="0"/>
                    <a:pt x="15" y="0"/>
                  </a:cubicBezTo>
                  <a:cubicBezTo>
                    <a:pt x="8" y="0"/>
                    <a:pt x="8" y="0"/>
                    <a:pt x="8" y="0"/>
                  </a:cubicBezTo>
                  <a:cubicBezTo>
                    <a:pt x="3" y="0"/>
                    <a:pt x="0" y="3"/>
                    <a:pt x="0" y="8"/>
                  </a:cubicBezTo>
                  <a:cubicBezTo>
                    <a:pt x="0" y="12"/>
                    <a:pt x="3" y="16"/>
                    <a:pt x="8" y="16"/>
                  </a:cubicBezTo>
                  <a:cubicBezTo>
                    <a:pt x="14" y="16"/>
                    <a:pt x="14" y="16"/>
                    <a:pt x="14" y="16"/>
                  </a:cubicBezTo>
                  <a:cubicBezTo>
                    <a:pt x="14" y="23"/>
                    <a:pt x="14" y="23"/>
                    <a:pt x="14" y="23"/>
                  </a:cubicBezTo>
                  <a:cubicBezTo>
                    <a:pt x="14" y="31"/>
                    <a:pt x="19" y="38"/>
                    <a:pt x="26" y="40"/>
                  </a:cubicBezTo>
                  <a:cubicBezTo>
                    <a:pt x="37" y="45"/>
                    <a:pt x="37" y="45"/>
                    <a:pt x="37" y="45"/>
                  </a:cubicBezTo>
                  <a:cubicBezTo>
                    <a:pt x="39" y="46"/>
                    <a:pt x="42" y="46"/>
                    <a:pt x="45" y="46"/>
                  </a:cubicBezTo>
                  <a:cubicBezTo>
                    <a:pt x="50" y="46"/>
                    <a:pt x="54" y="45"/>
                    <a:pt x="58" y="41"/>
                  </a:cubicBezTo>
                  <a:cubicBezTo>
                    <a:pt x="63" y="36"/>
                    <a:pt x="63" y="36"/>
                    <a:pt x="63" y="36"/>
                  </a:cubicBezTo>
                  <a:cubicBezTo>
                    <a:pt x="71" y="45"/>
                    <a:pt x="71" y="45"/>
                    <a:pt x="71" y="45"/>
                  </a:cubicBezTo>
                  <a:cubicBezTo>
                    <a:pt x="66" y="50"/>
                    <a:pt x="66" y="50"/>
                    <a:pt x="66" y="50"/>
                  </a:cubicBezTo>
                  <a:cubicBezTo>
                    <a:pt x="61" y="55"/>
                    <a:pt x="60" y="64"/>
                    <a:pt x="63" y="70"/>
                  </a:cubicBezTo>
                  <a:cubicBezTo>
                    <a:pt x="67" y="81"/>
                    <a:pt x="67" y="81"/>
                    <a:pt x="67" y="81"/>
                  </a:cubicBezTo>
                  <a:cubicBezTo>
                    <a:pt x="70" y="88"/>
                    <a:pt x="77" y="94"/>
                    <a:pt x="84" y="94"/>
                  </a:cubicBezTo>
                  <a:cubicBezTo>
                    <a:pt x="92" y="94"/>
                    <a:pt x="92" y="94"/>
                    <a:pt x="92" y="94"/>
                  </a:cubicBezTo>
                  <a:cubicBezTo>
                    <a:pt x="92" y="106"/>
                    <a:pt x="92" y="106"/>
                    <a:pt x="92" y="106"/>
                  </a:cubicBezTo>
                  <a:cubicBezTo>
                    <a:pt x="84" y="106"/>
                    <a:pt x="84" y="106"/>
                    <a:pt x="84" y="106"/>
                  </a:cubicBezTo>
                  <a:cubicBezTo>
                    <a:pt x="77" y="106"/>
                    <a:pt x="70" y="111"/>
                    <a:pt x="67" y="118"/>
                  </a:cubicBezTo>
                  <a:cubicBezTo>
                    <a:pt x="63" y="129"/>
                    <a:pt x="63" y="129"/>
                    <a:pt x="63" y="129"/>
                  </a:cubicBezTo>
                  <a:cubicBezTo>
                    <a:pt x="60" y="135"/>
                    <a:pt x="61" y="144"/>
                    <a:pt x="66" y="149"/>
                  </a:cubicBezTo>
                  <a:cubicBezTo>
                    <a:pt x="71" y="154"/>
                    <a:pt x="71" y="154"/>
                    <a:pt x="71" y="154"/>
                  </a:cubicBezTo>
                  <a:cubicBezTo>
                    <a:pt x="63" y="163"/>
                    <a:pt x="63" y="163"/>
                    <a:pt x="63" y="163"/>
                  </a:cubicBezTo>
                  <a:cubicBezTo>
                    <a:pt x="58" y="158"/>
                    <a:pt x="58" y="158"/>
                    <a:pt x="58" y="158"/>
                  </a:cubicBezTo>
                  <a:cubicBezTo>
                    <a:pt x="54" y="155"/>
                    <a:pt x="50" y="153"/>
                    <a:pt x="45" y="153"/>
                  </a:cubicBezTo>
                  <a:cubicBezTo>
                    <a:pt x="42" y="153"/>
                    <a:pt x="39" y="153"/>
                    <a:pt x="37" y="154"/>
                  </a:cubicBezTo>
                  <a:cubicBezTo>
                    <a:pt x="26" y="159"/>
                    <a:pt x="26" y="159"/>
                    <a:pt x="26" y="159"/>
                  </a:cubicBezTo>
                  <a:cubicBezTo>
                    <a:pt x="19" y="161"/>
                    <a:pt x="14" y="169"/>
                    <a:pt x="14" y="176"/>
                  </a:cubicBezTo>
                  <a:cubicBezTo>
                    <a:pt x="14" y="183"/>
                    <a:pt x="14" y="183"/>
                    <a:pt x="14" y="183"/>
                  </a:cubicBezTo>
                  <a:cubicBezTo>
                    <a:pt x="8" y="183"/>
                    <a:pt x="8" y="183"/>
                    <a:pt x="8" y="183"/>
                  </a:cubicBezTo>
                  <a:cubicBezTo>
                    <a:pt x="3" y="183"/>
                    <a:pt x="0" y="187"/>
                    <a:pt x="0" y="191"/>
                  </a:cubicBezTo>
                  <a:cubicBezTo>
                    <a:pt x="0" y="196"/>
                    <a:pt x="3" y="200"/>
                    <a:pt x="8" y="200"/>
                  </a:cubicBezTo>
                  <a:cubicBezTo>
                    <a:pt x="15" y="200"/>
                    <a:pt x="15" y="200"/>
                    <a:pt x="15" y="200"/>
                  </a:cubicBezTo>
                  <a:cubicBezTo>
                    <a:pt x="23" y="200"/>
                    <a:pt x="30" y="193"/>
                    <a:pt x="30" y="184"/>
                  </a:cubicBezTo>
                  <a:cubicBezTo>
                    <a:pt x="30" y="176"/>
                    <a:pt x="30" y="176"/>
                    <a:pt x="30" y="176"/>
                  </a:cubicBezTo>
                  <a:cubicBezTo>
                    <a:pt x="30" y="175"/>
                    <a:pt x="31" y="175"/>
                    <a:pt x="31" y="175"/>
                  </a:cubicBezTo>
                  <a:cubicBezTo>
                    <a:pt x="31" y="174"/>
                    <a:pt x="32" y="174"/>
                    <a:pt x="32" y="174"/>
                  </a:cubicBezTo>
                  <a:cubicBezTo>
                    <a:pt x="44" y="169"/>
                    <a:pt x="44" y="169"/>
                    <a:pt x="44" y="169"/>
                  </a:cubicBezTo>
                  <a:cubicBezTo>
                    <a:pt x="44" y="169"/>
                    <a:pt x="44" y="169"/>
                    <a:pt x="45" y="169"/>
                  </a:cubicBezTo>
                  <a:cubicBezTo>
                    <a:pt x="45" y="169"/>
                    <a:pt x="45" y="169"/>
                    <a:pt x="45" y="169"/>
                  </a:cubicBezTo>
                  <a:cubicBezTo>
                    <a:pt x="46" y="169"/>
                    <a:pt x="46" y="169"/>
                    <a:pt x="46" y="169"/>
                  </a:cubicBezTo>
                  <a:cubicBezTo>
                    <a:pt x="52" y="175"/>
                    <a:pt x="52" y="175"/>
                    <a:pt x="52" y="175"/>
                  </a:cubicBezTo>
                  <a:cubicBezTo>
                    <a:pt x="55" y="178"/>
                    <a:pt x="59" y="180"/>
                    <a:pt x="63" y="180"/>
                  </a:cubicBezTo>
                  <a:cubicBezTo>
                    <a:pt x="67" y="180"/>
                    <a:pt x="71" y="178"/>
                    <a:pt x="74" y="175"/>
                  </a:cubicBezTo>
                  <a:cubicBezTo>
                    <a:pt x="84" y="165"/>
                    <a:pt x="84" y="165"/>
                    <a:pt x="84" y="165"/>
                  </a:cubicBezTo>
                  <a:cubicBezTo>
                    <a:pt x="87" y="162"/>
                    <a:pt x="88" y="159"/>
                    <a:pt x="88" y="154"/>
                  </a:cubicBezTo>
                  <a:cubicBezTo>
                    <a:pt x="88" y="150"/>
                    <a:pt x="87" y="147"/>
                    <a:pt x="84" y="144"/>
                  </a:cubicBezTo>
                  <a:cubicBezTo>
                    <a:pt x="78" y="138"/>
                    <a:pt x="78" y="138"/>
                    <a:pt x="78" y="138"/>
                  </a:cubicBezTo>
                  <a:cubicBezTo>
                    <a:pt x="77" y="137"/>
                    <a:pt x="77" y="136"/>
                    <a:pt x="77" y="136"/>
                  </a:cubicBezTo>
                  <a:cubicBezTo>
                    <a:pt x="78" y="136"/>
                    <a:pt x="78" y="136"/>
                    <a:pt x="78" y="135"/>
                  </a:cubicBezTo>
                  <a:cubicBezTo>
                    <a:pt x="83" y="124"/>
                    <a:pt x="83" y="124"/>
                    <a:pt x="83" y="124"/>
                  </a:cubicBezTo>
                  <a:cubicBezTo>
                    <a:pt x="83" y="123"/>
                    <a:pt x="83" y="123"/>
                    <a:pt x="83" y="123"/>
                  </a:cubicBezTo>
                  <a:cubicBezTo>
                    <a:pt x="83" y="123"/>
                    <a:pt x="84" y="122"/>
                    <a:pt x="84" y="122"/>
                  </a:cubicBezTo>
                  <a:cubicBezTo>
                    <a:pt x="93" y="122"/>
                    <a:pt x="93" y="122"/>
                    <a:pt x="93" y="122"/>
                  </a:cubicBezTo>
                  <a:cubicBezTo>
                    <a:pt x="101" y="122"/>
                    <a:pt x="108" y="115"/>
                    <a:pt x="108" y="107"/>
                  </a:cubicBezTo>
                  <a:cubicBezTo>
                    <a:pt x="108" y="92"/>
                    <a:pt x="108" y="92"/>
                    <a:pt x="108" y="92"/>
                  </a:cubicBezTo>
                  <a:cubicBezTo>
                    <a:pt x="108" y="84"/>
                    <a:pt x="101" y="77"/>
                    <a:pt x="93" y="7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a:cs typeface="+mn-ea"/>
                <a:sym typeface="Huawei Sans" panose="020C0503030203020204" pitchFamily="34" charset="0"/>
              </a:endParaRPr>
            </a:p>
          </p:txBody>
        </p:sp>
        <p:sp>
          <p:nvSpPr>
            <p:cNvPr id="21" name="Freeform 13">
              <a:extLst>
                <a:ext uri="{FF2B5EF4-FFF2-40B4-BE49-F238E27FC236}">
                  <a16:creationId xmlns:a16="http://schemas.microsoft.com/office/drawing/2014/main" xmlns="" id="{C7D71366-2FAE-4B68-B6F6-DBDE42BE6DCB}"/>
                </a:ext>
              </a:extLst>
            </p:cNvPr>
            <p:cNvSpPr>
              <a:spLocks/>
            </p:cNvSpPr>
            <p:nvPr/>
          </p:nvSpPr>
          <p:spPr bwMode="auto">
            <a:xfrm>
              <a:off x="5102225" y="1420813"/>
              <a:ext cx="192088" cy="327025"/>
            </a:xfrm>
            <a:custGeom>
              <a:avLst/>
              <a:gdLst>
                <a:gd name="T0" fmla="*/ 30131 w 51"/>
                <a:gd name="T1" fmla="*/ 266882 h 87"/>
                <a:gd name="T2" fmla="*/ 0 w 51"/>
                <a:gd name="T3" fmla="*/ 296954 h 87"/>
                <a:gd name="T4" fmla="*/ 30131 w 51"/>
                <a:gd name="T5" fmla="*/ 327025 h 87"/>
                <a:gd name="T6" fmla="*/ 192088 w 51"/>
                <a:gd name="T7" fmla="*/ 165392 h 87"/>
                <a:gd name="T8" fmla="*/ 30131 w 51"/>
                <a:gd name="T9" fmla="*/ 0 h 87"/>
                <a:gd name="T10" fmla="*/ 0 w 51"/>
                <a:gd name="T11" fmla="*/ 30071 h 87"/>
                <a:gd name="T12" fmla="*/ 30131 w 51"/>
                <a:gd name="T13" fmla="*/ 60143 h 87"/>
                <a:gd name="T14" fmla="*/ 131825 w 51"/>
                <a:gd name="T15" fmla="*/ 165392 h 87"/>
                <a:gd name="T16" fmla="*/ 30131 w 51"/>
                <a:gd name="T17" fmla="*/ 266882 h 8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51" h="87">
                  <a:moveTo>
                    <a:pt x="8" y="71"/>
                  </a:moveTo>
                  <a:cubicBezTo>
                    <a:pt x="4" y="71"/>
                    <a:pt x="0" y="74"/>
                    <a:pt x="0" y="79"/>
                  </a:cubicBezTo>
                  <a:cubicBezTo>
                    <a:pt x="0" y="83"/>
                    <a:pt x="4" y="87"/>
                    <a:pt x="8" y="87"/>
                  </a:cubicBezTo>
                  <a:cubicBezTo>
                    <a:pt x="32" y="87"/>
                    <a:pt x="51" y="68"/>
                    <a:pt x="51" y="44"/>
                  </a:cubicBezTo>
                  <a:cubicBezTo>
                    <a:pt x="51" y="20"/>
                    <a:pt x="32" y="0"/>
                    <a:pt x="8" y="0"/>
                  </a:cubicBezTo>
                  <a:cubicBezTo>
                    <a:pt x="4" y="0"/>
                    <a:pt x="0" y="4"/>
                    <a:pt x="0" y="8"/>
                  </a:cubicBezTo>
                  <a:cubicBezTo>
                    <a:pt x="0" y="13"/>
                    <a:pt x="4" y="16"/>
                    <a:pt x="8" y="16"/>
                  </a:cubicBezTo>
                  <a:cubicBezTo>
                    <a:pt x="23" y="16"/>
                    <a:pt x="35" y="29"/>
                    <a:pt x="35" y="44"/>
                  </a:cubicBezTo>
                  <a:cubicBezTo>
                    <a:pt x="35" y="59"/>
                    <a:pt x="23" y="71"/>
                    <a:pt x="8" y="7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a:cs typeface="+mn-ea"/>
                <a:sym typeface="Huawei Sans" panose="020C0503030203020204" pitchFamily="34" charset="0"/>
              </a:endParaRPr>
            </a:p>
          </p:txBody>
        </p:sp>
        <p:sp>
          <p:nvSpPr>
            <p:cNvPr id="22" name="Freeform 14">
              <a:extLst>
                <a:ext uri="{FF2B5EF4-FFF2-40B4-BE49-F238E27FC236}">
                  <a16:creationId xmlns:a16="http://schemas.microsoft.com/office/drawing/2014/main" xmlns="" id="{21E66CA9-6B6D-41E4-A9AD-A551FBF9B4DE}"/>
                </a:ext>
              </a:extLst>
            </p:cNvPr>
            <p:cNvSpPr>
              <a:spLocks noEditPoints="1"/>
            </p:cNvSpPr>
            <p:nvPr/>
          </p:nvSpPr>
          <p:spPr bwMode="auto">
            <a:xfrm>
              <a:off x="4656138" y="1211263"/>
              <a:ext cx="415925" cy="750887"/>
            </a:xfrm>
            <a:custGeom>
              <a:avLst/>
              <a:gdLst>
                <a:gd name="T0" fmla="*/ 317615 w 110"/>
                <a:gd name="T1" fmla="*/ 0 h 200"/>
                <a:gd name="T2" fmla="*/ 196619 w 110"/>
                <a:gd name="T3" fmla="*/ 75089 h 200"/>
                <a:gd name="T4" fmla="*/ 86966 w 110"/>
                <a:gd name="T5" fmla="*/ 221512 h 200"/>
                <a:gd name="T6" fmla="*/ 68060 w 110"/>
                <a:gd name="T7" fmla="*/ 458041 h 200"/>
                <a:gd name="T8" fmla="*/ 196619 w 110"/>
                <a:gd name="T9" fmla="*/ 679553 h 200"/>
                <a:gd name="T10" fmla="*/ 302491 w 110"/>
                <a:gd name="T11" fmla="*/ 750887 h 200"/>
                <a:gd name="T12" fmla="*/ 381895 w 110"/>
                <a:gd name="T13" fmla="*/ 717097 h 200"/>
                <a:gd name="T14" fmla="*/ 415925 w 110"/>
                <a:gd name="T15" fmla="*/ 638254 h 200"/>
                <a:gd name="T16" fmla="*/ 415925 w 110"/>
                <a:gd name="T17" fmla="*/ 93861 h 200"/>
                <a:gd name="T18" fmla="*/ 415925 w 110"/>
                <a:gd name="T19" fmla="*/ 93861 h 200"/>
                <a:gd name="T20" fmla="*/ 302491 w 110"/>
                <a:gd name="T21" fmla="*/ 322881 h 200"/>
                <a:gd name="T22" fmla="*/ 336521 w 110"/>
                <a:gd name="T23" fmla="*/ 529375 h 200"/>
                <a:gd name="T24" fmla="*/ 336521 w 110"/>
                <a:gd name="T25" fmla="*/ 529375 h 200"/>
                <a:gd name="T26" fmla="*/ 196619 w 110"/>
                <a:gd name="T27" fmla="*/ 300355 h 200"/>
                <a:gd name="T28" fmla="*/ 223087 w 110"/>
                <a:gd name="T29" fmla="*/ 274074 h 200"/>
                <a:gd name="T30" fmla="*/ 196619 w 110"/>
                <a:gd name="T31" fmla="*/ 247793 h 200"/>
                <a:gd name="T32" fmla="*/ 147464 w 110"/>
                <a:gd name="T33" fmla="*/ 221512 h 200"/>
                <a:gd name="T34" fmla="*/ 196619 w 110"/>
                <a:gd name="T35" fmla="*/ 127651 h 200"/>
                <a:gd name="T36" fmla="*/ 317615 w 110"/>
                <a:gd name="T37" fmla="*/ 191476 h 200"/>
                <a:gd name="T38" fmla="*/ 340302 w 110"/>
                <a:gd name="T39" fmla="*/ 183967 h 200"/>
                <a:gd name="T40" fmla="*/ 340302 w 110"/>
                <a:gd name="T41" fmla="*/ 146423 h 200"/>
                <a:gd name="T42" fmla="*/ 276023 w 110"/>
                <a:gd name="T43" fmla="*/ 93861 h 200"/>
                <a:gd name="T44" fmla="*/ 362989 w 110"/>
                <a:gd name="T45" fmla="*/ 93861 h 200"/>
                <a:gd name="T46" fmla="*/ 362989 w 110"/>
                <a:gd name="T47" fmla="*/ 232775 h 200"/>
                <a:gd name="T48" fmla="*/ 302491 w 110"/>
                <a:gd name="T49" fmla="*/ 277828 h 200"/>
                <a:gd name="T50" fmla="*/ 276023 w 110"/>
                <a:gd name="T51" fmla="*/ 304109 h 200"/>
                <a:gd name="T52" fmla="*/ 302491 w 110"/>
                <a:gd name="T53" fmla="*/ 330390 h 200"/>
                <a:gd name="T54" fmla="*/ 362989 w 110"/>
                <a:gd name="T55" fmla="*/ 319127 h 200"/>
                <a:gd name="T56" fmla="*/ 336521 w 110"/>
                <a:gd name="T57" fmla="*/ 488077 h 200"/>
                <a:gd name="T58" fmla="*/ 310053 w 110"/>
                <a:gd name="T59" fmla="*/ 514358 h 200"/>
                <a:gd name="T60" fmla="*/ 336521 w 110"/>
                <a:gd name="T61" fmla="*/ 540639 h 200"/>
                <a:gd name="T62" fmla="*/ 362989 w 110"/>
                <a:gd name="T63" fmla="*/ 536884 h 200"/>
                <a:gd name="T64" fmla="*/ 344083 w 110"/>
                <a:gd name="T65" fmla="*/ 679553 h 200"/>
                <a:gd name="T66" fmla="*/ 257117 w 110"/>
                <a:gd name="T67" fmla="*/ 679553 h 200"/>
                <a:gd name="T68" fmla="*/ 268461 w 110"/>
                <a:gd name="T69" fmla="*/ 574429 h 200"/>
                <a:gd name="T70" fmla="*/ 219306 w 110"/>
                <a:gd name="T71" fmla="*/ 555656 h 200"/>
                <a:gd name="T72" fmla="*/ 128559 w 110"/>
                <a:gd name="T73" fmla="*/ 596955 h 200"/>
                <a:gd name="T74" fmla="*/ 128559 w 110"/>
                <a:gd name="T75" fmla="*/ 461796 h 200"/>
                <a:gd name="T76" fmla="*/ 264680 w 110"/>
                <a:gd name="T77" fmla="*/ 461796 h 200"/>
                <a:gd name="T78" fmla="*/ 302491 w 110"/>
                <a:gd name="T79" fmla="*/ 461796 h 200"/>
                <a:gd name="T80" fmla="*/ 302491 w 110"/>
                <a:gd name="T81" fmla="*/ 424251 h 200"/>
                <a:gd name="T82" fmla="*/ 102091 w 110"/>
                <a:gd name="T83" fmla="*/ 416742 h 200"/>
                <a:gd name="T84" fmla="*/ 113434 w 110"/>
                <a:gd name="T85" fmla="*/ 266565 h 200"/>
                <a:gd name="T86" fmla="*/ 302491 w 110"/>
                <a:gd name="T87" fmla="*/ 739624 h 200"/>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0" t="0" r="r" b="b"/>
              <a:pathLst>
                <a:path w="110" h="200">
                  <a:moveTo>
                    <a:pt x="110" y="25"/>
                  </a:moveTo>
                  <a:cubicBezTo>
                    <a:pt x="110" y="11"/>
                    <a:pt x="99" y="0"/>
                    <a:pt x="84" y="0"/>
                  </a:cubicBezTo>
                  <a:cubicBezTo>
                    <a:pt x="72" y="0"/>
                    <a:pt x="61" y="9"/>
                    <a:pt x="59" y="20"/>
                  </a:cubicBezTo>
                  <a:cubicBezTo>
                    <a:pt x="57" y="20"/>
                    <a:pt x="54" y="20"/>
                    <a:pt x="52" y="20"/>
                  </a:cubicBezTo>
                  <a:cubicBezTo>
                    <a:pt x="35" y="20"/>
                    <a:pt x="22" y="33"/>
                    <a:pt x="22" y="50"/>
                  </a:cubicBezTo>
                  <a:cubicBezTo>
                    <a:pt x="22" y="53"/>
                    <a:pt x="22" y="56"/>
                    <a:pt x="23" y="59"/>
                  </a:cubicBezTo>
                  <a:cubicBezTo>
                    <a:pt x="10" y="64"/>
                    <a:pt x="0" y="76"/>
                    <a:pt x="0" y="91"/>
                  </a:cubicBezTo>
                  <a:cubicBezTo>
                    <a:pt x="0" y="104"/>
                    <a:pt x="7" y="116"/>
                    <a:pt x="18" y="122"/>
                  </a:cubicBezTo>
                  <a:cubicBezTo>
                    <a:pt x="9" y="137"/>
                    <a:pt x="11" y="156"/>
                    <a:pt x="24" y="169"/>
                  </a:cubicBezTo>
                  <a:cubicBezTo>
                    <a:pt x="31" y="177"/>
                    <a:pt x="41" y="181"/>
                    <a:pt x="52" y="181"/>
                  </a:cubicBezTo>
                  <a:cubicBezTo>
                    <a:pt x="53" y="185"/>
                    <a:pt x="56" y="188"/>
                    <a:pt x="58" y="191"/>
                  </a:cubicBezTo>
                  <a:cubicBezTo>
                    <a:pt x="64" y="196"/>
                    <a:pt x="72" y="200"/>
                    <a:pt x="80" y="200"/>
                  </a:cubicBezTo>
                  <a:cubicBezTo>
                    <a:pt x="80" y="200"/>
                    <a:pt x="80" y="200"/>
                    <a:pt x="80" y="200"/>
                  </a:cubicBezTo>
                  <a:cubicBezTo>
                    <a:pt x="88" y="200"/>
                    <a:pt x="96" y="196"/>
                    <a:pt x="101" y="191"/>
                  </a:cubicBezTo>
                  <a:cubicBezTo>
                    <a:pt x="107" y="185"/>
                    <a:pt x="110" y="178"/>
                    <a:pt x="110" y="170"/>
                  </a:cubicBezTo>
                  <a:cubicBezTo>
                    <a:pt x="110" y="170"/>
                    <a:pt x="110" y="170"/>
                    <a:pt x="110" y="170"/>
                  </a:cubicBezTo>
                  <a:cubicBezTo>
                    <a:pt x="110" y="170"/>
                    <a:pt x="110" y="170"/>
                    <a:pt x="110" y="170"/>
                  </a:cubicBezTo>
                  <a:cubicBezTo>
                    <a:pt x="110" y="25"/>
                    <a:pt x="110" y="25"/>
                    <a:pt x="110" y="25"/>
                  </a:cubicBezTo>
                  <a:cubicBezTo>
                    <a:pt x="110" y="25"/>
                    <a:pt x="110" y="25"/>
                    <a:pt x="110" y="25"/>
                  </a:cubicBezTo>
                  <a:cubicBezTo>
                    <a:pt x="110" y="25"/>
                    <a:pt x="110" y="25"/>
                    <a:pt x="110" y="25"/>
                  </a:cubicBezTo>
                  <a:close/>
                  <a:moveTo>
                    <a:pt x="80" y="86"/>
                  </a:moveTo>
                  <a:cubicBezTo>
                    <a:pt x="80" y="86"/>
                    <a:pt x="80" y="86"/>
                    <a:pt x="80" y="86"/>
                  </a:cubicBezTo>
                  <a:cubicBezTo>
                    <a:pt x="80" y="86"/>
                    <a:pt x="80" y="86"/>
                    <a:pt x="80" y="86"/>
                  </a:cubicBezTo>
                  <a:close/>
                  <a:moveTo>
                    <a:pt x="89" y="141"/>
                  </a:moveTo>
                  <a:cubicBezTo>
                    <a:pt x="89" y="141"/>
                    <a:pt x="89" y="141"/>
                    <a:pt x="89" y="141"/>
                  </a:cubicBezTo>
                  <a:cubicBezTo>
                    <a:pt x="89" y="141"/>
                    <a:pt x="89" y="141"/>
                    <a:pt x="89" y="141"/>
                  </a:cubicBezTo>
                  <a:close/>
                  <a:moveTo>
                    <a:pt x="30" y="71"/>
                  </a:moveTo>
                  <a:cubicBezTo>
                    <a:pt x="36" y="77"/>
                    <a:pt x="43" y="80"/>
                    <a:pt x="52" y="80"/>
                  </a:cubicBezTo>
                  <a:cubicBezTo>
                    <a:pt x="54" y="80"/>
                    <a:pt x="56" y="80"/>
                    <a:pt x="57" y="78"/>
                  </a:cubicBezTo>
                  <a:cubicBezTo>
                    <a:pt x="58" y="77"/>
                    <a:pt x="59" y="75"/>
                    <a:pt x="59" y="73"/>
                  </a:cubicBezTo>
                  <a:cubicBezTo>
                    <a:pt x="59" y="71"/>
                    <a:pt x="58" y="69"/>
                    <a:pt x="57" y="68"/>
                  </a:cubicBezTo>
                  <a:cubicBezTo>
                    <a:pt x="56" y="67"/>
                    <a:pt x="54" y="66"/>
                    <a:pt x="52" y="66"/>
                  </a:cubicBezTo>
                  <a:cubicBezTo>
                    <a:pt x="48" y="66"/>
                    <a:pt x="44" y="64"/>
                    <a:pt x="41" y="62"/>
                  </a:cubicBezTo>
                  <a:cubicBezTo>
                    <a:pt x="40" y="61"/>
                    <a:pt x="40" y="60"/>
                    <a:pt x="39" y="59"/>
                  </a:cubicBezTo>
                  <a:cubicBezTo>
                    <a:pt x="37" y="57"/>
                    <a:pt x="36" y="53"/>
                    <a:pt x="36" y="50"/>
                  </a:cubicBezTo>
                  <a:cubicBezTo>
                    <a:pt x="36" y="41"/>
                    <a:pt x="43" y="34"/>
                    <a:pt x="52" y="34"/>
                  </a:cubicBezTo>
                  <a:cubicBezTo>
                    <a:pt x="55" y="34"/>
                    <a:pt x="59" y="35"/>
                    <a:pt x="62" y="37"/>
                  </a:cubicBezTo>
                  <a:cubicBezTo>
                    <a:pt x="66" y="45"/>
                    <a:pt x="75" y="51"/>
                    <a:pt x="84" y="51"/>
                  </a:cubicBezTo>
                  <a:cubicBezTo>
                    <a:pt x="84" y="51"/>
                    <a:pt x="84" y="51"/>
                    <a:pt x="84" y="51"/>
                  </a:cubicBezTo>
                  <a:cubicBezTo>
                    <a:pt x="86" y="51"/>
                    <a:pt x="88" y="50"/>
                    <a:pt x="90" y="49"/>
                  </a:cubicBezTo>
                  <a:cubicBezTo>
                    <a:pt x="91" y="48"/>
                    <a:pt x="92" y="46"/>
                    <a:pt x="92" y="44"/>
                  </a:cubicBezTo>
                  <a:cubicBezTo>
                    <a:pt x="92" y="42"/>
                    <a:pt x="91" y="40"/>
                    <a:pt x="90" y="39"/>
                  </a:cubicBezTo>
                  <a:cubicBezTo>
                    <a:pt x="88" y="37"/>
                    <a:pt x="86" y="37"/>
                    <a:pt x="84" y="37"/>
                  </a:cubicBezTo>
                  <a:cubicBezTo>
                    <a:pt x="78" y="37"/>
                    <a:pt x="73" y="32"/>
                    <a:pt x="73" y="25"/>
                  </a:cubicBezTo>
                  <a:cubicBezTo>
                    <a:pt x="73" y="19"/>
                    <a:pt x="78" y="14"/>
                    <a:pt x="84" y="14"/>
                  </a:cubicBezTo>
                  <a:cubicBezTo>
                    <a:pt x="91" y="14"/>
                    <a:pt x="96" y="19"/>
                    <a:pt x="96" y="25"/>
                  </a:cubicBezTo>
                  <a:cubicBezTo>
                    <a:pt x="96" y="25"/>
                    <a:pt x="96" y="25"/>
                    <a:pt x="96" y="25"/>
                  </a:cubicBezTo>
                  <a:cubicBezTo>
                    <a:pt x="96" y="62"/>
                    <a:pt x="96" y="62"/>
                    <a:pt x="96" y="62"/>
                  </a:cubicBezTo>
                  <a:cubicBezTo>
                    <a:pt x="96" y="62"/>
                    <a:pt x="96" y="62"/>
                    <a:pt x="96" y="62"/>
                  </a:cubicBezTo>
                  <a:cubicBezTo>
                    <a:pt x="96" y="64"/>
                    <a:pt x="95" y="74"/>
                    <a:pt x="80" y="74"/>
                  </a:cubicBezTo>
                  <a:cubicBezTo>
                    <a:pt x="78" y="74"/>
                    <a:pt x="76" y="75"/>
                    <a:pt x="75" y="76"/>
                  </a:cubicBezTo>
                  <a:cubicBezTo>
                    <a:pt x="73" y="77"/>
                    <a:pt x="73" y="79"/>
                    <a:pt x="73" y="81"/>
                  </a:cubicBezTo>
                  <a:cubicBezTo>
                    <a:pt x="73" y="83"/>
                    <a:pt x="73" y="85"/>
                    <a:pt x="75" y="86"/>
                  </a:cubicBezTo>
                  <a:cubicBezTo>
                    <a:pt x="76" y="87"/>
                    <a:pt x="78" y="88"/>
                    <a:pt x="80" y="88"/>
                  </a:cubicBezTo>
                  <a:cubicBezTo>
                    <a:pt x="80" y="88"/>
                    <a:pt x="80" y="88"/>
                    <a:pt x="80" y="88"/>
                  </a:cubicBezTo>
                  <a:cubicBezTo>
                    <a:pt x="86" y="88"/>
                    <a:pt x="92" y="87"/>
                    <a:pt x="96" y="85"/>
                  </a:cubicBezTo>
                  <a:cubicBezTo>
                    <a:pt x="96" y="125"/>
                    <a:pt x="96" y="125"/>
                    <a:pt x="96" y="125"/>
                  </a:cubicBezTo>
                  <a:cubicBezTo>
                    <a:pt x="95" y="127"/>
                    <a:pt x="92" y="130"/>
                    <a:pt x="89" y="130"/>
                  </a:cubicBezTo>
                  <a:cubicBezTo>
                    <a:pt x="87" y="130"/>
                    <a:pt x="85" y="130"/>
                    <a:pt x="84" y="132"/>
                  </a:cubicBezTo>
                  <a:cubicBezTo>
                    <a:pt x="83" y="133"/>
                    <a:pt x="82" y="135"/>
                    <a:pt x="82" y="137"/>
                  </a:cubicBezTo>
                  <a:cubicBezTo>
                    <a:pt x="82" y="139"/>
                    <a:pt x="83" y="140"/>
                    <a:pt x="84" y="142"/>
                  </a:cubicBezTo>
                  <a:cubicBezTo>
                    <a:pt x="85" y="143"/>
                    <a:pt x="87" y="144"/>
                    <a:pt x="89" y="144"/>
                  </a:cubicBezTo>
                  <a:cubicBezTo>
                    <a:pt x="89" y="144"/>
                    <a:pt x="89" y="144"/>
                    <a:pt x="89" y="144"/>
                  </a:cubicBezTo>
                  <a:cubicBezTo>
                    <a:pt x="92" y="144"/>
                    <a:pt x="94" y="143"/>
                    <a:pt x="96" y="143"/>
                  </a:cubicBezTo>
                  <a:cubicBezTo>
                    <a:pt x="96" y="169"/>
                    <a:pt x="96" y="169"/>
                    <a:pt x="96" y="169"/>
                  </a:cubicBezTo>
                  <a:cubicBezTo>
                    <a:pt x="96" y="174"/>
                    <a:pt x="94" y="178"/>
                    <a:pt x="91" y="181"/>
                  </a:cubicBezTo>
                  <a:cubicBezTo>
                    <a:pt x="88" y="184"/>
                    <a:pt x="84" y="185"/>
                    <a:pt x="80" y="185"/>
                  </a:cubicBezTo>
                  <a:cubicBezTo>
                    <a:pt x="76" y="185"/>
                    <a:pt x="71" y="184"/>
                    <a:pt x="68" y="181"/>
                  </a:cubicBezTo>
                  <a:cubicBezTo>
                    <a:pt x="62" y="174"/>
                    <a:pt x="62" y="164"/>
                    <a:pt x="68" y="158"/>
                  </a:cubicBezTo>
                  <a:cubicBezTo>
                    <a:pt x="70" y="156"/>
                    <a:pt x="71" y="155"/>
                    <a:pt x="71" y="153"/>
                  </a:cubicBezTo>
                  <a:cubicBezTo>
                    <a:pt x="71" y="151"/>
                    <a:pt x="70" y="149"/>
                    <a:pt x="68" y="148"/>
                  </a:cubicBezTo>
                  <a:cubicBezTo>
                    <a:pt x="66" y="145"/>
                    <a:pt x="61" y="145"/>
                    <a:pt x="58" y="148"/>
                  </a:cubicBezTo>
                  <a:cubicBezTo>
                    <a:pt x="53" y="153"/>
                    <a:pt x="50" y="159"/>
                    <a:pt x="50" y="167"/>
                  </a:cubicBezTo>
                  <a:cubicBezTo>
                    <a:pt x="44" y="166"/>
                    <a:pt x="38" y="163"/>
                    <a:pt x="34" y="159"/>
                  </a:cubicBezTo>
                  <a:cubicBezTo>
                    <a:pt x="29" y="154"/>
                    <a:pt x="27" y="148"/>
                    <a:pt x="27" y="141"/>
                  </a:cubicBezTo>
                  <a:cubicBezTo>
                    <a:pt x="27" y="135"/>
                    <a:pt x="29" y="128"/>
                    <a:pt x="34" y="123"/>
                  </a:cubicBezTo>
                  <a:cubicBezTo>
                    <a:pt x="39" y="119"/>
                    <a:pt x="45" y="116"/>
                    <a:pt x="52" y="116"/>
                  </a:cubicBezTo>
                  <a:cubicBezTo>
                    <a:pt x="59" y="116"/>
                    <a:pt x="65" y="119"/>
                    <a:pt x="70" y="123"/>
                  </a:cubicBezTo>
                  <a:cubicBezTo>
                    <a:pt x="71" y="125"/>
                    <a:pt x="73" y="126"/>
                    <a:pt x="75" y="126"/>
                  </a:cubicBezTo>
                  <a:cubicBezTo>
                    <a:pt x="77" y="126"/>
                    <a:pt x="79" y="125"/>
                    <a:pt x="80" y="123"/>
                  </a:cubicBezTo>
                  <a:cubicBezTo>
                    <a:pt x="81" y="122"/>
                    <a:pt x="82" y="120"/>
                    <a:pt x="82" y="118"/>
                  </a:cubicBezTo>
                  <a:cubicBezTo>
                    <a:pt x="82" y="116"/>
                    <a:pt x="81" y="115"/>
                    <a:pt x="80" y="113"/>
                  </a:cubicBezTo>
                  <a:cubicBezTo>
                    <a:pt x="73" y="106"/>
                    <a:pt x="63" y="102"/>
                    <a:pt x="52" y="102"/>
                  </a:cubicBezTo>
                  <a:cubicBezTo>
                    <a:pt x="43" y="102"/>
                    <a:pt x="34" y="105"/>
                    <a:pt x="27" y="111"/>
                  </a:cubicBezTo>
                  <a:cubicBezTo>
                    <a:pt x="20" y="107"/>
                    <a:pt x="14" y="100"/>
                    <a:pt x="14" y="91"/>
                  </a:cubicBezTo>
                  <a:cubicBezTo>
                    <a:pt x="14" y="82"/>
                    <a:pt x="21" y="74"/>
                    <a:pt x="30" y="71"/>
                  </a:cubicBezTo>
                  <a:close/>
                  <a:moveTo>
                    <a:pt x="80" y="197"/>
                  </a:moveTo>
                  <a:cubicBezTo>
                    <a:pt x="80" y="197"/>
                    <a:pt x="80" y="197"/>
                    <a:pt x="80" y="197"/>
                  </a:cubicBezTo>
                  <a:cubicBezTo>
                    <a:pt x="80" y="197"/>
                    <a:pt x="80" y="197"/>
                    <a:pt x="80" y="19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a:cs typeface="+mn-ea"/>
                <a:sym typeface="Huawei Sans" panose="020C0503030203020204" pitchFamily="34" charset="0"/>
              </a:endParaRPr>
            </a:p>
          </p:txBody>
        </p:sp>
      </p:grpSp>
      <p:sp>
        <p:nvSpPr>
          <p:cNvPr id="23" name="椭圆 22">
            <a:extLst>
              <a:ext uri="{FF2B5EF4-FFF2-40B4-BE49-F238E27FC236}">
                <a16:creationId xmlns:a16="http://schemas.microsoft.com/office/drawing/2014/main" xmlns="" id="{FEFBEEA9-5B37-4089-90A9-7E323800976A}"/>
              </a:ext>
            </a:extLst>
          </p:cNvPr>
          <p:cNvSpPr/>
          <p:nvPr/>
        </p:nvSpPr>
        <p:spPr>
          <a:xfrm>
            <a:off x="1548299" y="4089771"/>
            <a:ext cx="595602" cy="595602"/>
          </a:xfrm>
          <a:prstGeom prst="ellipse">
            <a:avLst/>
          </a:prstGeom>
          <a:solidFill>
            <a:srgbClr val="FDFDFD"/>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cs typeface="+mn-ea"/>
              <a:sym typeface="Huawei Sans" panose="020C0503030203020204" pitchFamily="34" charset="0"/>
            </a:endParaRPr>
          </a:p>
        </p:txBody>
      </p:sp>
      <p:sp>
        <p:nvSpPr>
          <p:cNvPr id="24" name="settings_296950">
            <a:extLst>
              <a:ext uri="{FF2B5EF4-FFF2-40B4-BE49-F238E27FC236}">
                <a16:creationId xmlns:a16="http://schemas.microsoft.com/office/drawing/2014/main" xmlns="" id="{6CE3CB25-7E45-4824-A85D-927D99A58DF3}"/>
              </a:ext>
            </a:extLst>
          </p:cNvPr>
          <p:cNvSpPr>
            <a:spLocks noChangeAspect="1"/>
          </p:cNvSpPr>
          <p:nvPr/>
        </p:nvSpPr>
        <p:spPr bwMode="auto">
          <a:xfrm>
            <a:off x="1624066" y="4028102"/>
            <a:ext cx="472482" cy="471768"/>
          </a:xfrm>
          <a:custGeom>
            <a:avLst/>
            <a:gdLst>
              <a:gd name="connsiteX0" fmla="*/ 289530 w 607639"/>
              <a:gd name="connsiteY0" fmla="*/ 535310 h 606722"/>
              <a:gd name="connsiteX1" fmla="*/ 318109 w 607639"/>
              <a:gd name="connsiteY1" fmla="*/ 535310 h 606722"/>
              <a:gd name="connsiteX2" fmla="*/ 318109 w 607639"/>
              <a:gd name="connsiteY2" fmla="*/ 556691 h 606722"/>
              <a:gd name="connsiteX3" fmla="*/ 289530 w 607639"/>
              <a:gd name="connsiteY3" fmla="*/ 556691 h 606722"/>
              <a:gd name="connsiteX4" fmla="*/ 461075 w 607639"/>
              <a:gd name="connsiteY4" fmla="*/ 463897 h 606722"/>
              <a:gd name="connsiteX5" fmla="*/ 489583 w 607639"/>
              <a:gd name="connsiteY5" fmla="*/ 463897 h 606722"/>
              <a:gd name="connsiteX6" fmla="*/ 489583 w 607639"/>
              <a:gd name="connsiteY6" fmla="*/ 485349 h 606722"/>
              <a:gd name="connsiteX7" fmla="*/ 461075 w 607639"/>
              <a:gd name="connsiteY7" fmla="*/ 485349 h 606722"/>
              <a:gd name="connsiteX8" fmla="*/ 117915 w 607639"/>
              <a:gd name="connsiteY8" fmla="*/ 463897 h 606722"/>
              <a:gd name="connsiteX9" fmla="*/ 146565 w 607639"/>
              <a:gd name="connsiteY9" fmla="*/ 463897 h 606722"/>
              <a:gd name="connsiteX10" fmla="*/ 146565 w 607639"/>
              <a:gd name="connsiteY10" fmla="*/ 485349 h 606722"/>
              <a:gd name="connsiteX11" fmla="*/ 117915 w 607639"/>
              <a:gd name="connsiteY11" fmla="*/ 485349 h 606722"/>
              <a:gd name="connsiteX12" fmla="*/ 532487 w 607639"/>
              <a:gd name="connsiteY12" fmla="*/ 292635 h 606722"/>
              <a:gd name="connsiteX13" fmla="*/ 561066 w 607639"/>
              <a:gd name="connsiteY13" fmla="*/ 292635 h 606722"/>
              <a:gd name="connsiteX14" fmla="*/ 561066 w 607639"/>
              <a:gd name="connsiteY14" fmla="*/ 314087 h 606722"/>
              <a:gd name="connsiteX15" fmla="*/ 532487 w 607639"/>
              <a:gd name="connsiteY15" fmla="*/ 314087 h 606722"/>
              <a:gd name="connsiteX16" fmla="*/ 46432 w 607639"/>
              <a:gd name="connsiteY16" fmla="*/ 292635 h 606722"/>
              <a:gd name="connsiteX17" fmla="*/ 75011 w 607639"/>
              <a:gd name="connsiteY17" fmla="*/ 292635 h 606722"/>
              <a:gd name="connsiteX18" fmla="*/ 75011 w 607639"/>
              <a:gd name="connsiteY18" fmla="*/ 314087 h 606722"/>
              <a:gd name="connsiteX19" fmla="*/ 46432 w 607639"/>
              <a:gd name="connsiteY19" fmla="*/ 314087 h 606722"/>
              <a:gd name="connsiteX20" fmla="*/ 346219 w 607639"/>
              <a:gd name="connsiteY20" fmla="*/ 260034 h 606722"/>
              <a:gd name="connsiteX21" fmla="*/ 361436 w 607639"/>
              <a:gd name="connsiteY21" fmla="*/ 275231 h 606722"/>
              <a:gd name="connsiteX22" fmla="*/ 282325 w 607639"/>
              <a:gd name="connsiteY22" fmla="*/ 354239 h 606722"/>
              <a:gd name="connsiteX23" fmla="*/ 239076 w 607639"/>
              <a:gd name="connsiteY23" fmla="*/ 310958 h 606722"/>
              <a:gd name="connsiteX24" fmla="*/ 254204 w 607639"/>
              <a:gd name="connsiteY24" fmla="*/ 295761 h 606722"/>
              <a:gd name="connsiteX25" fmla="*/ 282325 w 607639"/>
              <a:gd name="connsiteY25" fmla="*/ 323845 h 606722"/>
              <a:gd name="connsiteX26" fmla="*/ 303749 w 607639"/>
              <a:gd name="connsiteY26" fmla="*/ 214151 h 606722"/>
              <a:gd name="connsiteX27" fmla="*/ 214467 w 607639"/>
              <a:gd name="connsiteY27" fmla="*/ 303291 h 606722"/>
              <a:gd name="connsiteX28" fmla="*/ 303749 w 607639"/>
              <a:gd name="connsiteY28" fmla="*/ 392519 h 606722"/>
              <a:gd name="connsiteX29" fmla="*/ 393120 w 607639"/>
              <a:gd name="connsiteY29" fmla="*/ 303291 h 606722"/>
              <a:gd name="connsiteX30" fmla="*/ 303749 w 607639"/>
              <a:gd name="connsiteY30" fmla="*/ 214151 h 606722"/>
              <a:gd name="connsiteX31" fmla="*/ 303749 w 607639"/>
              <a:gd name="connsiteY31" fmla="*/ 192644 h 606722"/>
              <a:gd name="connsiteX32" fmla="*/ 414572 w 607639"/>
              <a:gd name="connsiteY32" fmla="*/ 303291 h 606722"/>
              <a:gd name="connsiteX33" fmla="*/ 303749 w 607639"/>
              <a:gd name="connsiteY33" fmla="*/ 413937 h 606722"/>
              <a:gd name="connsiteX34" fmla="*/ 192926 w 607639"/>
              <a:gd name="connsiteY34" fmla="*/ 303291 h 606722"/>
              <a:gd name="connsiteX35" fmla="*/ 303749 w 607639"/>
              <a:gd name="connsiteY35" fmla="*/ 192644 h 606722"/>
              <a:gd name="connsiteX36" fmla="*/ 205077 w 607639"/>
              <a:gd name="connsiteY36" fmla="*/ 158913 h 606722"/>
              <a:gd name="connsiteX37" fmla="*/ 217182 w 607639"/>
              <a:gd name="connsiteY37" fmla="*/ 176598 h 606722"/>
              <a:gd name="connsiteX38" fmla="*/ 150161 w 607639"/>
              <a:gd name="connsiteY38" fmla="*/ 303326 h 606722"/>
              <a:gd name="connsiteX39" fmla="*/ 303784 w 607639"/>
              <a:gd name="connsiteY39" fmla="*/ 456804 h 606722"/>
              <a:gd name="connsiteX40" fmla="*/ 303784 w 607639"/>
              <a:gd name="connsiteY40" fmla="*/ 478222 h 606722"/>
              <a:gd name="connsiteX41" fmla="*/ 128711 w 607639"/>
              <a:gd name="connsiteY41" fmla="*/ 303326 h 606722"/>
              <a:gd name="connsiteX42" fmla="*/ 205077 w 607639"/>
              <a:gd name="connsiteY42" fmla="*/ 158913 h 606722"/>
              <a:gd name="connsiteX43" fmla="*/ 303784 w 607639"/>
              <a:gd name="connsiteY43" fmla="*/ 128500 h 606722"/>
              <a:gd name="connsiteX44" fmla="*/ 478927 w 607639"/>
              <a:gd name="connsiteY44" fmla="*/ 303317 h 606722"/>
              <a:gd name="connsiteX45" fmla="*/ 387618 w 607639"/>
              <a:gd name="connsiteY45" fmla="*/ 456982 h 606722"/>
              <a:gd name="connsiteX46" fmla="*/ 377294 w 607639"/>
              <a:gd name="connsiteY46" fmla="*/ 438141 h 606722"/>
              <a:gd name="connsiteX47" fmla="*/ 457479 w 607639"/>
              <a:gd name="connsiteY47" fmla="*/ 303317 h 606722"/>
              <a:gd name="connsiteX48" fmla="*/ 303784 w 607639"/>
              <a:gd name="connsiteY48" fmla="*/ 149919 h 606722"/>
              <a:gd name="connsiteX49" fmla="*/ 461075 w 607639"/>
              <a:gd name="connsiteY49" fmla="*/ 121302 h 606722"/>
              <a:gd name="connsiteX50" fmla="*/ 489583 w 607639"/>
              <a:gd name="connsiteY50" fmla="*/ 121302 h 606722"/>
              <a:gd name="connsiteX51" fmla="*/ 489583 w 607639"/>
              <a:gd name="connsiteY51" fmla="*/ 142824 h 606722"/>
              <a:gd name="connsiteX52" fmla="*/ 461075 w 607639"/>
              <a:gd name="connsiteY52" fmla="*/ 142824 h 606722"/>
              <a:gd name="connsiteX53" fmla="*/ 117915 w 607639"/>
              <a:gd name="connsiteY53" fmla="*/ 121302 h 606722"/>
              <a:gd name="connsiteX54" fmla="*/ 146565 w 607639"/>
              <a:gd name="connsiteY54" fmla="*/ 121302 h 606722"/>
              <a:gd name="connsiteX55" fmla="*/ 146565 w 607639"/>
              <a:gd name="connsiteY55" fmla="*/ 142824 h 606722"/>
              <a:gd name="connsiteX56" fmla="*/ 117915 w 607639"/>
              <a:gd name="connsiteY56" fmla="*/ 142824 h 606722"/>
              <a:gd name="connsiteX57" fmla="*/ 289530 w 607639"/>
              <a:gd name="connsiteY57" fmla="*/ 49960 h 606722"/>
              <a:gd name="connsiteX58" fmla="*/ 318109 w 607639"/>
              <a:gd name="connsiteY58" fmla="*/ 49960 h 606722"/>
              <a:gd name="connsiteX59" fmla="*/ 318109 w 607639"/>
              <a:gd name="connsiteY59" fmla="*/ 71341 h 606722"/>
              <a:gd name="connsiteX60" fmla="*/ 289530 w 607639"/>
              <a:gd name="connsiteY60" fmla="*/ 71341 h 606722"/>
              <a:gd name="connsiteX61" fmla="*/ 257403 w 607639"/>
              <a:gd name="connsiteY61" fmla="*/ 21418 h 606722"/>
              <a:gd name="connsiteX62" fmla="*/ 257403 w 607639"/>
              <a:gd name="connsiteY62" fmla="*/ 98025 h 606722"/>
              <a:gd name="connsiteX63" fmla="*/ 249393 w 607639"/>
              <a:gd name="connsiteY63" fmla="*/ 100158 h 606722"/>
              <a:gd name="connsiteX64" fmla="*/ 198393 w 607639"/>
              <a:gd name="connsiteY64" fmla="*/ 121220 h 606722"/>
              <a:gd name="connsiteX65" fmla="*/ 191272 w 607639"/>
              <a:gd name="connsiteY65" fmla="*/ 125308 h 606722"/>
              <a:gd name="connsiteX66" fmla="*/ 136979 w 607639"/>
              <a:gd name="connsiteY66" fmla="*/ 71275 h 606722"/>
              <a:gd name="connsiteX67" fmla="*/ 71382 w 607639"/>
              <a:gd name="connsiteY67" fmla="*/ 136772 h 606722"/>
              <a:gd name="connsiteX68" fmla="*/ 125497 w 607639"/>
              <a:gd name="connsiteY68" fmla="*/ 190984 h 606722"/>
              <a:gd name="connsiteX69" fmla="*/ 121403 w 607639"/>
              <a:gd name="connsiteY69" fmla="*/ 198093 h 606722"/>
              <a:gd name="connsiteX70" fmla="*/ 100309 w 607639"/>
              <a:gd name="connsiteY70" fmla="*/ 249016 h 606722"/>
              <a:gd name="connsiteX71" fmla="*/ 98173 w 607639"/>
              <a:gd name="connsiteY71" fmla="*/ 257015 h 606722"/>
              <a:gd name="connsiteX72" fmla="*/ 21450 w 607639"/>
              <a:gd name="connsiteY72" fmla="*/ 257015 h 606722"/>
              <a:gd name="connsiteX73" fmla="*/ 21450 w 607639"/>
              <a:gd name="connsiteY73" fmla="*/ 349707 h 606722"/>
              <a:gd name="connsiteX74" fmla="*/ 98173 w 607639"/>
              <a:gd name="connsiteY74" fmla="*/ 349707 h 606722"/>
              <a:gd name="connsiteX75" fmla="*/ 100309 w 607639"/>
              <a:gd name="connsiteY75" fmla="*/ 357617 h 606722"/>
              <a:gd name="connsiteX76" fmla="*/ 121403 w 607639"/>
              <a:gd name="connsiteY76" fmla="*/ 408629 h 606722"/>
              <a:gd name="connsiteX77" fmla="*/ 125497 w 607639"/>
              <a:gd name="connsiteY77" fmla="*/ 415738 h 606722"/>
              <a:gd name="connsiteX78" fmla="*/ 71382 w 607639"/>
              <a:gd name="connsiteY78" fmla="*/ 469950 h 606722"/>
              <a:gd name="connsiteX79" fmla="*/ 136979 w 607639"/>
              <a:gd name="connsiteY79" fmla="*/ 535447 h 606722"/>
              <a:gd name="connsiteX80" fmla="*/ 191272 w 607639"/>
              <a:gd name="connsiteY80" fmla="*/ 481325 h 606722"/>
              <a:gd name="connsiteX81" fmla="*/ 198393 w 607639"/>
              <a:gd name="connsiteY81" fmla="*/ 485502 h 606722"/>
              <a:gd name="connsiteX82" fmla="*/ 249393 w 607639"/>
              <a:gd name="connsiteY82" fmla="*/ 506564 h 606722"/>
              <a:gd name="connsiteX83" fmla="*/ 257403 w 607639"/>
              <a:gd name="connsiteY83" fmla="*/ 508697 h 606722"/>
              <a:gd name="connsiteX84" fmla="*/ 257403 w 607639"/>
              <a:gd name="connsiteY84" fmla="*/ 585215 h 606722"/>
              <a:gd name="connsiteX85" fmla="*/ 350236 w 607639"/>
              <a:gd name="connsiteY85" fmla="*/ 585215 h 606722"/>
              <a:gd name="connsiteX86" fmla="*/ 350236 w 607639"/>
              <a:gd name="connsiteY86" fmla="*/ 508697 h 606722"/>
              <a:gd name="connsiteX87" fmla="*/ 358157 w 607639"/>
              <a:gd name="connsiteY87" fmla="*/ 506564 h 606722"/>
              <a:gd name="connsiteX88" fmla="*/ 409246 w 607639"/>
              <a:gd name="connsiteY88" fmla="*/ 485502 h 606722"/>
              <a:gd name="connsiteX89" fmla="*/ 416367 w 607639"/>
              <a:gd name="connsiteY89" fmla="*/ 481325 h 606722"/>
              <a:gd name="connsiteX90" fmla="*/ 470660 w 607639"/>
              <a:gd name="connsiteY90" fmla="*/ 535447 h 606722"/>
              <a:gd name="connsiteX91" fmla="*/ 536257 w 607639"/>
              <a:gd name="connsiteY91" fmla="*/ 469950 h 606722"/>
              <a:gd name="connsiteX92" fmla="*/ 482053 w 607639"/>
              <a:gd name="connsiteY92" fmla="*/ 415738 h 606722"/>
              <a:gd name="connsiteX93" fmla="*/ 486236 w 607639"/>
              <a:gd name="connsiteY93" fmla="*/ 408629 h 606722"/>
              <a:gd name="connsiteX94" fmla="*/ 507330 w 607639"/>
              <a:gd name="connsiteY94" fmla="*/ 357617 h 606722"/>
              <a:gd name="connsiteX95" fmla="*/ 509466 w 607639"/>
              <a:gd name="connsiteY95" fmla="*/ 349707 h 606722"/>
              <a:gd name="connsiteX96" fmla="*/ 586100 w 607639"/>
              <a:gd name="connsiteY96" fmla="*/ 349707 h 606722"/>
              <a:gd name="connsiteX97" fmla="*/ 586100 w 607639"/>
              <a:gd name="connsiteY97" fmla="*/ 257015 h 606722"/>
              <a:gd name="connsiteX98" fmla="*/ 509466 w 607639"/>
              <a:gd name="connsiteY98" fmla="*/ 257015 h 606722"/>
              <a:gd name="connsiteX99" fmla="*/ 507330 w 607639"/>
              <a:gd name="connsiteY99" fmla="*/ 249016 h 606722"/>
              <a:gd name="connsiteX100" fmla="*/ 486236 w 607639"/>
              <a:gd name="connsiteY100" fmla="*/ 198093 h 606722"/>
              <a:gd name="connsiteX101" fmla="*/ 482053 w 607639"/>
              <a:gd name="connsiteY101" fmla="*/ 190984 h 606722"/>
              <a:gd name="connsiteX102" fmla="*/ 536257 w 607639"/>
              <a:gd name="connsiteY102" fmla="*/ 136772 h 606722"/>
              <a:gd name="connsiteX103" fmla="*/ 470660 w 607639"/>
              <a:gd name="connsiteY103" fmla="*/ 71275 h 606722"/>
              <a:gd name="connsiteX104" fmla="*/ 416367 w 607639"/>
              <a:gd name="connsiteY104" fmla="*/ 125308 h 606722"/>
              <a:gd name="connsiteX105" fmla="*/ 409246 w 607639"/>
              <a:gd name="connsiteY105" fmla="*/ 121220 h 606722"/>
              <a:gd name="connsiteX106" fmla="*/ 358157 w 607639"/>
              <a:gd name="connsiteY106" fmla="*/ 100158 h 606722"/>
              <a:gd name="connsiteX107" fmla="*/ 350236 w 607639"/>
              <a:gd name="connsiteY107" fmla="*/ 98025 h 606722"/>
              <a:gd name="connsiteX108" fmla="*/ 350236 w 607639"/>
              <a:gd name="connsiteY108" fmla="*/ 21418 h 606722"/>
              <a:gd name="connsiteX109" fmla="*/ 235864 w 607639"/>
              <a:gd name="connsiteY109" fmla="*/ 0 h 606722"/>
              <a:gd name="connsiteX110" fmla="*/ 371686 w 607639"/>
              <a:gd name="connsiteY110" fmla="*/ 0 h 606722"/>
              <a:gd name="connsiteX111" fmla="*/ 371686 w 607639"/>
              <a:gd name="connsiteY111" fmla="*/ 81761 h 606722"/>
              <a:gd name="connsiteX112" fmla="*/ 412717 w 607639"/>
              <a:gd name="connsiteY112" fmla="*/ 98647 h 606722"/>
              <a:gd name="connsiteX113" fmla="*/ 470660 w 607639"/>
              <a:gd name="connsiteY113" fmla="*/ 40970 h 606722"/>
              <a:gd name="connsiteX114" fmla="*/ 566608 w 607639"/>
              <a:gd name="connsiteY114" fmla="*/ 136772 h 606722"/>
              <a:gd name="connsiteX115" fmla="*/ 508843 w 607639"/>
              <a:gd name="connsiteY115" fmla="*/ 194627 h 606722"/>
              <a:gd name="connsiteX116" fmla="*/ 525754 w 607639"/>
              <a:gd name="connsiteY116" fmla="*/ 235508 h 606722"/>
              <a:gd name="connsiteX117" fmla="*/ 607639 w 607639"/>
              <a:gd name="connsiteY117" fmla="*/ 235508 h 606722"/>
              <a:gd name="connsiteX118" fmla="*/ 607639 w 607639"/>
              <a:gd name="connsiteY118" fmla="*/ 371125 h 606722"/>
              <a:gd name="connsiteX119" fmla="*/ 525754 w 607639"/>
              <a:gd name="connsiteY119" fmla="*/ 371125 h 606722"/>
              <a:gd name="connsiteX120" fmla="*/ 508843 w 607639"/>
              <a:gd name="connsiteY120" fmla="*/ 412095 h 606722"/>
              <a:gd name="connsiteX121" fmla="*/ 566608 w 607639"/>
              <a:gd name="connsiteY121" fmla="*/ 469950 h 606722"/>
              <a:gd name="connsiteX122" fmla="*/ 470660 w 607639"/>
              <a:gd name="connsiteY122" fmla="*/ 565753 h 606722"/>
              <a:gd name="connsiteX123" fmla="*/ 412717 w 607639"/>
              <a:gd name="connsiteY123" fmla="*/ 508075 h 606722"/>
              <a:gd name="connsiteX124" fmla="*/ 371686 w 607639"/>
              <a:gd name="connsiteY124" fmla="*/ 524961 h 606722"/>
              <a:gd name="connsiteX125" fmla="*/ 371686 w 607639"/>
              <a:gd name="connsiteY125" fmla="*/ 606722 h 606722"/>
              <a:gd name="connsiteX126" fmla="*/ 235864 w 607639"/>
              <a:gd name="connsiteY126" fmla="*/ 606722 h 606722"/>
              <a:gd name="connsiteX127" fmla="*/ 235864 w 607639"/>
              <a:gd name="connsiteY127" fmla="*/ 524961 h 606722"/>
              <a:gd name="connsiteX128" fmla="*/ 194922 w 607639"/>
              <a:gd name="connsiteY128" fmla="*/ 508075 h 606722"/>
              <a:gd name="connsiteX129" fmla="*/ 136979 w 607639"/>
              <a:gd name="connsiteY129" fmla="*/ 565753 h 606722"/>
              <a:gd name="connsiteX130" fmla="*/ 41031 w 607639"/>
              <a:gd name="connsiteY130" fmla="*/ 469950 h 606722"/>
              <a:gd name="connsiteX131" fmla="*/ 98796 w 607639"/>
              <a:gd name="connsiteY131" fmla="*/ 412095 h 606722"/>
              <a:gd name="connsiteX132" fmla="*/ 81885 w 607639"/>
              <a:gd name="connsiteY132" fmla="*/ 371125 h 606722"/>
              <a:gd name="connsiteX133" fmla="*/ 0 w 607639"/>
              <a:gd name="connsiteY133" fmla="*/ 371125 h 606722"/>
              <a:gd name="connsiteX134" fmla="*/ 0 w 607639"/>
              <a:gd name="connsiteY134" fmla="*/ 235508 h 606722"/>
              <a:gd name="connsiteX135" fmla="*/ 81885 w 607639"/>
              <a:gd name="connsiteY135" fmla="*/ 235508 h 606722"/>
              <a:gd name="connsiteX136" fmla="*/ 98796 w 607639"/>
              <a:gd name="connsiteY136" fmla="*/ 194627 h 606722"/>
              <a:gd name="connsiteX137" fmla="*/ 41031 w 607639"/>
              <a:gd name="connsiteY137" fmla="*/ 136772 h 606722"/>
              <a:gd name="connsiteX138" fmla="*/ 136979 w 607639"/>
              <a:gd name="connsiteY138" fmla="*/ 40970 h 606722"/>
              <a:gd name="connsiteX139" fmla="*/ 194922 w 607639"/>
              <a:gd name="connsiteY139" fmla="*/ 98647 h 606722"/>
              <a:gd name="connsiteX140" fmla="*/ 235864 w 607639"/>
              <a:gd name="connsiteY140" fmla="*/ 81761 h 6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Lst>
            <a:rect l="l" t="t" r="r" b="b"/>
            <a:pathLst>
              <a:path w="607639" h="606722">
                <a:moveTo>
                  <a:pt x="289530" y="535310"/>
                </a:moveTo>
                <a:lnTo>
                  <a:pt x="318109" y="535310"/>
                </a:lnTo>
                <a:lnTo>
                  <a:pt x="318109" y="556691"/>
                </a:lnTo>
                <a:lnTo>
                  <a:pt x="289530" y="556691"/>
                </a:lnTo>
                <a:close/>
                <a:moveTo>
                  <a:pt x="461075" y="463897"/>
                </a:moveTo>
                <a:lnTo>
                  <a:pt x="489583" y="463897"/>
                </a:lnTo>
                <a:lnTo>
                  <a:pt x="489583" y="485349"/>
                </a:lnTo>
                <a:lnTo>
                  <a:pt x="461075" y="485349"/>
                </a:lnTo>
                <a:close/>
                <a:moveTo>
                  <a:pt x="117915" y="463897"/>
                </a:moveTo>
                <a:lnTo>
                  <a:pt x="146565" y="463897"/>
                </a:lnTo>
                <a:lnTo>
                  <a:pt x="146565" y="485349"/>
                </a:lnTo>
                <a:lnTo>
                  <a:pt x="117915" y="485349"/>
                </a:lnTo>
                <a:close/>
                <a:moveTo>
                  <a:pt x="532487" y="292635"/>
                </a:moveTo>
                <a:lnTo>
                  <a:pt x="561066" y="292635"/>
                </a:lnTo>
                <a:lnTo>
                  <a:pt x="561066" y="314087"/>
                </a:lnTo>
                <a:lnTo>
                  <a:pt x="532487" y="314087"/>
                </a:lnTo>
                <a:close/>
                <a:moveTo>
                  <a:pt x="46432" y="292635"/>
                </a:moveTo>
                <a:lnTo>
                  <a:pt x="75011" y="292635"/>
                </a:lnTo>
                <a:lnTo>
                  <a:pt x="75011" y="314087"/>
                </a:lnTo>
                <a:lnTo>
                  <a:pt x="46432" y="314087"/>
                </a:lnTo>
                <a:close/>
                <a:moveTo>
                  <a:pt x="346219" y="260034"/>
                </a:moveTo>
                <a:lnTo>
                  <a:pt x="361436" y="275231"/>
                </a:lnTo>
                <a:lnTo>
                  <a:pt x="282325" y="354239"/>
                </a:lnTo>
                <a:lnTo>
                  <a:pt x="239076" y="310958"/>
                </a:lnTo>
                <a:lnTo>
                  <a:pt x="254204" y="295761"/>
                </a:lnTo>
                <a:lnTo>
                  <a:pt x="282325" y="323845"/>
                </a:lnTo>
                <a:close/>
                <a:moveTo>
                  <a:pt x="303749" y="214151"/>
                </a:moveTo>
                <a:cubicBezTo>
                  <a:pt x="254524" y="214151"/>
                  <a:pt x="214467" y="254144"/>
                  <a:pt x="214467" y="303291"/>
                </a:cubicBezTo>
                <a:cubicBezTo>
                  <a:pt x="214467" y="352526"/>
                  <a:pt x="254524" y="392519"/>
                  <a:pt x="303749" y="392519"/>
                </a:cubicBezTo>
                <a:cubicBezTo>
                  <a:pt x="353063" y="392519"/>
                  <a:pt x="393120" y="352526"/>
                  <a:pt x="393120" y="303291"/>
                </a:cubicBezTo>
                <a:cubicBezTo>
                  <a:pt x="393120" y="254144"/>
                  <a:pt x="353063" y="214151"/>
                  <a:pt x="303749" y="214151"/>
                </a:cubicBezTo>
                <a:close/>
                <a:moveTo>
                  <a:pt x="303749" y="192644"/>
                </a:moveTo>
                <a:cubicBezTo>
                  <a:pt x="364902" y="192644"/>
                  <a:pt x="414572" y="242324"/>
                  <a:pt x="414572" y="303291"/>
                </a:cubicBezTo>
                <a:cubicBezTo>
                  <a:pt x="414572" y="364346"/>
                  <a:pt x="364902" y="413937"/>
                  <a:pt x="303749" y="413937"/>
                </a:cubicBezTo>
                <a:cubicBezTo>
                  <a:pt x="242685" y="413937"/>
                  <a:pt x="192926" y="364346"/>
                  <a:pt x="192926" y="303291"/>
                </a:cubicBezTo>
                <a:cubicBezTo>
                  <a:pt x="192926" y="242324"/>
                  <a:pt x="242685" y="192644"/>
                  <a:pt x="303749" y="192644"/>
                </a:cubicBezTo>
                <a:close/>
                <a:moveTo>
                  <a:pt x="205077" y="158913"/>
                </a:moveTo>
                <a:lnTo>
                  <a:pt x="217182" y="176598"/>
                </a:lnTo>
                <a:cubicBezTo>
                  <a:pt x="175261" y="205303"/>
                  <a:pt x="150161" y="252671"/>
                  <a:pt x="150161" y="303326"/>
                </a:cubicBezTo>
                <a:cubicBezTo>
                  <a:pt x="150161" y="387930"/>
                  <a:pt x="219051" y="456804"/>
                  <a:pt x="303784" y="456804"/>
                </a:cubicBezTo>
                <a:lnTo>
                  <a:pt x="303784" y="478222"/>
                </a:lnTo>
                <a:cubicBezTo>
                  <a:pt x="207213" y="478222"/>
                  <a:pt x="128711" y="399750"/>
                  <a:pt x="128711" y="303326"/>
                </a:cubicBezTo>
                <a:cubicBezTo>
                  <a:pt x="128711" y="245561"/>
                  <a:pt x="157282" y="191528"/>
                  <a:pt x="205077" y="158913"/>
                </a:cubicBezTo>
                <a:close/>
                <a:moveTo>
                  <a:pt x="303784" y="128500"/>
                </a:moveTo>
                <a:cubicBezTo>
                  <a:pt x="400344" y="128500"/>
                  <a:pt x="478927" y="206888"/>
                  <a:pt x="478927" y="303317"/>
                </a:cubicBezTo>
                <a:cubicBezTo>
                  <a:pt x="478927" y="367396"/>
                  <a:pt x="443952" y="426231"/>
                  <a:pt x="387618" y="456982"/>
                </a:cubicBezTo>
                <a:lnTo>
                  <a:pt x="377294" y="438141"/>
                </a:lnTo>
                <a:cubicBezTo>
                  <a:pt x="426776" y="411211"/>
                  <a:pt x="457479" y="359575"/>
                  <a:pt x="457479" y="303317"/>
                </a:cubicBezTo>
                <a:cubicBezTo>
                  <a:pt x="457479" y="218708"/>
                  <a:pt x="388508" y="149919"/>
                  <a:pt x="303784" y="149919"/>
                </a:cubicBezTo>
                <a:close/>
                <a:moveTo>
                  <a:pt x="461075" y="121302"/>
                </a:moveTo>
                <a:lnTo>
                  <a:pt x="489583" y="121302"/>
                </a:lnTo>
                <a:lnTo>
                  <a:pt x="489583" y="142824"/>
                </a:lnTo>
                <a:lnTo>
                  <a:pt x="461075" y="142824"/>
                </a:lnTo>
                <a:close/>
                <a:moveTo>
                  <a:pt x="117915" y="121302"/>
                </a:moveTo>
                <a:lnTo>
                  <a:pt x="146565" y="121302"/>
                </a:lnTo>
                <a:lnTo>
                  <a:pt x="146565" y="142824"/>
                </a:lnTo>
                <a:lnTo>
                  <a:pt x="117915" y="142824"/>
                </a:lnTo>
                <a:close/>
                <a:moveTo>
                  <a:pt x="289530" y="49960"/>
                </a:moveTo>
                <a:lnTo>
                  <a:pt x="318109" y="49960"/>
                </a:lnTo>
                <a:lnTo>
                  <a:pt x="318109" y="71341"/>
                </a:lnTo>
                <a:lnTo>
                  <a:pt x="289530" y="71341"/>
                </a:lnTo>
                <a:close/>
                <a:moveTo>
                  <a:pt x="257403" y="21418"/>
                </a:moveTo>
                <a:lnTo>
                  <a:pt x="257403" y="98025"/>
                </a:lnTo>
                <a:lnTo>
                  <a:pt x="249393" y="100158"/>
                </a:lnTo>
                <a:cubicBezTo>
                  <a:pt x="231325" y="105045"/>
                  <a:pt x="214147" y="112155"/>
                  <a:pt x="198393" y="121220"/>
                </a:cubicBezTo>
                <a:lnTo>
                  <a:pt x="191272" y="125308"/>
                </a:lnTo>
                <a:lnTo>
                  <a:pt x="136979" y="71275"/>
                </a:lnTo>
                <a:lnTo>
                  <a:pt x="71382" y="136772"/>
                </a:lnTo>
                <a:lnTo>
                  <a:pt x="125497" y="190984"/>
                </a:lnTo>
                <a:lnTo>
                  <a:pt x="121403" y="198093"/>
                </a:lnTo>
                <a:cubicBezTo>
                  <a:pt x="112325" y="213824"/>
                  <a:pt x="105204" y="230976"/>
                  <a:pt x="100309" y="249016"/>
                </a:cubicBezTo>
                <a:lnTo>
                  <a:pt x="98173" y="257015"/>
                </a:lnTo>
                <a:lnTo>
                  <a:pt x="21450" y="257015"/>
                </a:lnTo>
                <a:lnTo>
                  <a:pt x="21450" y="349707"/>
                </a:lnTo>
                <a:lnTo>
                  <a:pt x="98173" y="349707"/>
                </a:lnTo>
                <a:lnTo>
                  <a:pt x="100309" y="357617"/>
                </a:lnTo>
                <a:cubicBezTo>
                  <a:pt x="105204" y="375746"/>
                  <a:pt x="112325" y="392899"/>
                  <a:pt x="121403" y="408629"/>
                </a:cubicBezTo>
                <a:lnTo>
                  <a:pt x="125497" y="415738"/>
                </a:lnTo>
                <a:lnTo>
                  <a:pt x="71382" y="469950"/>
                </a:lnTo>
                <a:lnTo>
                  <a:pt x="136979" y="535447"/>
                </a:lnTo>
                <a:lnTo>
                  <a:pt x="191272" y="481325"/>
                </a:lnTo>
                <a:lnTo>
                  <a:pt x="198393" y="485502"/>
                </a:lnTo>
                <a:cubicBezTo>
                  <a:pt x="214147" y="494567"/>
                  <a:pt x="231325" y="501677"/>
                  <a:pt x="249393" y="506564"/>
                </a:cubicBezTo>
                <a:lnTo>
                  <a:pt x="257403" y="508697"/>
                </a:lnTo>
                <a:lnTo>
                  <a:pt x="257403" y="585215"/>
                </a:lnTo>
                <a:lnTo>
                  <a:pt x="350236" y="585215"/>
                </a:lnTo>
                <a:lnTo>
                  <a:pt x="350236" y="508697"/>
                </a:lnTo>
                <a:lnTo>
                  <a:pt x="358157" y="506564"/>
                </a:lnTo>
                <a:cubicBezTo>
                  <a:pt x="376314" y="501677"/>
                  <a:pt x="393492" y="494567"/>
                  <a:pt x="409246" y="485502"/>
                </a:cubicBezTo>
                <a:lnTo>
                  <a:pt x="416367" y="481325"/>
                </a:lnTo>
                <a:lnTo>
                  <a:pt x="470660" y="535447"/>
                </a:lnTo>
                <a:lnTo>
                  <a:pt x="536257" y="469950"/>
                </a:lnTo>
                <a:lnTo>
                  <a:pt x="482053" y="415738"/>
                </a:lnTo>
                <a:lnTo>
                  <a:pt x="486236" y="408629"/>
                </a:lnTo>
                <a:cubicBezTo>
                  <a:pt x="495314" y="392899"/>
                  <a:pt x="502435" y="375746"/>
                  <a:pt x="507330" y="357617"/>
                </a:cubicBezTo>
                <a:lnTo>
                  <a:pt x="509466" y="349707"/>
                </a:lnTo>
                <a:lnTo>
                  <a:pt x="586100" y="349707"/>
                </a:lnTo>
                <a:lnTo>
                  <a:pt x="586100" y="257015"/>
                </a:lnTo>
                <a:lnTo>
                  <a:pt x="509466" y="257015"/>
                </a:lnTo>
                <a:lnTo>
                  <a:pt x="507330" y="249016"/>
                </a:lnTo>
                <a:cubicBezTo>
                  <a:pt x="502435" y="230976"/>
                  <a:pt x="495314" y="213824"/>
                  <a:pt x="486236" y="198093"/>
                </a:cubicBezTo>
                <a:lnTo>
                  <a:pt x="482053" y="190984"/>
                </a:lnTo>
                <a:lnTo>
                  <a:pt x="536257" y="136772"/>
                </a:lnTo>
                <a:lnTo>
                  <a:pt x="470660" y="71275"/>
                </a:lnTo>
                <a:lnTo>
                  <a:pt x="416367" y="125308"/>
                </a:lnTo>
                <a:lnTo>
                  <a:pt x="409246" y="121220"/>
                </a:lnTo>
                <a:cubicBezTo>
                  <a:pt x="393492" y="112155"/>
                  <a:pt x="376314" y="105045"/>
                  <a:pt x="358157" y="100158"/>
                </a:cubicBezTo>
                <a:lnTo>
                  <a:pt x="350236" y="98025"/>
                </a:lnTo>
                <a:lnTo>
                  <a:pt x="350236" y="21418"/>
                </a:lnTo>
                <a:close/>
                <a:moveTo>
                  <a:pt x="235864" y="0"/>
                </a:moveTo>
                <a:lnTo>
                  <a:pt x="371686" y="0"/>
                </a:lnTo>
                <a:lnTo>
                  <a:pt x="371686" y="81761"/>
                </a:lnTo>
                <a:cubicBezTo>
                  <a:pt x="386016" y="86116"/>
                  <a:pt x="399812" y="91804"/>
                  <a:pt x="412717" y="98647"/>
                </a:cubicBezTo>
                <a:lnTo>
                  <a:pt x="470660" y="40970"/>
                </a:lnTo>
                <a:lnTo>
                  <a:pt x="566608" y="136772"/>
                </a:lnTo>
                <a:lnTo>
                  <a:pt x="508843" y="194627"/>
                </a:lnTo>
                <a:cubicBezTo>
                  <a:pt x="515697" y="207514"/>
                  <a:pt x="521304" y="221200"/>
                  <a:pt x="525754" y="235508"/>
                </a:cubicBezTo>
                <a:lnTo>
                  <a:pt x="607639" y="235508"/>
                </a:lnTo>
                <a:lnTo>
                  <a:pt x="607639" y="371125"/>
                </a:lnTo>
                <a:lnTo>
                  <a:pt x="525754" y="371125"/>
                </a:lnTo>
                <a:cubicBezTo>
                  <a:pt x="521304" y="385433"/>
                  <a:pt x="515697" y="399208"/>
                  <a:pt x="508843" y="412095"/>
                </a:cubicBezTo>
                <a:lnTo>
                  <a:pt x="566608" y="469950"/>
                </a:lnTo>
                <a:lnTo>
                  <a:pt x="470660" y="565753"/>
                </a:lnTo>
                <a:lnTo>
                  <a:pt x="412717" y="508075"/>
                </a:lnTo>
                <a:cubicBezTo>
                  <a:pt x="399812" y="514918"/>
                  <a:pt x="386016" y="520517"/>
                  <a:pt x="371686" y="524961"/>
                </a:cubicBezTo>
                <a:lnTo>
                  <a:pt x="371686" y="606722"/>
                </a:lnTo>
                <a:lnTo>
                  <a:pt x="235864" y="606722"/>
                </a:lnTo>
                <a:lnTo>
                  <a:pt x="235864" y="524961"/>
                </a:lnTo>
                <a:cubicBezTo>
                  <a:pt x="221534" y="520517"/>
                  <a:pt x="207827" y="514918"/>
                  <a:pt x="194922" y="508075"/>
                </a:cubicBezTo>
                <a:lnTo>
                  <a:pt x="136979" y="565753"/>
                </a:lnTo>
                <a:lnTo>
                  <a:pt x="41031" y="469950"/>
                </a:lnTo>
                <a:lnTo>
                  <a:pt x="98796" y="412095"/>
                </a:lnTo>
                <a:cubicBezTo>
                  <a:pt x="91942" y="399208"/>
                  <a:pt x="86246" y="385433"/>
                  <a:pt x="81885" y="371125"/>
                </a:cubicBezTo>
                <a:lnTo>
                  <a:pt x="0" y="371125"/>
                </a:lnTo>
                <a:lnTo>
                  <a:pt x="0" y="235508"/>
                </a:lnTo>
                <a:lnTo>
                  <a:pt x="81885" y="235508"/>
                </a:lnTo>
                <a:cubicBezTo>
                  <a:pt x="86246" y="221200"/>
                  <a:pt x="91942" y="207514"/>
                  <a:pt x="98796" y="194627"/>
                </a:cubicBezTo>
                <a:lnTo>
                  <a:pt x="41031" y="136772"/>
                </a:lnTo>
                <a:lnTo>
                  <a:pt x="136979" y="40970"/>
                </a:lnTo>
                <a:lnTo>
                  <a:pt x="194922" y="98647"/>
                </a:lnTo>
                <a:cubicBezTo>
                  <a:pt x="207827" y="91804"/>
                  <a:pt x="221534" y="86116"/>
                  <a:pt x="235864" y="81761"/>
                </a:cubicBezTo>
                <a:close/>
              </a:path>
            </a:pathLst>
          </a:custGeom>
          <a:solidFill>
            <a:srgbClr val="00B0F0"/>
          </a:solidFill>
          <a:ln>
            <a:solidFill>
              <a:srgbClr val="00B0F0"/>
            </a:solidFill>
          </a:ln>
        </p:spPr>
        <p:txBody>
          <a:bodyPr/>
          <a:lstStyle/>
          <a:p>
            <a:endParaRPr lang="zh-CN" altLang="en-US">
              <a:cs typeface="+mn-ea"/>
              <a:sym typeface="Huawei Sans" panose="020C0503030203020204" pitchFamily="34" charset="0"/>
            </a:endParaRPr>
          </a:p>
        </p:txBody>
      </p:sp>
      <p:sp>
        <p:nvSpPr>
          <p:cNvPr id="25" name="圆角矩形 26">
            <a:extLst>
              <a:ext uri="{FF2B5EF4-FFF2-40B4-BE49-F238E27FC236}">
                <a16:creationId xmlns:a16="http://schemas.microsoft.com/office/drawing/2014/main" xmlns="" id="{7EBCA1A2-3290-428D-8CC7-B9B67ADCE99B}"/>
              </a:ext>
            </a:extLst>
          </p:cNvPr>
          <p:cNvSpPr/>
          <p:nvPr/>
        </p:nvSpPr>
        <p:spPr>
          <a:xfrm rot="2700000">
            <a:off x="9020138" y="3667343"/>
            <a:ext cx="1138691" cy="1138691"/>
          </a:xfrm>
          <a:prstGeom prst="roundRect">
            <a:avLst/>
          </a:prstGeom>
          <a:noFill/>
          <a:ln w="25400">
            <a:gradFill>
              <a:gsLst>
                <a:gs pos="0">
                  <a:srgbClr val="00B0F0"/>
                </a:gs>
                <a:gs pos="47000">
                  <a:srgbClr val="99DFF9"/>
                </a:gs>
                <a:gs pos="100000">
                  <a:srgbClr val="00B0F0"/>
                </a:gs>
              </a:gsLst>
              <a:lin ang="9600000" scaled="0"/>
            </a:gra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sz="1349">
              <a:solidFill>
                <a:prstClr val="black"/>
              </a:solidFill>
              <a:cs typeface="+mn-ea"/>
              <a:sym typeface="Huawei Sans" panose="020C0503030203020204" pitchFamily="34" charset="0"/>
            </a:endParaRPr>
          </a:p>
        </p:txBody>
      </p:sp>
      <p:sp>
        <p:nvSpPr>
          <p:cNvPr id="26" name="椭圆 25">
            <a:extLst>
              <a:ext uri="{FF2B5EF4-FFF2-40B4-BE49-F238E27FC236}">
                <a16:creationId xmlns:a16="http://schemas.microsoft.com/office/drawing/2014/main" xmlns="" id="{C5556740-7075-4C4B-9D85-85FE7021A080}"/>
              </a:ext>
            </a:extLst>
          </p:cNvPr>
          <p:cNvSpPr/>
          <p:nvPr/>
        </p:nvSpPr>
        <p:spPr>
          <a:xfrm>
            <a:off x="8950304" y="3536531"/>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cs typeface="+mn-ea"/>
              <a:sym typeface="Huawei Sans" panose="020C0503030203020204" pitchFamily="34" charset="0"/>
            </a:endParaRPr>
          </a:p>
        </p:txBody>
      </p:sp>
      <p:sp>
        <p:nvSpPr>
          <p:cNvPr id="27" name="椭圆 26">
            <a:extLst>
              <a:ext uri="{FF2B5EF4-FFF2-40B4-BE49-F238E27FC236}">
                <a16:creationId xmlns:a16="http://schemas.microsoft.com/office/drawing/2014/main" xmlns="" id="{ED7915ED-938D-4D8C-9A97-E68BBEB24A8C}"/>
              </a:ext>
            </a:extLst>
          </p:cNvPr>
          <p:cNvSpPr/>
          <p:nvPr/>
        </p:nvSpPr>
        <p:spPr>
          <a:xfrm>
            <a:off x="8993880" y="4329919"/>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cs typeface="+mn-ea"/>
              <a:sym typeface="Huawei Sans" panose="020C0503030203020204" pitchFamily="34" charset="0"/>
            </a:endParaRPr>
          </a:p>
        </p:txBody>
      </p:sp>
      <p:sp>
        <p:nvSpPr>
          <p:cNvPr id="28" name="椭圆 27">
            <a:extLst>
              <a:ext uri="{FF2B5EF4-FFF2-40B4-BE49-F238E27FC236}">
                <a16:creationId xmlns:a16="http://schemas.microsoft.com/office/drawing/2014/main" xmlns="" id="{B1D96E00-87A8-4E11-840B-1D84E31AD4D3}"/>
              </a:ext>
            </a:extLst>
          </p:cNvPr>
          <p:cNvSpPr/>
          <p:nvPr/>
        </p:nvSpPr>
        <p:spPr>
          <a:xfrm>
            <a:off x="9744571" y="4371157"/>
            <a:ext cx="541456" cy="5414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cs typeface="+mn-ea"/>
              <a:sym typeface="Huawei Sans" panose="020C0503030203020204" pitchFamily="34" charset="0"/>
            </a:endParaRPr>
          </a:p>
        </p:txBody>
      </p:sp>
      <p:sp>
        <p:nvSpPr>
          <p:cNvPr id="29" name="椭圆 28">
            <a:extLst>
              <a:ext uri="{FF2B5EF4-FFF2-40B4-BE49-F238E27FC236}">
                <a16:creationId xmlns:a16="http://schemas.microsoft.com/office/drawing/2014/main" xmlns="" id="{50721F11-733D-4B12-BA29-B74F7E4DCBE2}"/>
              </a:ext>
            </a:extLst>
          </p:cNvPr>
          <p:cNvSpPr/>
          <p:nvPr/>
        </p:nvSpPr>
        <p:spPr>
          <a:xfrm>
            <a:off x="9695721" y="3510882"/>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cs typeface="+mn-ea"/>
              <a:sym typeface="Huawei Sans" panose="020C0503030203020204" pitchFamily="34" charset="0"/>
            </a:endParaRPr>
          </a:p>
        </p:txBody>
      </p:sp>
      <p:sp>
        <p:nvSpPr>
          <p:cNvPr id="30" name="clock_88291">
            <a:extLst>
              <a:ext uri="{FF2B5EF4-FFF2-40B4-BE49-F238E27FC236}">
                <a16:creationId xmlns:a16="http://schemas.microsoft.com/office/drawing/2014/main" xmlns="" id="{8198867C-C93D-40FB-9411-22FD24379365}"/>
              </a:ext>
            </a:extLst>
          </p:cNvPr>
          <p:cNvSpPr>
            <a:spLocks noChangeAspect="1"/>
          </p:cNvSpPr>
          <p:nvPr/>
        </p:nvSpPr>
        <p:spPr bwMode="auto">
          <a:xfrm>
            <a:off x="9017534" y="3617633"/>
            <a:ext cx="408003" cy="407427"/>
          </a:xfrm>
          <a:custGeom>
            <a:avLst/>
            <a:gdLst>
              <a:gd name="connsiteX0" fmla="*/ 291916 w 600159"/>
              <a:gd name="connsiteY0" fmla="*/ 119185 h 599312"/>
              <a:gd name="connsiteX1" fmla="*/ 313425 w 600159"/>
              <a:gd name="connsiteY1" fmla="*/ 140667 h 599312"/>
              <a:gd name="connsiteX2" fmla="*/ 313425 w 600159"/>
              <a:gd name="connsiteY2" fmla="*/ 294692 h 599312"/>
              <a:gd name="connsiteX3" fmla="*/ 454526 w 600159"/>
              <a:gd name="connsiteY3" fmla="*/ 294692 h 599312"/>
              <a:gd name="connsiteX4" fmla="*/ 476035 w 600159"/>
              <a:gd name="connsiteY4" fmla="*/ 316173 h 599312"/>
              <a:gd name="connsiteX5" fmla="*/ 454526 w 600159"/>
              <a:gd name="connsiteY5" fmla="*/ 337655 h 599312"/>
              <a:gd name="connsiteX6" fmla="*/ 291916 w 600159"/>
              <a:gd name="connsiteY6" fmla="*/ 337655 h 599312"/>
              <a:gd name="connsiteX7" fmla="*/ 270407 w 600159"/>
              <a:gd name="connsiteY7" fmla="*/ 316173 h 599312"/>
              <a:gd name="connsiteX8" fmla="*/ 270407 w 600159"/>
              <a:gd name="connsiteY8" fmla="*/ 140667 h 599312"/>
              <a:gd name="connsiteX9" fmla="*/ 291916 w 600159"/>
              <a:gd name="connsiteY9" fmla="*/ 119185 h 599312"/>
              <a:gd name="connsiteX10" fmla="*/ 300080 w 600159"/>
              <a:gd name="connsiteY10" fmla="*/ 42961 h 599312"/>
              <a:gd name="connsiteX11" fmla="*/ 43022 w 600159"/>
              <a:gd name="connsiteY11" fmla="*/ 299656 h 599312"/>
              <a:gd name="connsiteX12" fmla="*/ 300080 w 600159"/>
              <a:gd name="connsiteY12" fmla="*/ 556351 h 599312"/>
              <a:gd name="connsiteX13" fmla="*/ 557137 w 600159"/>
              <a:gd name="connsiteY13" fmla="*/ 299656 h 599312"/>
              <a:gd name="connsiteX14" fmla="*/ 300080 w 600159"/>
              <a:gd name="connsiteY14" fmla="*/ 42961 h 599312"/>
              <a:gd name="connsiteX15" fmla="*/ 300080 w 600159"/>
              <a:gd name="connsiteY15" fmla="*/ 0 h 599312"/>
              <a:gd name="connsiteX16" fmla="*/ 600159 w 600159"/>
              <a:gd name="connsiteY16" fmla="*/ 299656 h 599312"/>
              <a:gd name="connsiteX17" fmla="*/ 300080 w 600159"/>
              <a:gd name="connsiteY17" fmla="*/ 599312 h 599312"/>
              <a:gd name="connsiteX18" fmla="*/ 0 w 600159"/>
              <a:gd name="connsiteY18" fmla="*/ 299656 h 599312"/>
              <a:gd name="connsiteX19" fmla="*/ 300080 w 600159"/>
              <a:gd name="connsiteY19" fmla="*/ 0 h 5993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600159" h="599312">
                <a:moveTo>
                  <a:pt x="291916" y="119185"/>
                </a:moveTo>
                <a:cubicBezTo>
                  <a:pt x="303746" y="119185"/>
                  <a:pt x="313425" y="128852"/>
                  <a:pt x="313425" y="140667"/>
                </a:cubicBezTo>
                <a:lnTo>
                  <a:pt x="313425" y="294692"/>
                </a:lnTo>
                <a:lnTo>
                  <a:pt x="454526" y="294692"/>
                </a:lnTo>
                <a:cubicBezTo>
                  <a:pt x="466356" y="294692"/>
                  <a:pt x="476035" y="304358"/>
                  <a:pt x="476035" y="316173"/>
                </a:cubicBezTo>
                <a:cubicBezTo>
                  <a:pt x="476035" y="327988"/>
                  <a:pt x="466356" y="337655"/>
                  <a:pt x="454526" y="337655"/>
                </a:cubicBezTo>
                <a:lnTo>
                  <a:pt x="291916" y="337655"/>
                </a:lnTo>
                <a:cubicBezTo>
                  <a:pt x="280086" y="337655"/>
                  <a:pt x="270407" y="327988"/>
                  <a:pt x="270407" y="316173"/>
                </a:cubicBezTo>
                <a:lnTo>
                  <a:pt x="270407" y="140667"/>
                </a:lnTo>
                <a:cubicBezTo>
                  <a:pt x="270407" y="128852"/>
                  <a:pt x="280086" y="119185"/>
                  <a:pt x="291916" y="119185"/>
                </a:cubicBezTo>
                <a:close/>
                <a:moveTo>
                  <a:pt x="300080" y="42961"/>
                </a:moveTo>
                <a:cubicBezTo>
                  <a:pt x="158322" y="42961"/>
                  <a:pt x="43022" y="158098"/>
                  <a:pt x="43022" y="299656"/>
                </a:cubicBezTo>
                <a:cubicBezTo>
                  <a:pt x="43022" y="441214"/>
                  <a:pt x="158322" y="556351"/>
                  <a:pt x="300080" y="556351"/>
                </a:cubicBezTo>
                <a:cubicBezTo>
                  <a:pt x="441838" y="556351"/>
                  <a:pt x="557137" y="441214"/>
                  <a:pt x="557137" y="299656"/>
                </a:cubicBezTo>
                <a:cubicBezTo>
                  <a:pt x="557137" y="158098"/>
                  <a:pt x="441838" y="42961"/>
                  <a:pt x="300080" y="42961"/>
                </a:cubicBezTo>
                <a:close/>
                <a:moveTo>
                  <a:pt x="300080" y="0"/>
                </a:moveTo>
                <a:cubicBezTo>
                  <a:pt x="465715" y="0"/>
                  <a:pt x="600159" y="134470"/>
                  <a:pt x="600159" y="299656"/>
                </a:cubicBezTo>
                <a:cubicBezTo>
                  <a:pt x="600159" y="464843"/>
                  <a:pt x="465715" y="599312"/>
                  <a:pt x="300080" y="599312"/>
                </a:cubicBezTo>
                <a:cubicBezTo>
                  <a:pt x="134659" y="599312"/>
                  <a:pt x="0" y="465058"/>
                  <a:pt x="0" y="299656"/>
                </a:cubicBezTo>
                <a:cubicBezTo>
                  <a:pt x="0" y="134470"/>
                  <a:pt x="134659" y="0"/>
                  <a:pt x="300080" y="0"/>
                </a:cubicBezTo>
                <a:close/>
              </a:path>
            </a:pathLst>
          </a:custGeom>
          <a:solidFill>
            <a:srgbClr val="00B0F0"/>
          </a:solidFill>
          <a:ln>
            <a:noFill/>
          </a:ln>
        </p:spPr>
        <p:txBody>
          <a:bodyPr/>
          <a:lstStyle/>
          <a:p>
            <a:endParaRPr lang="zh-CN" altLang="en-US">
              <a:cs typeface="+mn-ea"/>
              <a:sym typeface="Huawei Sans" panose="020C0503030203020204" pitchFamily="34" charset="0"/>
            </a:endParaRPr>
          </a:p>
        </p:txBody>
      </p:sp>
      <p:sp>
        <p:nvSpPr>
          <p:cNvPr id="31" name="settings-tool_1475">
            <a:extLst>
              <a:ext uri="{FF2B5EF4-FFF2-40B4-BE49-F238E27FC236}">
                <a16:creationId xmlns:a16="http://schemas.microsoft.com/office/drawing/2014/main" xmlns="" id="{4642EEE5-1B0A-4A2F-AD70-08961CBAC65A}"/>
              </a:ext>
            </a:extLst>
          </p:cNvPr>
          <p:cNvSpPr>
            <a:spLocks noChangeAspect="1"/>
          </p:cNvSpPr>
          <p:nvPr/>
        </p:nvSpPr>
        <p:spPr bwMode="auto">
          <a:xfrm>
            <a:off x="9758291" y="3595898"/>
            <a:ext cx="418016" cy="409450"/>
          </a:xfrm>
          <a:custGeom>
            <a:avLst/>
            <a:gdLst>
              <a:gd name="T0" fmla="*/ 141 w 313"/>
              <a:gd name="T1" fmla="*/ 307 h 307"/>
              <a:gd name="T2" fmla="*/ 105 w 313"/>
              <a:gd name="T3" fmla="*/ 261 h 307"/>
              <a:gd name="T4" fmla="*/ 58 w 313"/>
              <a:gd name="T5" fmla="*/ 274 h 307"/>
              <a:gd name="T6" fmla="*/ 47 w 313"/>
              <a:gd name="T7" fmla="*/ 204 h 307"/>
              <a:gd name="T8" fmla="*/ 0 w 313"/>
              <a:gd name="T9" fmla="*/ 170 h 307"/>
              <a:gd name="T10" fmla="*/ 43 w 313"/>
              <a:gd name="T11" fmla="*/ 114 h 307"/>
              <a:gd name="T12" fmla="*/ 34 w 313"/>
              <a:gd name="T13" fmla="*/ 57 h 307"/>
              <a:gd name="T14" fmla="*/ 63 w 313"/>
              <a:gd name="T15" fmla="*/ 32 h 307"/>
              <a:gd name="T16" fmla="*/ 116 w 313"/>
              <a:gd name="T17" fmla="*/ 42 h 307"/>
              <a:gd name="T18" fmla="*/ 172 w 313"/>
              <a:gd name="T19" fmla="*/ 0 h 307"/>
              <a:gd name="T20" fmla="*/ 208 w 313"/>
              <a:gd name="T21" fmla="*/ 46 h 307"/>
              <a:gd name="T22" fmla="*/ 255 w 313"/>
              <a:gd name="T23" fmla="*/ 33 h 307"/>
              <a:gd name="T24" fmla="*/ 266 w 313"/>
              <a:gd name="T25" fmla="*/ 103 h 307"/>
              <a:gd name="T26" fmla="*/ 313 w 313"/>
              <a:gd name="T27" fmla="*/ 137 h 307"/>
              <a:gd name="T28" fmla="*/ 270 w 313"/>
              <a:gd name="T29" fmla="*/ 193 h 307"/>
              <a:gd name="T30" fmla="*/ 279 w 313"/>
              <a:gd name="T31" fmla="*/ 250 h 307"/>
              <a:gd name="T32" fmla="*/ 250 w 313"/>
              <a:gd name="T33" fmla="*/ 275 h 307"/>
              <a:gd name="T34" fmla="*/ 209 w 313"/>
              <a:gd name="T35" fmla="*/ 261 h 307"/>
              <a:gd name="T36" fmla="*/ 173 w 313"/>
              <a:gd name="T37" fmla="*/ 307 h 307"/>
              <a:gd name="T38" fmla="*/ 169 w 313"/>
              <a:gd name="T39" fmla="*/ 290 h 307"/>
              <a:gd name="T40" fmla="*/ 187 w 313"/>
              <a:gd name="T41" fmla="*/ 250 h 307"/>
              <a:gd name="T42" fmla="*/ 212 w 313"/>
              <a:gd name="T43" fmla="*/ 243 h 307"/>
              <a:gd name="T44" fmla="*/ 263 w 313"/>
              <a:gd name="T45" fmla="*/ 241 h 307"/>
              <a:gd name="T46" fmla="*/ 248 w 313"/>
              <a:gd name="T47" fmla="*/ 201 h 307"/>
              <a:gd name="T48" fmla="*/ 261 w 313"/>
              <a:gd name="T49" fmla="*/ 178 h 307"/>
              <a:gd name="T50" fmla="*/ 296 w 313"/>
              <a:gd name="T51" fmla="*/ 142 h 307"/>
              <a:gd name="T52" fmla="*/ 256 w 313"/>
              <a:gd name="T53" fmla="*/ 124 h 307"/>
              <a:gd name="T54" fmla="*/ 248 w 313"/>
              <a:gd name="T55" fmla="*/ 99 h 307"/>
              <a:gd name="T56" fmla="*/ 246 w 313"/>
              <a:gd name="T57" fmla="*/ 49 h 307"/>
              <a:gd name="T58" fmla="*/ 205 w 313"/>
              <a:gd name="T59" fmla="*/ 64 h 307"/>
              <a:gd name="T60" fmla="*/ 182 w 313"/>
              <a:gd name="T61" fmla="*/ 52 h 307"/>
              <a:gd name="T62" fmla="*/ 144 w 313"/>
              <a:gd name="T63" fmla="*/ 17 h 307"/>
              <a:gd name="T64" fmla="*/ 126 w 313"/>
              <a:gd name="T65" fmla="*/ 57 h 307"/>
              <a:gd name="T66" fmla="*/ 101 w 313"/>
              <a:gd name="T67" fmla="*/ 64 h 307"/>
              <a:gd name="T68" fmla="*/ 50 w 313"/>
              <a:gd name="T69" fmla="*/ 66 h 307"/>
              <a:gd name="T70" fmla="*/ 65 w 313"/>
              <a:gd name="T71" fmla="*/ 106 h 307"/>
              <a:gd name="T72" fmla="*/ 52 w 313"/>
              <a:gd name="T73" fmla="*/ 129 h 307"/>
              <a:gd name="T74" fmla="*/ 17 w 313"/>
              <a:gd name="T75" fmla="*/ 165 h 307"/>
              <a:gd name="T76" fmla="*/ 57 w 313"/>
              <a:gd name="T77" fmla="*/ 183 h 307"/>
              <a:gd name="T78" fmla="*/ 65 w 313"/>
              <a:gd name="T79" fmla="*/ 208 h 307"/>
              <a:gd name="T80" fmla="*/ 67 w 313"/>
              <a:gd name="T81" fmla="*/ 258 h 307"/>
              <a:gd name="T82" fmla="*/ 108 w 313"/>
              <a:gd name="T83" fmla="*/ 243 h 307"/>
              <a:gd name="T84" fmla="*/ 131 w 313"/>
              <a:gd name="T85" fmla="*/ 255 h 307"/>
              <a:gd name="T86" fmla="*/ 157 w 313"/>
              <a:gd name="T87" fmla="*/ 209 h 307"/>
              <a:gd name="T88" fmla="*/ 157 w 313"/>
              <a:gd name="T89" fmla="*/ 99 h 307"/>
              <a:gd name="T90" fmla="*/ 157 w 313"/>
              <a:gd name="T91" fmla="*/ 209 h 307"/>
              <a:gd name="T92" fmla="*/ 118 w 313"/>
              <a:gd name="T93" fmla="*/ 154 h 307"/>
              <a:gd name="T94" fmla="*/ 195 w 313"/>
              <a:gd name="T95" fmla="*/ 154 h 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13" h="307">
                <a:moveTo>
                  <a:pt x="173" y="307"/>
                </a:moveTo>
                <a:lnTo>
                  <a:pt x="141" y="307"/>
                </a:lnTo>
                <a:cubicBezTo>
                  <a:pt x="135" y="307"/>
                  <a:pt x="133" y="307"/>
                  <a:pt x="116" y="265"/>
                </a:cubicBezTo>
                <a:lnTo>
                  <a:pt x="105" y="261"/>
                </a:lnTo>
                <a:cubicBezTo>
                  <a:pt x="70" y="276"/>
                  <a:pt x="66" y="276"/>
                  <a:pt x="64" y="276"/>
                </a:cubicBezTo>
                <a:cubicBezTo>
                  <a:pt x="62" y="276"/>
                  <a:pt x="59" y="275"/>
                  <a:pt x="58" y="274"/>
                </a:cubicBezTo>
                <a:lnTo>
                  <a:pt x="35" y="251"/>
                </a:lnTo>
                <a:cubicBezTo>
                  <a:pt x="30" y="247"/>
                  <a:pt x="29" y="246"/>
                  <a:pt x="47" y="204"/>
                </a:cubicBezTo>
                <a:lnTo>
                  <a:pt x="43" y="194"/>
                </a:lnTo>
                <a:cubicBezTo>
                  <a:pt x="0" y="178"/>
                  <a:pt x="0" y="176"/>
                  <a:pt x="0" y="170"/>
                </a:cubicBezTo>
                <a:lnTo>
                  <a:pt x="0" y="138"/>
                </a:lnTo>
                <a:cubicBezTo>
                  <a:pt x="0" y="132"/>
                  <a:pt x="0" y="130"/>
                  <a:pt x="43" y="114"/>
                </a:cubicBezTo>
                <a:lnTo>
                  <a:pt x="47" y="103"/>
                </a:lnTo>
                <a:cubicBezTo>
                  <a:pt x="28" y="63"/>
                  <a:pt x="29" y="61"/>
                  <a:pt x="34" y="57"/>
                </a:cubicBezTo>
                <a:lnTo>
                  <a:pt x="57" y="34"/>
                </a:lnTo>
                <a:cubicBezTo>
                  <a:pt x="59" y="33"/>
                  <a:pt x="61" y="32"/>
                  <a:pt x="63" y="32"/>
                </a:cubicBezTo>
                <a:cubicBezTo>
                  <a:pt x="65" y="32"/>
                  <a:pt x="69" y="32"/>
                  <a:pt x="105" y="47"/>
                </a:cubicBezTo>
                <a:lnTo>
                  <a:pt x="116" y="42"/>
                </a:lnTo>
                <a:cubicBezTo>
                  <a:pt x="131" y="0"/>
                  <a:pt x="133" y="0"/>
                  <a:pt x="140" y="0"/>
                </a:cubicBezTo>
                <a:lnTo>
                  <a:pt x="172" y="0"/>
                </a:lnTo>
                <a:cubicBezTo>
                  <a:pt x="178" y="0"/>
                  <a:pt x="180" y="0"/>
                  <a:pt x="197" y="42"/>
                </a:cubicBezTo>
                <a:lnTo>
                  <a:pt x="208" y="46"/>
                </a:lnTo>
                <a:cubicBezTo>
                  <a:pt x="243" y="31"/>
                  <a:pt x="247" y="31"/>
                  <a:pt x="249" y="31"/>
                </a:cubicBezTo>
                <a:cubicBezTo>
                  <a:pt x="251" y="31"/>
                  <a:pt x="254" y="32"/>
                  <a:pt x="255" y="33"/>
                </a:cubicBezTo>
                <a:lnTo>
                  <a:pt x="278" y="56"/>
                </a:lnTo>
                <a:cubicBezTo>
                  <a:pt x="283" y="60"/>
                  <a:pt x="284" y="61"/>
                  <a:pt x="266" y="103"/>
                </a:cubicBezTo>
                <a:lnTo>
                  <a:pt x="270" y="113"/>
                </a:lnTo>
                <a:cubicBezTo>
                  <a:pt x="313" y="129"/>
                  <a:pt x="313" y="131"/>
                  <a:pt x="313" y="137"/>
                </a:cubicBezTo>
                <a:lnTo>
                  <a:pt x="313" y="169"/>
                </a:lnTo>
                <a:cubicBezTo>
                  <a:pt x="313" y="175"/>
                  <a:pt x="313" y="177"/>
                  <a:pt x="270" y="193"/>
                </a:cubicBezTo>
                <a:lnTo>
                  <a:pt x="266" y="204"/>
                </a:lnTo>
                <a:cubicBezTo>
                  <a:pt x="285" y="244"/>
                  <a:pt x="284" y="246"/>
                  <a:pt x="279" y="250"/>
                </a:cubicBezTo>
                <a:lnTo>
                  <a:pt x="256" y="273"/>
                </a:lnTo>
                <a:cubicBezTo>
                  <a:pt x="255" y="274"/>
                  <a:pt x="252" y="275"/>
                  <a:pt x="250" y="275"/>
                </a:cubicBezTo>
                <a:lnTo>
                  <a:pt x="250" y="275"/>
                </a:lnTo>
                <a:cubicBezTo>
                  <a:pt x="248" y="275"/>
                  <a:pt x="244" y="275"/>
                  <a:pt x="209" y="261"/>
                </a:cubicBezTo>
                <a:lnTo>
                  <a:pt x="197" y="265"/>
                </a:lnTo>
                <a:cubicBezTo>
                  <a:pt x="182" y="307"/>
                  <a:pt x="180" y="307"/>
                  <a:pt x="173" y="307"/>
                </a:cubicBezTo>
                <a:close/>
                <a:moveTo>
                  <a:pt x="146" y="290"/>
                </a:moveTo>
                <a:lnTo>
                  <a:pt x="169" y="290"/>
                </a:lnTo>
                <a:cubicBezTo>
                  <a:pt x="172" y="283"/>
                  <a:pt x="178" y="268"/>
                  <a:pt x="182" y="255"/>
                </a:cubicBezTo>
                <a:cubicBezTo>
                  <a:pt x="183" y="253"/>
                  <a:pt x="185" y="251"/>
                  <a:pt x="187" y="250"/>
                </a:cubicBezTo>
                <a:lnTo>
                  <a:pt x="205" y="243"/>
                </a:lnTo>
                <a:cubicBezTo>
                  <a:pt x="207" y="242"/>
                  <a:pt x="210" y="242"/>
                  <a:pt x="212" y="243"/>
                </a:cubicBezTo>
                <a:cubicBezTo>
                  <a:pt x="225" y="249"/>
                  <a:pt x="240" y="255"/>
                  <a:pt x="247" y="257"/>
                </a:cubicBezTo>
                <a:lnTo>
                  <a:pt x="263" y="241"/>
                </a:lnTo>
                <a:cubicBezTo>
                  <a:pt x="261" y="235"/>
                  <a:pt x="254" y="220"/>
                  <a:pt x="249" y="208"/>
                </a:cubicBezTo>
                <a:cubicBezTo>
                  <a:pt x="247" y="206"/>
                  <a:pt x="247" y="203"/>
                  <a:pt x="248" y="201"/>
                </a:cubicBezTo>
                <a:lnTo>
                  <a:pt x="256" y="183"/>
                </a:lnTo>
                <a:cubicBezTo>
                  <a:pt x="257" y="181"/>
                  <a:pt x="258" y="179"/>
                  <a:pt x="261" y="178"/>
                </a:cubicBezTo>
                <a:cubicBezTo>
                  <a:pt x="274" y="173"/>
                  <a:pt x="289" y="167"/>
                  <a:pt x="296" y="164"/>
                </a:cubicBezTo>
                <a:lnTo>
                  <a:pt x="296" y="142"/>
                </a:lnTo>
                <a:cubicBezTo>
                  <a:pt x="289" y="139"/>
                  <a:pt x="274" y="133"/>
                  <a:pt x="261" y="129"/>
                </a:cubicBezTo>
                <a:cubicBezTo>
                  <a:pt x="259" y="128"/>
                  <a:pt x="257" y="126"/>
                  <a:pt x="256" y="124"/>
                </a:cubicBezTo>
                <a:lnTo>
                  <a:pt x="248" y="106"/>
                </a:lnTo>
                <a:cubicBezTo>
                  <a:pt x="247" y="104"/>
                  <a:pt x="247" y="101"/>
                  <a:pt x="248" y="99"/>
                </a:cubicBezTo>
                <a:cubicBezTo>
                  <a:pt x="254" y="86"/>
                  <a:pt x="260" y="72"/>
                  <a:pt x="263" y="65"/>
                </a:cubicBezTo>
                <a:lnTo>
                  <a:pt x="246" y="49"/>
                </a:lnTo>
                <a:cubicBezTo>
                  <a:pt x="240" y="51"/>
                  <a:pt x="225" y="58"/>
                  <a:pt x="212" y="64"/>
                </a:cubicBezTo>
                <a:cubicBezTo>
                  <a:pt x="210" y="65"/>
                  <a:pt x="207" y="65"/>
                  <a:pt x="205" y="64"/>
                </a:cubicBezTo>
                <a:lnTo>
                  <a:pt x="187" y="57"/>
                </a:lnTo>
                <a:cubicBezTo>
                  <a:pt x="185" y="56"/>
                  <a:pt x="183" y="54"/>
                  <a:pt x="182" y="52"/>
                </a:cubicBezTo>
                <a:cubicBezTo>
                  <a:pt x="177" y="39"/>
                  <a:pt x="171" y="24"/>
                  <a:pt x="167" y="17"/>
                </a:cubicBezTo>
                <a:lnTo>
                  <a:pt x="144" y="17"/>
                </a:lnTo>
                <a:cubicBezTo>
                  <a:pt x="141" y="24"/>
                  <a:pt x="135" y="39"/>
                  <a:pt x="131" y="52"/>
                </a:cubicBezTo>
                <a:cubicBezTo>
                  <a:pt x="130" y="54"/>
                  <a:pt x="128" y="56"/>
                  <a:pt x="126" y="57"/>
                </a:cubicBezTo>
                <a:lnTo>
                  <a:pt x="108" y="64"/>
                </a:lnTo>
                <a:cubicBezTo>
                  <a:pt x="106" y="65"/>
                  <a:pt x="103" y="65"/>
                  <a:pt x="101" y="64"/>
                </a:cubicBezTo>
                <a:cubicBezTo>
                  <a:pt x="88" y="58"/>
                  <a:pt x="73" y="52"/>
                  <a:pt x="66" y="50"/>
                </a:cubicBezTo>
                <a:lnTo>
                  <a:pt x="50" y="66"/>
                </a:lnTo>
                <a:cubicBezTo>
                  <a:pt x="52" y="72"/>
                  <a:pt x="59" y="87"/>
                  <a:pt x="65" y="99"/>
                </a:cubicBezTo>
                <a:cubicBezTo>
                  <a:pt x="66" y="101"/>
                  <a:pt x="66" y="104"/>
                  <a:pt x="65" y="106"/>
                </a:cubicBezTo>
                <a:lnTo>
                  <a:pt x="57" y="124"/>
                </a:lnTo>
                <a:cubicBezTo>
                  <a:pt x="56" y="126"/>
                  <a:pt x="55" y="128"/>
                  <a:pt x="52" y="129"/>
                </a:cubicBezTo>
                <a:cubicBezTo>
                  <a:pt x="39" y="134"/>
                  <a:pt x="24" y="140"/>
                  <a:pt x="17" y="143"/>
                </a:cubicBezTo>
                <a:lnTo>
                  <a:pt x="17" y="165"/>
                </a:lnTo>
                <a:cubicBezTo>
                  <a:pt x="24" y="168"/>
                  <a:pt x="39" y="174"/>
                  <a:pt x="52" y="179"/>
                </a:cubicBezTo>
                <a:cubicBezTo>
                  <a:pt x="55" y="179"/>
                  <a:pt x="56" y="181"/>
                  <a:pt x="57" y="183"/>
                </a:cubicBezTo>
                <a:lnTo>
                  <a:pt x="65" y="201"/>
                </a:lnTo>
                <a:cubicBezTo>
                  <a:pt x="66" y="203"/>
                  <a:pt x="66" y="206"/>
                  <a:pt x="65" y="208"/>
                </a:cubicBezTo>
                <a:cubicBezTo>
                  <a:pt x="59" y="221"/>
                  <a:pt x="53" y="235"/>
                  <a:pt x="50" y="242"/>
                </a:cubicBezTo>
                <a:lnTo>
                  <a:pt x="67" y="258"/>
                </a:lnTo>
                <a:cubicBezTo>
                  <a:pt x="73" y="256"/>
                  <a:pt x="88" y="249"/>
                  <a:pt x="101" y="243"/>
                </a:cubicBezTo>
                <a:cubicBezTo>
                  <a:pt x="103" y="242"/>
                  <a:pt x="106" y="242"/>
                  <a:pt x="108" y="243"/>
                </a:cubicBezTo>
                <a:lnTo>
                  <a:pt x="126" y="251"/>
                </a:lnTo>
                <a:cubicBezTo>
                  <a:pt x="128" y="251"/>
                  <a:pt x="130" y="253"/>
                  <a:pt x="131" y="255"/>
                </a:cubicBezTo>
                <a:cubicBezTo>
                  <a:pt x="136" y="268"/>
                  <a:pt x="142" y="283"/>
                  <a:pt x="146" y="290"/>
                </a:cubicBezTo>
                <a:close/>
                <a:moveTo>
                  <a:pt x="157" y="209"/>
                </a:moveTo>
                <a:cubicBezTo>
                  <a:pt x="126" y="209"/>
                  <a:pt x="100" y="184"/>
                  <a:pt x="100" y="154"/>
                </a:cubicBezTo>
                <a:cubicBezTo>
                  <a:pt x="100" y="123"/>
                  <a:pt x="126" y="99"/>
                  <a:pt x="157" y="99"/>
                </a:cubicBezTo>
                <a:cubicBezTo>
                  <a:pt x="187" y="99"/>
                  <a:pt x="213" y="123"/>
                  <a:pt x="213" y="154"/>
                </a:cubicBezTo>
                <a:cubicBezTo>
                  <a:pt x="213" y="184"/>
                  <a:pt x="187" y="209"/>
                  <a:pt x="157" y="209"/>
                </a:cubicBezTo>
                <a:close/>
                <a:moveTo>
                  <a:pt x="157" y="116"/>
                </a:moveTo>
                <a:cubicBezTo>
                  <a:pt x="135" y="116"/>
                  <a:pt x="118" y="133"/>
                  <a:pt x="118" y="154"/>
                </a:cubicBezTo>
                <a:cubicBezTo>
                  <a:pt x="118" y="174"/>
                  <a:pt x="135" y="191"/>
                  <a:pt x="157" y="191"/>
                </a:cubicBezTo>
                <a:cubicBezTo>
                  <a:pt x="178" y="191"/>
                  <a:pt x="195" y="174"/>
                  <a:pt x="195" y="154"/>
                </a:cubicBezTo>
                <a:cubicBezTo>
                  <a:pt x="195" y="133"/>
                  <a:pt x="178" y="116"/>
                  <a:pt x="157" y="116"/>
                </a:cubicBezTo>
                <a:close/>
              </a:path>
            </a:pathLst>
          </a:custGeom>
          <a:solidFill>
            <a:srgbClr val="00B0F0"/>
          </a:solidFill>
          <a:ln>
            <a:noFill/>
          </a:ln>
        </p:spPr>
        <p:txBody>
          <a:bodyPr/>
          <a:lstStyle/>
          <a:p>
            <a:endParaRPr lang="zh-CN" altLang="en-US">
              <a:cs typeface="+mn-ea"/>
              <a:sym typeface="Huawei Sans" panose="020C0503030203020204" pitchFamily="34" charset="0"/>
            </a:endParaRPr>
          </a:p>
        </p:txBody>
      </p:sp>
      <p:sp>
        <p:nvSpPr>
          <p:cNvPr id="32" name="accept-circular-button-outline_58679">
            <a:extLst>
              <a:ext uri="{FF2B5EF4-FFF2-40B4-BE49-F238E27FC236}">
                <a16:creationId xmlns:a16="http://schemas.microsoft.com/office/drawing/2014/main" xmlns="" id="{536BCD95-CAF7-4821-A5CA-0A7A226D7723}"/>
              </a:ext>
            </a:extLst>
          </p:cNvPr>
          <p:cNvSpPr>
            <a:spLocks noChangeAspect="1"/>
          </p:cNvSpPr>
          <p:nvPr/>
        </p:nvSpPr>
        <p:spPr bwMode="auto">
          <a:xfrm>
            <a:off x="9017534" y="4449806"/>
            <a:ext cx="432723" cy="432120"/>
          </a:xfrm>
          <a:custGeom>
            <a:avLst/>
            <a:gdLst>
              <a:gd name="connsiteX0" fmla="*/ 443164 w 609403"/>
              <a:gd name="connsiteY0" fmla="*/ 187725 h 608556"/>
              <a:gd name="connsiteX1" fmla="*/ 458558 w 609403"/>
              <a:gd name="connsiteY1" fmla="*/ 194090 h 608556"/>
              <a:gd name="connsiteX2" fmla="*/ 464856 w 609403"/>
              <a:gd name="connsiteY2" fmla="*/ 209382 h 608556"/>
              <a:gd name="connsiteX3" fmla="*/ 458558 w 609403"/>
              <a:gd name="connsiteY3" fmla="*/ 224674 h 608556"/>
              <a:gd name="connsiteX4" fmla="*/ 268385 w 609403"/>
              <a:gd name="connsiteY4" fmla="*/ 414466 h 608556"/>
              <a:gd name="connsiteX5" fmla="*/ 253068 w 609403"/>
              <a:gd name="connsiteY5" fmla="*/ 420831 h 608556"/>
              <a:gd name="connsiteX6" fmla="*/ 237752 w 609403"/>
              <a:gd name="connsiteY6" fmla="*/ 414466 h 608556"/>
              <a:gd name="connsiteX7" fmla="*/ 150906 w 609403"/>
              <a:gd name="connsiteY7" fmla="*/ 327837 h 608556"/>
              <a:gd name="connsiteX8" fmla="*/ 150906 w 609403"/>
              <a:gd name="connsiteY8" fmla="*/ 297175 h 608556"/>
              <a:gd name="connsiteX9" fmla="*/ 166223 w 609403"/>
              <a:gd name="connsiteY9" fmla="*/ 290810 h 608556"/>
              <a:gd name="connsiteX10" fmla="*/ 181617 w 609403"/>
              <a:gd name="connsiteY10" fmla="*/ 297175 h 608556"/>
              <a:gd name="connsiteX11" fmla="*/ 253068 w 609403"/>
              <a:gd name="connsiteY11" fmla="*/ 368590 h 608556"/>
              <a:gd name="connsiteX12" fmla="*/ 427847 w 609403"/>
              <a:gd name="connsiteY12" fmla="*/ 194090 h 608556"/>
              <a:gd name="connsiteX13" fmla="*/ 443164 w 609403"/>
              <a:gd name="connsiteY13" fmla="*/ 187725 h 608556"/>
              <a:gd name="connsiteX14" fmla="*/ 443184 w 609403"/>
              <a:gd name="connsiteY14" fmla="*/ 187195 h 608556"/>
              <a:gd name="connsiteX15" fmla="*/ 427451 w 609403"/>
              <a:gd name="connsiteY15" fmla="*/ 193714 h 608556"/>
              <a:gd name="connsiteX16" fmla="*/ 253077 w 609403"/>
              <a:gd name="connsiteY16" fmla="*/ 367795 h 608556"/>
              <a:gd name="connsiteX17" fmla="*/ 181944 w 609403"/>
              <a:gd name="connsiteY17" fmla="*/ 296781 h 608556"/>
              <a:gd name="connsiteX18" fmla="*/ 150614 w 609403"/>
              <a:gd name="connsiteY18" fmla="*/ 296781 h 608556"/>
              <a:gd name="connsiteX19" fmla="*/ 150614 w 609403"/>
              <a:gd name="connsiteY19" fmla="*/ 328136 h 608556"/>
              <a:gd name="connsiteX20" fmla="*/ 237374 w 609403"/>
              <a:gd name="connsiteY20" fmla="*/ 414827 h 608556"/>
              <a:gd name="connsiteX21" fmla="*/ 253077 w 609403"/>
              <a:gd name="connsiteY21" fmla="*/ 421346 h 608556"/>
              <a:gd name="connsiteX22" fmla="*/ 268781 w 609403"/>
              <a:gd name="connsiteY22" fmla="*/ 414827 h 608556"/>
              <a:gd name="connsiteX23" fmla="*/ 458859 w 609403"/>
              <a:gd name="connsiteY23" fmla="*/ 225069 h 608556"/>
              <a:gd name="connsiteX24" fmla="*/ 458859 w 609403"/>
              <a:gd name="connsiteY24" fmla="*/ 193714 h 608556"/>
              <a:gd name="connsiteX25" fmla="*/ 443184 w 609403"/>
              <a:gd name="connsiteY25" fmla="*/ 187195 h 608556"/>
              <a:gd name="connsiteX26" fmla="*/ 443164 w 609403"/>
              <a:gd name="connsiteY26" fmla="*/ 186716 h 608556"/>
              <a:gd name="connsiteX27" fmla="*/ 459258 w 609403"/>
              <a:gd name="connsiteY27" fmla="*/ 193314 h 608556"/>
              <a:gd name="connsiteX28" fmla="*/ 465944 w 609403"/>
              <a:gd name="connsiteY28" fmla="*/ 209382 h 608556"/>
              <a:gd name="connsiteX29" fmla="*/ 459258 w 609403"/>
              <a:gd name="connsiteY29" fmla="*/ 225373 h 608556"/>
              <a:gd name="connsiteX30" fmla="*/ 269162 w 609403"/>
              <a:gd name="connsiteY30" fmla="*/ 415242 h 608556"/>
              <a:gd name="connsiteX31" fmla="*/ 253068 w 609403"/>
              <a:gd name="connsiteY31" fmla="*/ 421840 h 608556"/>
              <a:gd name="connsiteX32" fmla="*/ 237052 w 609403"/>
              <a:gd name="connsiteY32" fmla="*/ 415242 h 608556"/>
              <a:gd name="connsiteX33" fmla="*/ 150206 w 609403"/>
              <a:gd name="connsiteY33" fmla="*/ 328536 h 608556"/>
              <a:gd name="connsiteX34" fmla="*/ 150206 w 609403"/>
              <a:gd name="connsiteY34" fmla="*/ 296477 h 608556"/>
              <a:gd name="connsiteX35" fmla="*/ 166223 w 609403"/>
              <a:gd name="connsiteY35" fmla="*/ 289801 h 608556"/>
              <a:gd name="connsiteX36" fmla="*/ 182317 w 609403"/>
              <a:gd name="connsiteY36" fmla="*/ 296477 h 608556"/>
              <a:gd name="connsiteX37" fmla="*/ 253068 w 609403"/>
              <a:gd name="connsiteY37" fmla="*/ 367115 h 608556"/>
              <a:gd name="connsiteX38" fmla="*/ 427147 w 609403"/>
              <a:gd name="connsiteY38" fmla="*/ 193314 h 608556"/>
              <a:gd name="connsiteX39" fmla="*/ 443164 w 609403"/>
              <a:gd name="connsiteY39" fmla="*/ 186716 h 608556"/>
              <a:gd name="connsiteX40" fmla="*/ 304663 w 609403"/>
              <a:gd name="connsiteY40" fmla="*/ 45415 h 608556"/>
              <a:gd name="connsiteX41" fmla="*/ 121352 w 609403"/>
              <a:gd name="connsiteY41" fmla="*/ 121183 h 608556"/>
              <a:gd name="connsiteX42" fmla="*/ 45478 w 609403"/>
              <a:gd name="connsiteY42" fmla="*/ 304239 h 608556"/>
              <a:gd name="connsiteX43" fmla="*/ 121352 w 609403"/>
              <a:gd name="connsiteY43" fmla="*/ 487295 h 608556"/>
              <a:gd name="connsiteX44" fmla="*/ 304663 w 609403"/>
              <a:gd name="connsiteY44" fmla="*/ 563141 h 608556"/>
              <a:gd name="connsiteX45" fmla="*/ 487973 w 609403"/>
              <a:gd name="connsiteY45" fmla="*/ 487295 h 608556"/>
              <a:gd name="connsiteX46" fmla="*/ 563925 w 609403"/>
              <a:gd name="connsiteY46" fmla="*/ 304239 h 608556"/>
              <a:gd name="connsiteX47" fmla="*/ 487973 w 609403"/>
              <a:gd name="connsiteY47" fmla="*/ 121183 h 608556"/>
              <a:gd name="connsiteX48" fmla="*/ 304663 w 609403"/>
              <a:gd name="connsiteY48" fmla="*/ 45415 h 608556"/>
              <a:gd name="connsiteX49" fmla="*/ 304699 w 609403"/>
              <a:gd name="connsiteY49" fmla="*/ 44890 h 608556"/>
              <a:gd name="connsiteX50" fmla="*/ 564518 w 609403"/>
              <a:gd name="connsiteY50" fmla="*/ 304240 h 608556"/>
              <a:gd name="connsiteX51" fmla="*/ 304699 w 609403"/>
              <a:gd name="connsiteY51" fmla="*/ 563667 h 608556"/>
              <a:gd name="connsiteX52" fmla="*/ 44957 w 609403"/>
              <a:gd name="connsiteY52" fmla="*/ 304240 h 608556"/>
              <a:gd name="connsiteX53" fmla="*/ 304699 w 609403"/>
              <a:gd name="connsiteY53" fmla="*/ 44890 h 608556"/>
              <a:gd name="connsiteX54" fmla="*/ 304663 w 609403"/>
              <a:gd name="connsiteY54" fmla="*/ 44328 h 608556"/>
              <a:gd name="connsiteX55" fmla="*/ 120652 w 609403"/>
              <a:gd name="connsiteY55" fmla="*/ 120485 h 608556"/>
              <a:gd name="connsiteX56" fmla="*/ 44389 w 609403"/>
              <a:gd name="connsiteY56" fmla="*/ 304239 h 608556"/>
              <a:gd name="connsiteX57" fmla="*/ 120652 w 609403"/>
              <a:gd name="connsiteY57" fmla="*/ 488071 h 608556"/>
              <a:gd name="connsiteX58" fmla="*/ 304663 w 609403"/>
              <a:gd name="connsiteY58" fmla="*/ 564228 h 608556"/>
              <a:gd name="connsiteX59" fmla="*/ 488751 w 609403"/>
              <a:gd name="connsiteY59" fmla="*/ 488071 h 608556"/>
              <a:gd name="connsiteX60" fmla="*/ 565014 w 609403"/>
              <a:gd name="connsiteY60" fmla="*/ 304239 h 608556"/>
              <a:gd name="connsiteX61" fmla="*/ 488751 w 609403"/>
              <a:gd name="connsiteY61" fmla="*/ 120485 h 608556"/>
              <a:gd name="connsiteX62" fmla="*/ 304663 w 609403"/>
              <a:gd name="connsiteY62" fmla="*/ 44328 h 608556"/>
              <a:gd name="connsiteX63" fmla="*/ 304663 w 609403"/>
              <a:gd name="connsiteY63" fmla="*/ 1009 h 608556"/>
              <a:gd name="connsiteX64" fmla="*/ 422905 w 609403"/>
              <a:gd name="connsiteY64" fmla="*/ 24920 h 608556"/>
              <a:gd name="connsiteX65" fmla="*/ 519380 w 609403"/>
              <a:gd name="connsiteY65" fmla="*/ 89820 h 608556"/>
              <a:gd name="connsiteX66" fmla="*/ 584449 w 609403"/>
              <a:gd name="connsiteY66" fmla="*/ 186239 h 608556"/>
              <a:gd name="connsiteX67" fmla="*/ 608315 w 609403"/>
              <a:gd name="connsiteY67" fmla="*/ 304239 h 608556"/>
              <a:gd name="connsiteX68" fmla="*/ 584449 w 609403"/>
              <a:gd name="connsiteY68" fmla="*/ 422317 h 608556"/>
              <a:gd name="connsiteX69" fmla="*/ 519380 w 609403"/>
              <a:gd name="connsiteY69" fmla="*/ 518658 h 608556"/>
              <a:gd name="connsiteX70" fmla="*/ 422905 w 609403"/>
              <a:gd name="connsiteY70" fmla="*/ 583636 h 608556"/>
              <a:gd name="connsiteX71" fmla="*/ 304663 w 609403"/>
              <a:gd name="connsiteY71" fmla="*/ 607469 h 608556"/>
              <a:gd name="connsiteX72" fmla="*/ 186498 w 609403"/>
              <a:gd name="connsiteY72" fmla="*/ 583636 h 608556"/>
              <a:gd name="connsiteX73" fmla="*/ 89945 w 609403"/>
              <a:gd name="connsiteY73" fmla="*/ 518658 h 608556"/>
              <a:gd name="connsiteX74" fmla="*/ 24954 w 609403"/>
              <a:gd name="connsiteY74" fmla="*/ 422317 h 608556"/>
              <a:gd name="connsiteX75" fmla="*/ 1011 w 609403"/>
              <a:gd name="connsiteY75" fmla="*/ 304239 h 608556"/>
              <a:gd name="connsiteX76" fmla="*/ 24954 w 609403"/>
              <a:gd name="connsiteY76" fmla="*/ 186239 h 608556"/>
              <a:gd name="connsiteX77" fmla="*/ 89945 w 609403"/>
              <a:gd name="connsiteY77" fmla="*/ 89820 h 608556"/>
              <a:gd name="connsiteX78" fmla="*/ 186498 w 609403"/>
              <a:gd name="connsiteY78" fmla="*/ 24920 h 608556"/>
              <a:gd name="connsiteX79" fmla="*/ 304663 w 609403"/>
              <a:gd name="connsiteY79" fmla="*/ 1009 h 608556"/>
              <a:gd name="connsiteX80" fmla="*/ 304699 w 609403"/>
              <a:gd name="connsiteY80" fmla="*/ 565 h 608556"/>
              <a:gd name="connsiteX81" fmla="*/ 186295 w 609403"/>
              <a:gd name="connsiteY81" fmla="*/ 24396 h 608556"/>
              <a:gd name="connsiteX82" fmla="*/ 89659 w 609403"/>
              <a:gd name="connsiteY82" fmla="*/ 89525 h 608556"/>
              <a:gd name="connsiteX83" fmla="*/ 24432 w 609403"/>
              <a:gd name="connsiteY83" fmla="*/ 186015 h 608556"/>
              <a:gd name="connsiteX84" fmla="*/ 565 w 609403"/>
              <a:gd name="connsiteY84" fmla="*/ 304240 h 608556"/>
              <a:gd name="connsiteX85" fmla="*/ 24432 w 609403"/>
              <a:gd name="connsiteY85" fmla="*/ 422542 h 608556"/>
              <a:gd name="connsiteX86" fmla="*/ 89659 w 609403"/>
              <a:gd name="connsiteY86" fmla="*/ 519032 h 608556"/>
              <a:gd name="connsiteX87" fmla="*/ 186295 w 609403"/>
              <a:gd name="connsiteY87" fmla="*/ 584083 h 608556"/>
              <a:gd name="connsiteX88" fmla="*/ 304699 w 609403"/>
              <a:gd name="connsiteY88" fmla="*/ 607992 h 608556"/>
              <a:gd name="connsiteX89" fmla="*/ 423180 w 609403"/>
              <a:gd name="connsiteY89" fmla="*/ 584083 h 608556"/>
              <a:gd name="connsiteX90" fmla="*/ 519816 w 609403"/>
              <a:gd name="connsiteY90" fmla="*/ 519032 h 608556"/>
              <a:gd name="connsiteX91" fmla="*/ 584965 w 609403"/>
              <a:gd name="connsiteY91" fmla="*/ 422542 h 608556"/>
              <a:gd name="connsiteX92" fmla="*/ 608910 w 609403"/>
              <a:gd name="connsiteY92" fmla="*/ 304240 h 608556"/>
              <a:gd name="connsiteX93" fmla="*/ 584965 w 609403"/>
              <a:gd name="connsiteY93" fmla="*/ 186015 h 608556"/>
              <a:gd name="connsiteX94" fmla="*/ 519816 w 609403"/>
              <a:gd name="connsiteY94" fmla="*/ 89525 h 608556"/>
              <a:gd name="connsiteX95" fmla="*/ 423180 w 609403"/>
              <a:gd name="connsiteY95" fmla="*/ 24396 h 608556"/>
              <a:gd name="connsiteX96" fmla="*/ 304699 w 609403"/>
              <a:gd name="connsiteY96" fmla="*/ 565 h 608556"/>
              <a:gd name="connsiteX97" fmla="*/ 304663 w 609403"/>
              <a:gd name="connsiteY97" fmla="*/ 0 h 608556"/>
              <a:gd name="connsiteX98" fmla="*/ 423294 w 609403"/>
              <a:gd name="connsiteY98" fmla="*/ 23911 h 608556"/>
              <a:gd name="connsiteX99" fmla="*/ 520158 w 609403"/>
              <a:gd name="connsiteY99" fmla="*/ 89121 h 608556"/>
              <a:gd name="connsiteX100" fmla="*/ 585459 w 609403"/>
              <a:gd name="connsiteY100" fmla="*/ 185851 h 608556"/>
              <a:gd name="connsiteX101" fmla="*/ 609403 w 609403"/>
              <a:gd name="connsiteY101" fmla="*/ 304239 h 608556"/>
              <a:gd name="connsiteX102" fmla="*/ 585459 w 609403"/>
              <a:gd name="connsiteY102" fmla="*/ 422705 h 608556"/>
              <a:gd name="connsiteX103" fmla="*/ 520158 w 609403"/>
              <a:gd name="connsiteY103" fmla="*/ 519435 h 608556"/>
              <a:gd name="connsiteX104" fmla="*/ 423294 w 609403"/>
              <a:gd name="connsiteY104" fmla="*/ 584645 h 608556"/>
              <a:gd name="connsiteX105" fmla="*/ 304663 w 609403"/>
              <a:gd name="connsiteY105" fmla="*/ 608556 h 608556"/>
              <a:gd name="connsiteX106" fmla="*/ 186109 w 609403"/>
              <a:gd name="connsiteY106" fmla="*/ 584645 h 608556"/>
              <a:gd name="connsiteX107" fmla="*/ 89245 w 609403"/>
              <a:gd name="connsiteY107" fmla="*/ 519435 h 608556"/>
              <a:gd name="connsiteX108" fmla="*/ 23944 w 609403"/>
              <a:gd name="connsiteY108" fmla="*/ 422705 h 608556"/>
              <a:gd name="connsiteX109" fmla="*/ 0 w 609403"/>
              <a:gd name="connsiteY109" fmla="*/ 304239 h 608556"/>
              <a:gd name="connsiteX110" fmla="*/ 23944 w 609403"/>
              <a:gd name="connsiteY110" fmla="*/ 185851 h 608556"/>
              <a:gd name="connsiteX111" fmla="*/ 89245 w 609403"/>
              <a:gd name="connsiteY111" fmla="*/ 89121 h 608556"/>
              <a:gd name="connsiteX112" fmla="*/ 186109 w 609403"/>
              <a:gd name="connsiteY112" fmla="*/ 23911 h 608556"/>
              <a:gd name="connsiteX113" fmla="*/ 304663 w 609403"/>
              <a:gd name="connsiteY113" fmla="*/ 0 h 6085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Lst>
            <a:rect l="l" t="t" r="r" b="b"/>
            <a:pathLst>
              <a:path w="609403" h="608556">
                <a:moveTo>
                  <a:pt x="443164" y="187725"/>
                </a:moveTo>
                <a:cubicBezTo>
                  <a:pt x="448995" y="187725"/>
                  <a:pt x="454437" y="189976"/>
                  <a:pt x="458558" y="194090"/>
                </a:cubicBezTo>
                <a:cubicBezTo>
                  <a:pt x="462601" y="198127"/>
                  <a:pt x="464856" y="203560"/>
                  <a:pt x="464856" y="209382"/>
                </a:cubicBezTo>
                <a:cubicBezTo>
                  <a:pt x="464856" y="215126"/>
                  <a:pt x="462601" y="220560"/>
                  <a:pt x="458558" y="224674"/>
                </a:cubicBezTo>
                <a:lnTo>
                  <a:pt x="268385" y="414466"/>
                </a:lnTo>
                <a:cubicBezTo>
                  <a:pt x="264342" y="418580"/>
                  <a:pt x="258899" y="420831"/>
                  <a:pt x="253068" y="420831"/>
                </a:cubicBezTo>
                <a:cubicBezTo>
                  <a:pt x="247315" y="420831"/>
                  <a:pt x="241872" y="418580"/>
                  <a:pt x="237752" y="414466"/>
                </a:cubicBezTo>
                <a:lnTo>
                  <a:pt x="150906" y="327837"/>
                </a:lnTo>
                <a:cubicBezTo>
                  <a:pt x="142509" y="319376"/>
                  <a:pt x="142509" y="305636"/>
                  <a:pt x="150906" y="297175"/>
                </a:cubicBezTo>
                <a:cubicBezTo>
                  <a:pt x="155027" y="293061"/>
                  <a:pt x="160469" y="290810"/>
                  <a:pt x="166223" y="290810"/>
                </a:cubicBezTo>
                <a:cubicBezTo>
                  <a:pt x="172054" y="290810"/>
                  <a:pt x="177496" y="293061"/>
                  <a:pt x="181617" y="297175"/>
                </a:cubicBezTo>
                <a:lnTo>
                  <a:pt x="253068" y="368590"/>
                </a:lnTo>
                <a:lnTo>
                  <a:pt x="427847" y="194090"/>
                </a:lnTo>
                <a:cubicBezTo>
                  <a:pt x="431968" y="189976"/>
                  <a:pt x="437410" y="187725"/>
                  <a:pt x="443164" y="187725"/>
                </a:cubicBezTo>
                <a:close/>
                <a:moveTo>
                  <a:pt x="443184" y="187195"/>
                </a:moveTo>
                <a:cubicBezTo>
                  <a:pt x="437500" y="187195"/>
                  <a:pt x="431805" y="189368"/>
                  <a:pt x="427451" y="193714"/>
                </a:cubicBezTo>
                <a:lnTo>
                  <a:pt x="253077" y="367795"/>
                </a:lnTo>
                <a:lnTo>
                  <a:pt x="181944" y="296781"/>
                </a:lnTo>
                <a:cubicBezTo>
                  <a:pt x="173315" y="288166"/>
                  <a:pt x="159243" y="288166"/>
                  <a:pt x="150614" y="296781"/>
                </a:cubicBezTo>
                <a:cubicBezTo>
                  <a:pt x="141907" y="305474"/>
                  <a:pt x="141907" y="319521"/>
                  <a:pt x="150614" y="328136"/>
                </a:cubicBezTo>
                <a:lnTo>
                  <a:pt x="237374" y="414827"/>
                </a:lnTo>
                <a:cubicBezTo>
                  <a:pt x="241572" y="418940"/>
                  <a:pt x="247169" y="421346"/>
                  <a:pt x="253077" y="421346"/>
                </a:cubicBezTo>
                <a:cubicBezTo>
                  <a:pt x="258986" y="421346"/>
                  <a:pt x="264661" y="418940"/>
                  <a:pt x="268781" y="414827"/>
                </a:cubicBezTo>
                <a:lnTo>
                  <a:pt x="458859" y="225069"/>
                </a:lnTo>
                <a:cubicBezTo>
                  <a:pt x="467566" y="216377"/>
                  <a:pt x="467566" y="202329"/>
                  <a:pt x="458859" y="193714"/>
                </a:cubicBezTo>
                <a:cubicBezTo>
                  <a:pt x="454544" y="189368"/>
                  <a:pt x="448869" y="187195"/>
                  <a:pt x="443184" y="187195"/>
                </a:cubicBezTo>
                <a:close/>
                <a:moveTo>
                  <a:pt x="443164" y="186716"/>
                </a:moveTo>
                <a:cubicBezTo>
                  <a:pt x="449228" y="186716"/>
                  <a:pt x="454982" y="189045"/>
                  <a:pt x="459258" y="193314"/>
                </a:cubicBezTo>
                <a:cubicBezTo>
                  <a:pt x="463534" y="197583"/>
                  <a:pt x="465944" y="203328"/>
                  <a:pt x="465944" y="209382"/>
                </a:cubicBezTo>
                <a:cubicBezTo>
                  <a:pt x="465944" y="215437"/>
                  <a:pt x="463534" y="221104"/>
                  <a:pt x="459258" y="225373"/>
                </a:cubicBezTo>
                <a:lnTo>
                  <a:pt x="269162" y="415242"/>
                </a:lnTo>
                <a:cubicBezTo>
                  <a:pt x="264886" y="419511"/>
                  <a:pt x="259132" y="421840"/>
                  <a:pt x="253068" y="421840"/>
                </a:cubicBezTo>
                <a:cubicBezTo>
                  <a:pt x="247004" y="421840"/>
                  <a:pt x="241328" y="419511"/>
                  <a:pt x="237052" y="415242"/>
                </a:cubicBezTo>
                <a:lnTo>
                  <a:pt x="150206" y="328536"/>
                </a:lnTo>
                <a:cubicBezTo>
                  <a:pt x="141343" y="319686"/>
                  <a:pt x="141343" y="305326"/>
                  <a:pt x="150206" y="296477"/>
                </a:cubicBezTo>
                <a:cubicBezTo>
                  <a:pt x="154483" y="292130"/>
                  <a:pt x="160158" y="289801"/>
                  <a:pt x="166223" y="289801"/>
                </a:cubicBezTo>
                <a:cubicBezTo>
                  <a:pt x="172365" y="289801"/>
                  <a:pt x="178040" y="292130"/>
                  <a:pt x="182317" y="296477"/>
                </a:cubicBezTo>
                <a:lnTo>
                  <a:pt x="253068" y="367115"/>
                </a:lnTo>
                <a:lnTo>
                  <a:pt x="427147" y="193314"/>
                </a:lnTo>
                <a:cubicBezTo>
                  <a:pt x="431424" y="189045"/>
                  <a:pt x="437099" y="186716"/>
                  <a:pt x="443164" y="186716"/>
                </a:cubicBezTo>
                <a:close/>
                <a:moveTo>
                  <a:pt x="304663" y="45415"/>
                </a:moveTo>
                <a:cubicBezTo>
                  <a:pt x="235474" y="45415"/>
                  <a:pt x="170328" y="72275"/>
                  <a:pt x="121352" y="121183"/>
                </a:cubicBezTo>
                <a:cubicBezTo>
                  <a:pt x="72376" y="170091"/>
                  <a:pt x="45478" y="235147"/>
                  <a:pt x="45478" y="304239"/>
                </a:cubicBezTo>
                <a:cubicBezTo>
                  <a:pt x="45478" y="373409"/>
                  <a:pt x="72376" y="438465"/>
                  <a:pt x="121352" y="487295"/>
                </a:cubicBezTo>
                <a:cubicBezTo>
                  <a:pt x="170328" y="536203"/>
                  <a:pt x="235474" y="563141"/>
                  <a:pt x="304663" y="563141"/>
                </a:cubicBezTo>
                <a:cubicBezTo>
                  <a:pt x="373929" y="563141"/>
                  <a:pt x="439075" y="536203"/>
                  <a:pt x="487973" y="487295"/>
                </a:cubicBezTo>
                <a:cubicBezTo>
                  <a:pt x="536950" y="438465"/>
                  <a:pt x="563925" y="373409"/>
                  <a:pt x="563925" y="304239"/>
                </a:cubicBezTo>
                <a:cubicBezTo>
                  <a:pt x="563925" y="235147"/>
                  <a:pt x="536950" y="170091"/>
                  <a:pt x="487973" y="121183"/>
                </a:cubicBezTo>
                <a:cubicBezTo>
                  <a:pt x="439075" y="72275"/>
                  <a:pt x="373929" y="45415"/>
                  <a:pt x="304663" y="45415"/>
                </a:cubicBezTo>
                <a:close/>
                <a:moveTo>
                  <a:pt x="304699" y="44890"/>
                </a:moveTo>
                <a:cubicBezTo>
                  <a:pt x="448214" y="44890"/>
                  <a:pt x="564518" y="161019"/>
                  <a:pt x="564518" y="304240"/>
                </a:cubicBezTo>
                <a:cubicBezTo>
                  <a:pt x="564518" y="447538"/>
                  <a:pt x="448214" y="563667"/>
                  <a:pt x="304699" y="563667"/>
                </a:cubicBezTo>
                <a:cubicBezTo>
                  <a:pt x="161261" y="563667"/>
                  <a:pt x="44957" y="447538"/>
                  <a:pt x="44957" y="304240"/>
                </a:cubicBezTo>
                <a:cubicBezTo>
                  <a:pt x="44957" y="161019"/>
                  <a:pt x="161261" y="44890"/>
                  <a:pt x="304699" y="44890"/>
                </a:cubicBezTo>
                <a:close/>
                <a:moveTo>
                  <a:pt x="304663" y="44328"/>
                </a:moveTo>
                <a:cubicBezTo>
                  <a:pt x="235163" y="44328"/>
                  <a:pt x="169784" y="71344"/>
                  <a:pt x="120652" y="120485"/>
                </a:cubicBezTo>
                <a:cubicBezTo>
                  <a:pt x="71443" y="169548"/>
                  <a:pt x="44389" y="234836"/>
                  <a:pt x="44389" y="304239"/>
                </a:cubicBezTo>
                <a:cubicBezTo>
                  <a:pt x="44389" y="373720"/>
                  <a:pt x="71443" y="439008"/>
                  <a:pt x="120652" y="488071"/>
                </a:cubicBezTo>
                <a:cubicBezTo>
                  <a:pt x="169784" y="537135"/>
                  <a:pt x="235163" y="564228"/>
                  <a:pt x="304663" y="564228"/>
                </a:cubicBezTo>
                <a:cubicBezTo>
                  <a:pt x="374240" y="564228"/>
                  <a:pt x="439619" y="537135"/>
                  <a:pt x="488751" y="488071"/>
                </a:cubicBezTo>
                <a:cubicBezTo>
                  <a:pt x="537882" y="439008"/>
                  <a:pt x="565014" y="373720"/>
                  <a:pt x="565014" y="304239"/>
                </a:cubicBezTo>
                <a:cubicBezTo>
                  <a:pt x="565014" y="234836"/>
                  <a:pt x="537882" y="169548"/>
                  <a:pt x="488751" y="120485"/>
                </a:cubicBezTo>
                <a:cubicBezTo>
                  <a:pt x="439619" y="71344"/>
                  <a:pt x="374240" y="44328"/>
                  <a:pt x="304663" y="44328"/>
                </a:cubicBezTo>
                <a:close/>
                <a:moveTo>
                  <a:pt x="304663" y="1009"/>
                </a:moveTo>
                <a:cubicBezTo>
                  <a:pt x="345632" y="1009"/>
                  <a:pt x="385434" y="9083"/>
                  <a:pt x="422905" y="24920"/>
                </a:cubicBezTo>
                <a:cubicBezTo>
                  <a:pt x="459054" y="40136"/>
                  <a:pt x="491549" y="62028"/>
                  <a:pt x="519380" y="89820"/>
                </a:cubicBezTo>
                <a:cubicBezTo>
                  <a:pt x="547289" y="117690"/>
                  <a:pt x="569212" y="150140"/>
                  <a:pt x="584449" y="186239"/>
                </a:cubicBezTo>
                <a:cubicBezTo>
                  <a:pt x="600308" y="223657"/>
                  <a:pt x="608315" y="263327"/>
                  <a:pt x="608315" y="304239"/>
                </a:cubicBezTo>
                <a:cubicBezTo>
                  <a:pt x="608315" y="345151"/>
                  <a:pt x="600308" y="384899"/>
                  <a:pt x="584449" y="422317"/>
                </a:cubicBezTo>
                <a:cubicBezTo>
                  <a:pt x="569212" y="458416"/>
                  <a:pt x="547289" y="490866"/>
                  <a:pt x="519380" y="518658"/>
                </a:cubicBezTo>
                <a:cubicBezTo>
                  <a:pt x="491549" y="546528"/>
                  <a:pt x="459054" y="568343"/>
                  <a:pt x="422905" y="583636"/>
                </a:cubicBezTo>
                <a:cubicBezTo>
                  <a:pt x="385434" y="599473"/>
                  <a:pt x="345632" y="607469"/>
                  <a:pt x="304663" y="607469"/>
                </a:cubicBezTo>
                <a:cubicBezTo>
                  <a:pt x="263694" y="607469"/>
                  <a:pt x="223969" y="599473"/>
                  <a:pt x="186498" y="583636"/>
                </a:cubicBezTo>
                <a:cubicBezTo>
                  <a:pt x="150349" y="568343"/>
                  <a:pt x="117854" y="546528"/>
                  <a:pt x="89945" y="518658"/>
                </a:cubicBezTo>
                <a:cubicBezTo>
                  <a:pt x="62114" y="490866"/>
                  <a:pt x="40191" y="458416"/>
                  <a:pt x="24954" y="422317"/>
                </a:cubicBezTo>
                <a:cubicBezTo>
                  <a:pt x="9096" y="384899"/>
                  <a:pt x="1011" y="345151"/>
                  <a:pt x="1011" y="304239"/>
                </a:cubicBezTo>
                <a:cubicBezTo>
                  <a:pt x="1011" y="263327"/>
                  <a:pt x="9096" y="223657"/>
                  <a:pt x="24954" y="186239"/>
                </a:cubicBezTo>
                <a:cubicBezTo>
                  <a:pt x="40191" y="150140"/>
                  <a:pt x="62114" y="117690"/>
                  <a:pt x="89945" y="89820"/>
                </a:cubicBezTo>
                <a:cubicBezTo>
                  <a:pt x="117854" y="62028"/>
                  <a:pt x="150349" y="40136"/>
                  <a:pt x="186498" y="24920"/>
                </a:cubicBezTo>
                <a:cubicBezTo>
                  <a:pt x="223969" y="9083"/>
                  <a:pt x="263694" y="1009"/>
                  <a:pt x="304663" y="1009"/>
                </a:cubicBezTo>
                <a:close/>
                <a:moveTo>
                  <a:pt x="304699" y="565"/>
                </a:moveTo>
                <a:cubicBezTo>
                  <a:pt x="263650" y="565"/>
                  <a:pt x="223845" y="8561"/>
                  <a:pt x="186295" y="24396"/>
                </a:cubicBezTo>
                <a:cubicBezTo>
                  <a:pt x="150066" y="39689"/>
                  <a:pt x="117569" y="61657"/>
                  <a:pt x="89659" y="89525"/>
                </a:cubicBezTo>
                <a:cubicBezTo>
                  <a:pt x="61749" y="117393"/>
                  <a:pt x="39748" y="149841"/>
                  <a:pt x="24432" y="186015"/>
                </a:cubicBezTo>
                <a:cubicBezTo>
                  <a:pt x="8573" y="223508"/>
                  <a:pt x="565" y="263253"/>
                  <a:pt x="565" y="304240"/>
                </a:cubicBezTo>
                <a:cubicBezTo>
                  <a:pt x="565" y="345226"/>
                  <a:pt x="8573" y="385049"/>
                  <a:pt x="24432" y="422542"/>
                </a:cubicBezTo>
                <a:cubicBezTo>
                  <a:pt x="39748" y="458716"/>
                  <a:pt x="61749" y="491164"/>
                  <a:pt x="89659" y="519032"/>
                </a:cubicBezTo>
                <a:cubicBezTo>
                  <a:pt x="117569" y="546900"/>
                  <a:pt x="150066" y="568791"/>
                  <a:pt x="186295" y="584083"/>
                </a:cubicBezTo>
                <a:cubicBezTo>
                  <a:pt x="223845" y="599997"/>
                  <a:pt x="263650" y="607992"/>
                  <a:pt x="304699" y="607992"/>
                </a:cubicBezTo>
                <a:cubicBezTo>
                  <a:pt x="345747" y="607992"/>
                  <a:pt x="385630" y="599997"/>
                  <a:pt x="423180" y="584083"/>
                </a:cubicBezTo>
                <a:cubicBezTo>
                  <a:pt x="459409" y="568791"/>
                  <a:pt x="491906" y="546900"/>
                  <a:pt x="519816" y="519032"/>
                </a:cubicBezTo>
                <a:cubicBezTo>
                  <a:pt x="547726" y="491164"/>
                  <a:pt x="569649" y="458716"/>
                  <a:pt x="584965" y="422542"/>
                </a:cubicBezTo>
                <a:cubicBezTo>
                  <a:pt x="600902" y="385049"/>
                  <a:pt x="608910" y="345226"/>
                  <a:pt x="608910" y="304240"/>
                </a:cubicBezTo>
                <a:cubicBezTo>
                  <a:pt x="608910" y="263253"/>
                  <a:pt x="600902" y="223508"/>
                  <a:pt x="584965" y="186015"/>
                </a:cubicBezTo>
                <a:cubicBezTo>
                  <a:pt x="569649" y="149841"/>
                  <a:pt x="547726" y="117393"/>
                  <a:pt x="519816" y="89525"/>
                </a:cubicBezTo>
                <a:cubicBezTo>
                  <a:pt x="491906" y="61657"/>
                  <a:pt x="459409" y="39689"/>
                  <a:pt x="423180" y="24396"/>
                </a:cubicBezTo>
                <a:cubicBezTo>
                  <a:pt x="385630" y="8561"/>
                  <a:pt x="345747" y="565"/>
                  <a:pt x="304699" y="565"/>
                </a:cubicBezTo>
                <a:close/>
                <a:moveTo>
                  <a:pt x="304663" y="0"/>
                </a:moveTo>
                <a:cubicBezTo>
                  <a:pt x="345787" y="0"/>
                  <a:pt x="385745" y="8074"/>
                  <a:pt x="423294" y="23911"/>
                </a:cubicBezTo>
                <a:cubicBezTo>
                  <a:pt x="459598" y="39282"/>
                  <a:pt x="492171" y="61174"/>
                  <a:pt x="520158" y="89121"/>
                </a:cubicBezTo>
                <a:cubicBezTo>
                  <a:pt x="548144" y="117069"/>
                  <a:pt x="570067" y="149597"/>
                  <a:pt x="585459" y="185851"/>
                </a:cubicBezTo>
                <a:cubicBezTo>
                  <a:pt x="601318" y="223347"/>
                  <a:pt x="609403" y="263250"/>
                  <a:pt x="609403" y="304239"/>
                </a:cubicBezTo>
                <a:cubicBezTo>
                  <a:pt x="609403" y="345306"/>
                  <a:pt x="601318" y="385209"/>
                  <a:pt x="585459" y="422705"/>
                </a:cubicBezTo>
                <a:cubicBezTo>
                  <a:pt x="570067" y="458959"/>
                  <a:pt x="548144" y="491487"/>
                  <a:pt x="520158" y="519435"/>
                </a:cubicBezTo>
                <a:cubicBezTo>
                  <a:pt x="492171" y="547382"/>
                  <a:pt x="459598" y="569274"/>
                  <a:pt x="423294" y="584645"/>
                </a:cubicBezTo>
                <a:cubicBezTo>
                  <a:pt x="385745" y="600482"/>
                  <a:pt x="345787" y="608556"/>
                  <a:pt x="304663" y="608556"/>
                </a:cubicBezTo>
                <a:cubicBezTo>
                  <a:pt x="263616" y="608556"/>
                  <a:pt x="223658" y="600482"/>
                  <a:pt x="186109" y="584645"/>
                </a:cubicBezTo>
                <a:cubicBezTo>
                  <a:pt x="149805" y="569274"/>
                  <a:pt x="117232" y="547382"/>
                  <a:pt x="89245" y="519435"/>
                </a:cubicBezTo>
                <a:cubicBezTo>
                  <a:pt x="61259" y="491487"/>
                  <a:pt x="39336" y="458959"/>
                  <a:pt x="23944" y="422705"/>
                </a:cubicBezTo>
                <a:cubicBezTo>
                  <a:pt x="8085" y="385209"/>
                  <a:pt x="0" y="345306"/>
                  <a:pt x="0" y="304239"/>
                </a:cubicBezTo>
                <a:cubicBezTo>
                  <a:pt x="0" y="263250"/>
                  <a:pt x="8085" y="223347"/>
                  <a:pt x="23944" y="185851"/>
                </a:cubicBezTo>
                <a:cubicBezTo>
                  <a:pt x="39336" y="149597"/>
                  <a:pt x="61259" y="117069"/>
                  <a:pt x="89245" y="89121"/>
                </a:cubicBezTo>
                <a:cubicBezTo>
                  <a:pt x="117232" y="61174"/>
                  <a:pt x="149805" y="39282"/>
                  <a:pt x="186109" y="23911"/>
                </a:cubicBezTo>
                <a:cubicBezTo>
                  <a:pt x="223658" y="8074"/>
                  <a:pt x="263616" y="0"/>
                  <a:pt x="304663" y="0"/>
                </a:cubicBezTo>
                <a:close/>
              </a:path>
            </a:pathLst>
          </a:custGeom>
          <a:solidFill>
            <a:srgbClr val="00B0F0"/>
          </a:solidFill>
          <a:ln>
            <a:noFill/>
          </a:ln>
        </p:spPr>
        <p:txBody>
          <a:bodyPr/>
          <a:lstStyle/>
          <a:p>
            <a:endParaRPr lang="zh-CN" altLang="en-US">
              <a:cs typeface="+mn-ea"/>
              <a:sym typeface="Huawei Sans" panose="020C0503030203020204" pitchFamily="34" charset="0"/>
            </a:endParaRPr>
          </a:p>
        </p:txBody>
      </p:sp>
      <p:sp>
        <p:nvSpPr>
          <p:cNvPr id="33" name="settings-tool_1475">
            <a:extLst>
              <a:ext uri="{FF2B5EF4-FFF2-40B4-BE49-F238E27FC236}">
                <a16:creationId xmlns:a16="http://schemas.microsoft.com/office/drawing/2014/main" xmlns="" id="{14879274-CF6F-4045-AAF8-28F666998C99}"/>
              </a:ext>
            </a:extLst>
          </p:cNvPr>
          <p:cNvSpPr>
            <a:spLocks noChangeAspect="1"/>
          </p:cNvSpPr>
          <p:nvPr/>
        </p:nvSpPr>
        <p:spPr bwMode="auto">
          <a:xfrm>
            <a:off x="9818499" y="4439961"/>
            <a:ext cx="408003" cy="402316"/>
          </a:xfrm>
          <a:custGeom>
            <a:avLst/>
            <a:gdLst>
              <a:gd name="connsiteX0" fmla="*/ 84102 w 605058"/>
              <a:gd name="connsiteY0" fmla="*/ 462071 h 596625"/>
              <a:gd name="connsiteX1" fmla="*/ 136115 w 605058"/>
              <a:gd name="connsiteY1" fmla="*/ 462071 h 596625"/>
              <a:gd name="connsiteX2" fmla="*/ 155668 w 605058"/>
              <a:gd name="connsiteY2" fmla="*/ 481600 h 596625"/>
              <a:gd name="connsiteX3" fmla="*/ 136115 w 605058"/>
              <a:gd name="connsiteY3" fmla="*/ 501129 h 596625"/>
              <a:gd name="connsiteX4" fmla="*/ 129858 w 605058"/>
              <a:gd name="connsiteY4" fmla="*/ 501129 h 596625"/>
              <a:gd name="connsiteX5" fmla="*/ 244246 w 605058"/>
              <a:gd name="connsiteY5" fmla="*/ 553662 h 596625"/>
              <a:gd name="connsiteX6" fmla="*/ 477326 w 605058"/>
              <a:gd name="connsiteY6" fmla="*/ 469102 h 596625"/>
              <a:gd name="connsiteX7" fmla="*/ 504896 w 605058"/>
              <a:gd name="connsiteY7" fmla="*/ 466563 h 596625"/>
              <a:gd name="connsiteX8" fmla="*/ 507243 w 605058"/>
              <a:gd name="connsiteY8" fmla="*/ 494099 h 596625"/>
              <a:gd name="connsiteX9" fmla="*/ 286873 w 605058"/>
              <a:gd name="connsiteY9" fmla="*/ 596625 h 596625"/>
              <a:gd name="connsiteX10" fmla="*/ 237403 w 605058"/>
              <a:gd name="connsiteY10" fmla="*/ 592133 h 596625"/>
              <a:gd name="connsiteX11" fmla="*/ 101700 w 605058"/>
              <a:gd name="connsiteY11" fmla="*/ 528665 h 596625"/>
              <a:gd name="connsiteX12" fmla="*/ 101700 w 605058"/>
              <a:gd name="connsiteY12" fmla="*/ 535500 h 596625"/>
              <a:gd name="connsiteX13" fmla="*/ 82147 w 605058"/>
              <a:gd name="connsiteY13" fmla="*/ 555029 h 596625"/>
              <a:gd name="connsiteX14" fmla="*/ 62593 w 605058"/>
              <a:gd name="connsiteY14" fmla="*/ 535500 h 596625"/>
              <a:gd name="connsiteX15" fmla="*/ 62593 w 605058"/>
              <a:gd name="connsiteY15" fmla="*/ 481600 h 596625"/>
              <a:gd name="connsiteX16" fmla="*/ 62593 w 605058"/>
              <a:gd name="connsiteY16" fmla="*/ 481405 h 596625"/>
              <a:gd name="connsiteX17" fmla="*/ 62789 w 605058"/>
              <a:gd name="connsiteY17" fmla="*/ 479647 h 596625"/>
              <a:gd name="connsiteX18" fmla="*/ 69632 w 605058"/>
              <a:gd name="connsiteY18" fmla="*/ 466563 h 596625"/>
              <a:gd name="connsiteX19" fmla="*/ 84102 w 605058"/>
              <a:gd name="connsiteY19" fmla="*/ 462071 h 596625"/>
              <a:gd name="connsiteX20" fmla="*/ 337122 w 605058"/>
              <a:gd name="connsiteY20" fmla="*/ 27227 h 596625"/>
              <a:gd name="connsiteX21" fmla="*/ 522516 w 605058"/>
              <a:gd name="connsiteY21" fmla="*/ 145178 h 596625"/>
              <a:gd name="connsiteX22" fmla="*/ 570037 w 605058"/>
              <a:gd name="connsiteY22" fmla="*/ 359600 h 596625"/>
              <a:gd name="connsiteX23" fmla="*/ 569255 w 605058"/>
              <a:gd name="connsiteY23" fmla="*/ 363701 h 596625"/>
              <a:gd name="connsiteX24" fmla="*/ 575709 w 605058"/>
              <a:gd name="connsiteY24" fmla="*/ 359991 h 596625"/>
              <a:gd name="connsiteX25" fmla="*/ 602501 w 605058"/>
              <a:gd name="connsiteY25" fmla="*/ 367216 h 596625"/>
              <a:gd name="connsiteX26" fmla="*/ 595265 w 605058"/>
              <a:gd name="connsiteY26" fmla="*/ 393775 h 596625"/>
              <a:gd name="connsiteX27" fmla="*/ 548526 w 605058"/>
              <a:gd name="connsiteY27" fmla="*/ 420724 h 596625"/>
              <a:gd name="connsiteX28" fmla="*/ 538747 w 605058"/>
              <a:gd name="connsiteY28" fmla="*/ 423458 h 596625"/>
              <a:gd name="connsiteX29" fmla="*/ 533663 w 605058"/>
              <a:gd name="connsiteY29" fmla="*/ 422677 h 596625"/>
              <a:gd name="connsiteX30" fmla="*/ 521929 w 605058"/>
              <a:gd name="connsiteY30" fmla="*/ 413694 h 596625"/>
              <a:gd name="connsiteX31" fmla="*/ 494941 w 605058"/>
              <a:gd name="connsiteY31" fmla="*/ 367021 h 596625"/>
              <a:gd name="connsiteX32" fmla="*/ 502177 w 605058"/>
              <a:gd name="connsiteY32" fmla="*/ 340267 h 596625"/>
              <a:gd name="connsiteX33" fmla="*/ 528774 w 605058"/>
              <a:gd name="connsiteY33" fmla="*/ 347492 h 596625"/>
              <a:gd name="connsiteX34" fmla="*/ 531707 w 605058"/>
              <a:gd name="connsiteY34" fmla="*/ 352375 h 596625"/>
              <a:gd name="connsiteX35" fmla="*/ 490443 w 605058"/>
              <a:gd name="connsiteY35" fmla="*/ 167636 h 596625"/>
              <a:gd name="connsiteX36" fmla="*/ 330278 w 605058"/>
              <a:gd name="connsiteY36" fmla="*/ 65698 h 596625"/>
              <a:gd name="connsiteX37" fmla="*/ 314437 w 605058"/>
              <a:gd name="connsiteY37" fmla="*/ 43240 h 596625"/>
              <a:gd name="connsiteX38" fmla="*/ 337122 w 605058"/>
              <a:gd name="connsiteY38" fmla="*/ 27227 h 596625"/>
              <a:gd name="connsiteX39" fmla="*/ 191663 w 605058"/>
              <a:gd name="connsiteY39" fmla="*/ 687 h 596625"/>
              <a:gd name="connsiteX40" fmla="*/ 206526 w 605058"/>
              <a:gd name="connsiteY40" fmla="*/ 2639 h 596625"/>
              <a:gd name="connsiteX41" fmla="*/ 253073 w 605058"/>
              <a:gd name="connsiteY41" fmla="*/ 29586 h 596625"/>
              <a:gd name="connsiteX42" fmla="*/ 262265 w 605058"/>
              <a:gd name="connsiteY42" fmla="*/ 41498 h 596625"/>
              <a:gd name="connsiteX43" fmla="*/ 260309 w 605058"/>
              <a:gd name="connsiteY43" fmla="*/ 56338 h 596625"/>
              <a:gd name="connsiteX44" fmla="*/ 233320 w 605058"/>
              <a:gd name="connsiteY44" fmla="*/ 102811 h 596625"/>
              <a:gd name="connsiteX45" fmla="*/ 216305 w 605058"/>
              <a:gd name="connsiteY45" fmla="*/ 112575 h 596625"/>
              <a:gd name="connsiteX46" fmla="*/ 206722 w 605058"/>
              <a:gd name="connsiteY46" fmla="*/ 110036 h 596625"/>
              <a:gd name="connsiteX47" fmla="*/ 199486 w 605058"/>
              <a:gd name="connsiteY47" fmla="*/ 83285 h 596625"/>
              <a:gd name="connsiteX48" fmla="*/ 203397 w 605058"/>
              <a:gd name="connsiteY48" fmla="*/ 76645 h 596625"/>
              <a:gd name="connsiteX49" fmla="*/ 42830 w 605058"/>
              <a:gd name="connsiteY49" fmla="*/ 266835 h 596625"/>
              <a:gd name="connsiteX50" fmla="*/ 53978 w 605058"/>
              <a:gd name="connsiteY50" fmla="*/ 394539 h 596625"/>
              <a:gd name="connsiteX51" fmla="*/ 42439 w 605058"/>
              <a:gd name="connsiteY51" fmla="*/ 419533 h 596625"/>
              <a:gd name="connsiteX52" fmla="*/ 35594 w 605058"/>
              <a:gd name="connsiteY52" fmla="*/ 420705 h 596625"/>
              <a:gd name="connsiteX53" fmla="*/ 17210 w 605058"/>
              <a:gd name="connsiteY53" fmla="*/ 407817 h 596625"/>
              <a:gd name="connsiteX54" fmla="*/ 4302 w 605058"/>
              <a:gd name="connsiteY54" fmla="*/ 260001 h 596625"/>
              <a:gd name="connsiteX55" fmla="*/ 191858 w 605058"/>
              <a:gd name="connsiteY55" fmla="*/ 39350 h 596625"/>
              <a:gd name="connsiteX56" fmla="*/ 186969 w 605058"/>
              <a:gd name="connsiteY56" fmla="*/ 36421 h 596625"/>
              <a:gd name="connsiteX57" fmla="*/ 179733 w 605058"/>
              <a:gd name="connsiteY57" fmla="*/ 9864 h 596625"/>
              <a:gd name="connsiteX58" fmla="*/ 191663 w 605058"/>
              <a:gd name="connsiteY58" fmla="*/ 687 h 5966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Lst>
            <a:rect l="l" t="t" r="r" b="b"/>
            <a:pathLst>
              <a:path w="605058" h="596625">
                <a:moveTo>
                  <a:pt x="84102" y="462071"/>
                </a:moveTo>
                <a:lnTo>
                  <a:pt x="136115" y="462071"/>
                </a:lnTo>
                <a:cubicBezTo>
                  <a:pt x="146869" y="462071"/>
                  <a:pt x="155668" y="470859"/>
                  <a:pt x="155668" y="481600"/>
                </a:cubicBezTo>
                <a:cubicBezTo>
                  <a:pt x="155668" y="492341"/>
                  <a:pt x="146869" y="501129"/>
                  <a:pt x="136115" y="501129"/>
                </a:cubicBezTo>
                <a:lnTo>
                  <a:pt x="129858" y="501129"/>
                </a:lnTo>
                <a:cubicBezTo>
                  <a:pt x="162512" y="528079"/>
                  <a:pt x="202010" y="546241"/>
                  <a:pt x="244246" y="553662"/>
                </a:cubicBezTo>
                <a:cubicBezTo>
                  <a:pt x="331064" y="569089"/>
                  <a:pt x="420425" y="536672"/>
                  <a:pt x="477326" y="469102"/>
                </a:cubicBezTo>
                <a:cubicBezTo>
                  <a:pt x="484365" y="460704"/>
                  <a:pt x="496684" y="459728"/>
                  <a:pt x="504896" y="466563"/>
                </a:cubicBezTo>
                <a:cubicBezTo>
                  <a:pt x="513109" y="473593"/>
                  <a:pt x="514282" y="485897"/>
                  <a:pt x="507243" y="494099"/>
                </a:cubicBezTo>
                <a:cubicBezTo>
                  <a:pt x="452297" y="559520"/>
                  <a:pt x="370954" y="596625"/>
                  <a:pt x="286873" y="596625"/>
                </a:cubicBezTo>
                <a:cubicBezTo>
                  <a:pt x="270448" y="596625"/>
                  <a:pt x="253828" y="595063"/>
                  <a:pt x="237403" y="592133"/>
                </a:cubicBezTo>
                <a:cubicBezTo>
                  <a:pt x="187150" y="583345"/>
                  <a:pt x="140221" y="561278"/>
                  <a:pt x="101700" y="528665"/>
                </a:cubicBezTo>
                <a:lnTo>
                  <a:pt x="101700" y="535500"/>
                </a:lnTo>
                <a:cubicBezTo>
                  <a:pt x="101700" y="546241"/>
                  <a:pt x="92901" y="555029"/>
                  <a:pt x="82147" y="555029"/>
                </a:cubicBezTo>
                <a:cubicBezTo>
                  <a:pt x="71392" y="555029"/>
                  <a:pt x="62593" y="546241"/>
                  <a:pt x="62593" y="535500"/>
                </a:cubicBezTo>
                <a:lnTo>
                  <a:pt x="62593" y="481600"/>
                </a:lnTo>
                <a:cubicBezTo>
                  <a:pt x="62593" y="481600"/>
                  <a:pt x="62593" y="481405"/>
                  <a:pt x="62593" y="481405"/>
                </a:cubicBezTo>
                <a:cubicBezTo>
                  <a:pt x="62593" y="480819"/>
                  <a:pt x="62593" y="480233"/>
                  <a:pt x="62789" y="479647"/>
                </a:cubicBezTo>
                <a:cubicBezTo>
                  <a:pt x="63180" y="474765"/>
                  <a:pt x="65526" y="470078"/>
                  <a:pt x="69632" y="466563"/>
                </a:cubicBezTo>
                <a:cubicBezTo>
                  <a:pt x="73739" y="463048"/>
                  <a:pt x="79018" y="461681"/>
                  <a:pt x="84102" y="462071"/>
                </a:cubicBezTo>
                <a:close/>
                <a:moveTo>
                  <a:pt x="337122" y="27227"/>
                </a:moveTo>
                <a:cubicBezTo>
                  <a:pt x="412610" y="40506"/>
                  <a:pt x="478514" y="82492"/>
                  <a:pt x="522516" y="145178"/>
                </a:cubicBezTo>
                <a:cubicBezTo>
                  <a:pt x="566517" y="208060"/>
                  <a:pt x="583531" y="284220"/>
                  <a:pt x="570037" y="359600"/>
                </a:cubicBezTo>
                <a:cubicBezTo>
                  <a:pt x="569842" y="360967"/>
                  <a:pt x="569646" y="362334"/>
                  <a:pt x="569255" y="363701"/>
                </a:cubicBezTo>
                <a:lnTo>
                  <a:pt x="575709" y="359991"/>
                </a:lnTo>
                <a:cubicBezTo>
                  <a:pt x="585096" y="354718"/>
                  <a:pt x="597025" y="357843"/>
                  <a:pt x="602501" y="367216"/>
                </a:cubicBezTo>
                <a:cubicBezTo>
                  <a:pt x="607781" y="376590"/>
                  <a:pt x="604652" y="388502"/>
                  <a:pt x="595265" y="393775"/>
                </a:cubicBezTo>
                <a:lnTo>
                  <a:pt x="548526" y="420724"/>
                </a:lnTo>
                <a:cubicBezTo>
                  <a:pt x="545592" y="422482"/>
                  <a:pt x="542268" y="423458"/>
                  <a:pt x="538747" y="423458"/>
                </a:cubicBezTo>
                <a:cubicBezTo>
                  <a:pt x="537183" y="423458"/>
                  <a:pt x="535423" y="423067"/>
                  <a:pt x="533663" y="422677"/>
                </a:cubicBezTo>
                <a:cubicBezTo>
                  <a:pt x="528774" y="421310"/>
                  <a:pt x="524471" y="418185"/>
                  <a:pt x="521929" y="413694"/>
                </a:cubicBezTo>
                <a:lnTo>
                  <a:pt x="494941" y="367021"/>
                </a:lnTo>
                <a:cubicBezTo>
                  <a:pt x="489466" y="357647"/>
                  <a:pt x="492790" y="345735"/>
                  <a:pt x="502177" y="340267"/>
                </a:cubicBezTo>
                <a:cubicBezTo>
                  <a:pt x="511369" y="334994"/>
                  <a:pt x="523494" y="338119"/>
                  <a:pt x="528774" y="347492"/>
                </a:cubicBezTo>
                <a:lnTo>
                  <a:pt x="531707" y="352375"/>
                </a:lnTo>
                <a:cubicBezTo>
                  <a:pt x="543050" y="287345"/>
                  <a:pt x="528383" y="221730"/>
                  <a:pt x="490443" y="167636"/>
                </a:cubicBezTo>
                <a:cubicBezTo>
                  <a:pt x="452504" y="113347"/>
                  <a:pt x="395596" y="77219"/>
                  <a:pt x="330278" y="65698"/>
                </a:cubicBezTo>
                <a:cubicBezTo>
                  <a:pt x="319717" y="63940"/>
                  <a:pt x="312677" y="53785"/>
                  <a:pt x="314437" y="43240"/>
                </a:cubicBezTo>
                <a:cubicBezTo>
                  <a:pt x="316393" y="32499"/>
                  <a:pt x="326562" y="25469"/>
                  <a:pt x="337122" y="27227"/>
                </a:cubicBezTo>
                <a:close/>
                <a:moveTo>
                  <a:pt x="191663" y="687"/>
                </a:moveTo>
                <a:cubicBezTo>
                  <a:pt x="196503" y="-631"/>
                  <a:pt x="201833" y="-94"/>
                  <a:pt x="206526" y="2639"/>
                </a:cubicBezTo>
                <a:lnTo>
                  <a:pt x="253073" y="29586"/>
                </a:lnTo>
                <a:cubicBezTo>
                  <a:pt x="257571" y="32125"/>
                  <a:pt x="260896" y="36421"/>
                  <a:pt x="262265" y="41498"/>
                </a:cubicBezTo>
                <a:cubicBezTo>
                  <a:pt x="263634" y="46379"/>
                  <a:pt x="262852" y="51847"/>
                  <a:pt x="260309" y="56338"/>
                </a:cubicBezTo>
                <a:lnTo>
                  <a:pt x="233320" y="102811"/>
                </a:lnTo>
                <a:cubicBezTo>
                  <a:pt x="229800" y="109060"/>
                  <a:pt x="223150" y="112575"/>
                  <a:pt x="216305" y="112575"/>
                </a:cubicBezTo>
                <a:cubicBezTo>
                  <a:pt x="213176" y="112575"/>
                  <a:pt x="209655" y="111793"/>
                  <a:pt x="206722" y="110036"/>
                </a:cubicBezTo>
                <a:cubicBezTo>
                  <a:pt x="197334" y="104569"/>
                  <a:pt x="194010" y="92657"/>
                  <a:pt x="199486" y="83285"/>
                </a:cubicBezTo>
                <a:lnTo>
                  <a:pt x="203397" y="76645"/>
                </a:lnTo>
                <a:cubicBezTo>
                  <a:pt x="120865" y="106326"/>
                  <a:pt x="58476" y="178575"/>
                  <a:pt x="42830" y="266835"/>
                </a:cubicBezTo>
                <a:cubicBezTo>
                  <a:pt x="35399" y="309598"/>
                  <a:pt x="39115" y="353729"/>
                  <a:pt x="53978" y="394539"/>
                </a:cubicBezTo>
                <a:cubicBezTo>
                  <a:pt x="57694" y="404693"/>
                  <a:pt x="52609" y="415823"/>
                  <a:pt x="42439" y="419533"/>
                </a:cubicBezTo>
                <a:cubicBezTo>
                  <a:pt x="40092" y="420314"/>
                  <a:pt x="37941" y="420705"/>
                  <a:pt x="35594" y="420705"/>
                </a:cubicBezTo>
                <a:cubicBezTo>
                  <a:pt x="27771" y="420705"/>
                  <a:pt x="20144" y="415823"/>
                  <a:pt x="17210" y="407817"/>
                </a:cubicBezTo>
                <a:cubicBezTo>
                  <a:pt x="0" y="360758"/>
                  <a:pt x="-4303" y="309598"/>
                  <a:pt x="4302" y="260001"/>
                </a:cubicBezTo>
                <a:cubicBezTo>
                  <a:pt x="22491" y="157291"/>
                  <a:pt x="95440" y="73326"/>
                  <a:pt x="191858" y="39350"/>
                </a:cubicBezTo>
                <a:lnTo>
                  <a:pt x="186969" y="36421"/>
                </a:lnTo>
                <a:cubicBezTo>
                  <a:pt x="177581" y="31148"/>
                  <a:pt x="174256" y="19042"/>
                  <a:pt x="179733" y="9864"/>
                </a:cubicBezTo>
                <a:cubicBezTo>
                  <a:pt x="182471" y="5178"/>
                  <a:pt x="186823" y="2005"/>
                  <a:pt x="191663" y="687"/>
                </a:cubicBezTo>
                <a:close/>
              </a:path>
            </a:pathLst>
          </a:custGeom>
          <a:solidFill>
            <a:srgbClr val="00B0F0"/>
          </a:solidFill>
          <a:ln>
            <a:noFill/>
          </a:ln>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a:cs typeface="+mn-ea"/>
              <a:sym typeface="Huawei Sans" panose="020C0503030203020204" pitchFamily="34" charset="0"/>
            </a:endParaRPr>
          </a:p>
        </p:txBody>
      </p:sp>
      <p:sp>
        <p:nvSpPr>
          <p:cNvPr id="34" name="iŝḻïďê">
            <a:extLst>
              <a:ext uri="{FF2B5EF4-FFF2-40B4-BE49-F238E27FC236}">
                <a16:creationId xmlns:a16="http://schemas.microsoft.com/office/drawing/2014/main" xmlns="" id="{E1740DD6-0C6F-416C-8557-5FC605CFAC90}"/>
              </a:ext>
            </a:extLst>
          </p:cNvPr>
          <p:cNvSpPr txBox="1"/>
          <p:nvPr/>
        </p:nvSpPr>
        <p:spPr>
          <a:xfrm flipH="1">
            <a:off x="1202006" y="2313431"/>
            <a:ext cx="2862782" cy="1119949"/>
          </a:xfrm>
          <a:prstGeom prst="rect">
            <a:avLst/>
          </a:prstGeom>
          <a:noFill/>
        </p:spPr>
        <p:txBody>
          <a:bodyPr wrap="square" lIns="91440" tIns="45720" rIns="91440" bIns="45720">
            <a:noAutofit/>
          </a:bodyP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gn="ctr">
              <a:lnSpc>
                <a:spcPct val="120000"/>
              </a:lnSpc>
            </a:pPr>
            <a:r>
              <a:rPr lang="en-US" altLang="zh-CN" sz="1500" dirty="0">
                <a:cs typeface="+mn-ea"/>
                <a:sym typeface="Huawei Sans" panose="020C0503030203020204" pitchFamily="34" charset="0"/>
              </a:rPr>
              <a:t>SDN</a:t>
            </a:r>
            <a:r>
              <a:rPr lang="zh-CN" altLang="en-US" sz="1500" dirty="0">
                <a:cs typeface="+mn-ea"/>
                <a:sym typeface="Huawei Sans" panose="020C0503030203020204" pitchFamily="34" charset="0"/>
              </a:rPr>
              <a:t>自动化业务配置部署</a:t>
            </a:r>
            <a:endParaRPr lang="en-US" altLang="zh-CN" sz="1500" dirty="0">
              <a:cs typeface="+mn-ea"/>
              <a:sym typeface="Huawei Sans" panose="020C0503030203020204" pitchFamily="34" charset="0"/>
            </a:endParaRPr>
          </a:p>
          <a:p>
            <a:pPr algn="ctr">
              <a:lnSpc>
                <a:spcPct val="120000"/>
              </a:lnSpc>
            </a:pPr>
            <a:r>
              <a:rPr lang="en-US" altLang="zh-CN" sz="1500" dirty="0">
                <a:cs typeface="+mn-ea"/>
                <a:sym typeface="Huawei Sans" panose="020C0503030203020204" pitchFamily="34" charset="0"/>
              </a:rPr>
              <a:t>AI</a:t>
            </a:r>
            <a:r>
              <a:rPr lang="zh-CN" altLang="en-US" sz="1500" dirty="0">
                <a:cs typeface="+mn-ea"/>
                <a:sym typeface="Huawei Sans" panose="020C0503030203020204" pitchFamily="34" charset="0"/>
              </a:rPr>
              <a:t>智能分析预测排障 </a:t>
            </a:r>
          </a:p>
        </p:txBody>
      </p:sp>
      <p:sp>
        <p:nvSpPr>
          <p:cNvPr id="35" name="íŝḷíḓé">
            <a:extLst>
              <a:ext uri="{FF2B5EF4-FFF2-40B4-BE49-F238E27FC236}">
                <a16:creationId xmlns:a16="http://schemas.microsoft.com/office/drawing/2014/main" xmlns="" id="{D4B71105-4B35-43CE-A611-A0F05EE2FB98}"/>
              </a:ext>
            </a:extLst>
          </p:cNvPr>
          <p:cNvSpPr/>
          <p:nvPr/>
        </p:nvSpPr>
        <p:spPr>
          <a:xfrm flipH="1">
            <a:off x="1472727" y="3017711"/>
            <a:ext cx="2289573" cy="46871"/>
          </a:xfrm>
          <a:prstGeom prst="rect">
            <a:avLst/>
          </a:prstGeom>
          <a:noFill/>
        </p:spPr>
        <p:txBody>
          <a:bodyPr wrap="square" lIns="91440" tIns="45720" rIns="91440" bIns="45720" anchor="ctr">
            <a:noAutofit/>
          </a:bodyPr>
          <a:lstStyle/>
          <a:p>
            <a:pPr algn="ctr" defTabSz="914400"/>
            <a:r>
              <a:rPr lang="zh-CN" altLang="en-US" sz="1500" b="1" dirty="0">
                <a:cs typeface="+mn-ea"/>
                <a:sym typeface="Huawei Sans" panose="020C0503030203020204" pitchFamily="34" charset="0"/>
              </a:rPr>
              <a:t>自动化</a:t>
            </a:r>
            <a:r>
              <a:rPr lang="en-US" altLang="zh-CN" sz="1500" b="1" dirty="0">
                <a:cs typeface="+mn-ea"/>
                <a:sym typeface="Huawei Sans" panose="020C0503030203020204" pitchFamily="34" charset="0"/>
              </a:rPr>
              <a:t>+</a:t>
            </a:r>
            <a:r>
              <a:rPr lang="zh-CN" altLang="en-US" sz="1500" b="1" dirty="0">
                <a:cs typeface="+mn-ea"/>
                <a:sym typeface="Huawei Sans" panose="020C0503030203020204" pitchFamily="34" charset="0"/>
              </a:rPr>
              <a:t>智能化</a:t>
            </a:r>
          </a:p>
        </p:txBody>
      </p:sp>
      <p:sp>
        <p:nvSpPr>
          <p:cNvPr id="36" name="íŝḷíḓé">
            <a:extLst>
              <a:ext uri="{FF2B5EF4-FFF2-40B4-BE49-F238E27FC236}">
                <a16:creationId xmlns:a16="http://schemas.microsoft.com/office/drawing/2014/main" xmlns="" id="{3FDA90D2-F1D5-4298-AD68-DD2215D7A7A6}"/>
              </a:ext>
            </a:extLst>
          </p:cNvPr>
          <p:cNvSpPr/>
          <p:nvPr/>
        </p:nvSpPr>
        <p:spPr>
          <a:xfrm flipH="1">
            <a:off x="5050317" y="3005799"/>
            <a:ext cx="2289573" cy="75485"/>
          </a:xfrm>
          <a:prstGeom prst="rect">
            <a:avLst/>
          </a:prstGeom>
          <a:noFill/>
        </p:spPr>
        <p:txBody>
          <a:bodyPr wrap="square" lIns="91440" tIns="45720" rIns="91440" bIns="45720" anchor="ctr">
            <a:noAutofit/>
          </a:bodyPr>
          <a:lstStyle/>
          <a:p>
            <a:pPr algn="ctr" defTabSz="914400"/>
            <a:r>
              <a:rPr lang="zh-CN" altLang="en-US" sz="1500" b="1" dirty="0">
                <a:cs typeface="+mn-ea"/>
                <a:sym typeface="Huawei Sans" panose="020C0503030203020204" pitchFamily="34" charset="0"/>
              </a:rPr>
              <a:t>管理</a:t>
            </a:r>
            <a:r>
              <a:rPr lang="en-US" altLang="zh-CN" sz="1500" b="1" dirty="0">
                <a:cs typeface="+mn-ea"/>
                <a:sym typeface="Huawei Sans" panose="020C0503030203020204" pitchFamily="34" charset="0"/>
              </a:rPr>
              <a:t>+</a:t>
            </a:r>
            <a:r>
              <a:rPr lang="zh-CN" altLang="en-US" sz="1500" b="1" dirty="0">
                <a:cs typeface="+mn-ea"/>
                <a:sym typeface="Huawei Sans" panose="020C0503030203020204" pitchFamily="34" charset="0"/>
              </a:rPr>
              <a:t>控制</a:t>
            </a:r>
            <a:r>
              <a:rPr lang="en-US" altLang="zh-CN" sz="1500" b="1" dirty="0">
                <a:cs typeface="+mn-ea"/>
                <a:sym typeface="Huawei Sans" panose="020C0503030203020204" pitchFamily="34" charset="0"/>
              </a:rPr>
              <a:t>+</a:t>
            </a:r>
            <a:r>
              <a:rPr lang="zh-CN" altLang="en-US" sz="1500" b="1" dirty="0">
                <a:cs typeface="+mn-ea"/>
                <a:sym typeface="Huawei Sans" panose="020C0503030203020204" pitchFamily="34" charset="0"/>
              </a:rPr>
              <a:t>分析</a:t>
            </a:r>
          </a:p>
        </p:txBody>
      </p:sp>
      <p:sp>
        <p:nvSpPr>
          <p:cNvPr id="37" name="íŝḷíḓé">
            <a:extLst>
              <a:ext uri="{FF2B5EF4-FFF2-40B4-BE49-F238E27FC236}">
                <a16:creationId xmlns:a16="http://schemas.microsoft.com/office/drawing/2014/main" xmlns="" id="{D09D83AC-B235-4EFA-882D-E84DAF279C8E}"/>
              </a:ext>
            </a:extLst>
          </p:cNvPr>
          <p:cNvSpPr/>
          <p:nvPr/>
        </p:nvSpPr>
        <p:spPr>
          <a:xfrm flipH="1">
            <a:off x="8458009" y="2991055"/>
            <a:ext cx="2289573" cy="68623"/>
          </a:xfrm>
          <a:prstGeom prst="rect">
            <a:avLst/>
          </a:prstGeom>
          <a:noFill/>
        </p:spPr>
        <p:txBody>
          <a:bodyPr wrap="square" lIns="91440" tIns="45720" rIns="91440" bIns="45720" anchor="ctr">
            <a:noAutofit/>
          </a:bodyPr>
          <a:lstStyle/>
          <a:p>
            <a:pPr algn="ctr" defTabSz="914400"/>
            <a:r>
              <a:rPr lang="zh-CN" altLang="en-US" sz="1500" b="1" dirty="0">
                <a:cs typeface="+mn-ea"/>
                <a:sym typeface="Huawei Sans" panose="020C0503030203020204" pitchFamily="34" charset="0"/>
              </a:rPr>
              <a:t>规</a:t>
            </a:r>
            <a:r>
              <a:rPr lang="en-US" altLang="zh-CN" sz="1500" b="1" dirty="0">
                <a:cs typeface="+mn-ea"/>
                <a:sym typeface="Huawei Sans" panose="020C0503030203020204" pitchFamily="34" charset="0"/>
              </a:rPr>
              <a:t>+</a:t>
            </a:r>
            <a:r>
              <a:rPr lang="zh-CN" altLang="en-US" sz="1500" b="1" dirty="0">
                <a:cs typeface="+mn-ea"/>
                <a:sym typeface="Huawei Sans" panose="020C0503030203020204" pitchFamily="34" charset="0"/>
              </a:rPr>
              <a:t>建</a:t>
            </a:r>
            <a:r>
              <a:rPr lang="en-US" altLang="zh-CN" sz="1500" b="1" dirty="0">
                <a:cs typeface="+mn-ea"/>
                <a:sym typeface="Huawei Sans" panose="020C0503030203020204" pitchFamily="34" charset="0"/>
              </a:rPr>
              <a:t>+</a:t>
            </a:r>
            <a:r>
              <a:rPr lang="zh-CN" altLang="en-US" sz="1500" b="1" dirty="0">
                <a:cs typeface="+mn-ea"/>
                <a:sym typeface="Huawei Sans" panose="020C0503030203020204" pitchFamily="34" charset="0"/>
              </a:rPr>
              <a:t>维</a:t>
            </a:r>
            <a:r>
              <a:rPr lang="en-US" altLang="zh-CN" sz="1500" b="1" dirty="0">
                <a:cs typeface="+mn-ea"/>
                <a:sym typeface="Huawei Sans" panose="020C0503030203020204" pitchFamily="34" charset="0"/>
              </a:rPr>
              <a:t>+</a:t>
            </a:r>
            <a:r>
              <a:rPr lang="zh-CN" altLang="en-US" sz="1500" b="1" dirty="0">
                <a:cs typeface="+mn-ea"/>
                <a:sym typeface="Huawei Sans" panose="020C0503030203020204" pitchFamily="34" charset="0"/>
              </a:rPr>
              <a:t>优</a:t>
            </a:r>
          </a:p>
        </p:txBody>
      </p:sp>
      <p:sp>
        <p:nvSpPr>
          <p:cNvPr id="38" name="iŝḻïďê">
            <a:extLst>
              <a:ext uri="{FF2B5EF4-FFF2-40B4-BE49-F238E27FC236}">
                <a16:creationId xmlns:a16="http://schemas.microsoft.com/office/drawing/2014/main" xmlns="" id="{F957D6F8-2C4E-40A9-AF1F-4E117BF79D18}"/>
              </a:ext>
            </a:extLst>
          </p:cNvPr>
          <p:cNvSpPr txBox="1"/>
          <p:nvPr/>
        </p:nvSpPr>
        <p:spPr>
          <a:xfrm flipH="1">
            <a:off x="5003533" y="2293954"/>
            <a:ext cx="2289573" cy="580120"/>
          </a:xfrm>
          <a:prstGeom prst="rect">
            <a:avLst/>
          </a:prstGeom>
          <a:noFill/>
        </p:spPr>
        <p:txBody>
          <a:bodyPr wrap="square" lIns="91440" tIns="45720" rIns="91440" bIns="45720">
            <a:noAutofit/>
          </a:bodyP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gn="ctr">
              <a:lnSpc>
                <a:spcPct val="120000"/>
              </a:lnSpc>
            </a:pPr>
            <a:r>
              <a:rPr lang="zh-CN" altLang="en-US" sz="1500" dirty="0">
                <a:cs typeface="+mn-ea"/>
                <a:sym typeface="Huawei Sans" panose="020C0503030203020204" pitchFamily="34" charset="0"/>
              </a:rPr>
              <a:t>统一数据底座</a:t>
            </a:r>
          </a:p>
          <a:p>
            <a:pPr algn="ctr">
              <a:lnSpc>
                <a:spcPct val="120000"/>
              </a:lnSpc>
            </a:pPr>
            <a:r>
              <a:rPr lang="zh-CN" altLang="en-US" sz="1500" dirty="0">
                <a:cs typeface="+mn-ea"/>
                <a:sym typeface="Huawei Sans" panose="020C0503030203020204" pitchFamily="34" charset="0"/>
              </a:rPr>
              <a:t>感知定位处理一气呵成</a:t>
            </a:r>
          </a:p>
        </p:txBody>
      </p:sp>
      <p:sp>
        <p:nvSpPr>
          <p:cNvPr id="39" name="iŝḻïďê">
            <a:extLst>
              <a:ext uri="{FF2B5EF4-FFF2-40B4-BE49-F238E27FC236}">
                <a16:creationId xmlns:a16="http://schemas.microsoft.com/office/drawing/2014/main" xmlns="" id="{451C33A5-182E-429C-BF5C-861051BC22DC}"/>
              </a:ext>
            </a:extLst>
          </p:cNvPr>
          <p:cNvSpPr txBox="1"/>
          <p:nvPr/>
        </p:nvSpPr>
        <p:spPr>
          <a:xfrm flipH="1">
            <a:off x="8414432" y="2293955"/>
            <a:ext cx="2289573" cy="532556"/>
          </a:xfrm>
          <a:prstGeom prst="rect">
            <a:avLst/>
          </a:prstGeom>
          <a:noFill/>
        </p:spPr>
        <p:txBody>
          <a:bodyPr wrap="square" lIns="91440" tIns="45720" rIns="91440" bIns="45720">
            <a:noAutofit/>
          </a:bodyP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gn="ctr">
              <a:lnSpc>
                <a:spcPct val="120000"/>
              </a:lnSpc>
            </a:pPr>
            <a:r>
              <a:rPr lang="zh-CN" altLang="en-US" sz="1500" dirty="0">
                <a:cs typeface="+mn-ea"/>
                <a:sym typeface="Huawei Sans" panose="020C0503030203020204" pitchFamily="34" charset="0"/>
              </a:rPr>
              <a:t>全生命周期管理</a:t>
            </a:r>
            <a:endParaRPr lang="en-US" altLang="zh-CN" sz="1500" dirty="0">
              <a:cs typeface="+mn-ea"/>
              <a:sym typeface="Huawei Sans" panose="020C0503030203020204" pitchFamily="34" charset="0"/>
            </a:endParaRPr>
          </a:p>
          <a:p>
            <a:pPr algn="ctr">
              <a:lnSpc>
                <a:spcPct val="120000"/>
              </a:lnSpc>
            </a:pPr>
            <a:r>
              <a:rPr lang="zh-CN" altLang="en-US" sz="1500" dirty="0">
                <a:cs typeface="+mn-ea"/>
                <a:sym typeface="Huawei Sans" panose="020C0503030203020204" pitchFamily="34" charset="0"/>
              </a:rPr>
              <a:t>仿真校验监控优化</a:t>
            </a:r>
          </a:p>
        </p:txBody>
      </p:sp>
      <p:sp>
        <p:nvSpPr>
          <p:cNvPr id="40" name="圆角矩形 41">
            <a:extLst>
              <a:ext uri="{FF2B5EF4-FFF2-40B4-BE49-F238E27FC236}">
                <a16:creationId xmlns:a16="http://schemas.microsoft.com/office/drawing/2014/main" xmlns="" id="{E237E473-E86F-4962-B7E6-D8DCC43826E3}"/>
              </a:ext>
            </a:extLst>
          </p:cNvPr>
          <p:cNvSpPr/>
          <p:nvPr/>
        </p:nvSpPr>
        <p:spPr>
          <a:xfrm flipV="1">
            <a:off x="969819" y="4744308"/>
            <a:ext cx="10227570" cy="1616114"/>
          </a:xfrm>
          <a:prstGeom prst="roundRect">
            <a:avLst>
              <a:gd name="adj" fmla="val 3817"/>
            </a:avLst>
          </a:prstGeom>
          <a:noFill/>
          <a:ln w="25400">
            <a:gradFill flip="none" rotWithShape="1">
              <a:gsLst>
                <a:gs pos="0">
                  <a:srgbClr val="99DFF9"/>
                </a:gs>
                <a:gs pos="100000">
                  <a:srgbClr val="F3FBFE"/>
                </a:gs>
              </a:gsLst>
              <a:lin ang="5400000" scaled="1"/>
              <a:tileRect/>
            </a:gra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sz="1200">
              <a:solidFill>
                <a:prstClr val="black"/>
              </a:solidFill>
              <a:cs typeface="+mn-ea"/>
              <a:sym typeface="Huawei Sans" panose="020C0503030203020204" pitchFamily="34" charset="0"/>
            </a:endParaRPr>
          </a:p>
        </p:txBody>
      </p:sp>
      <p:grpSp>
        <p:nvGrpSpPr>
          <p:cNvPr id="41" name="组合 40">
            <a:extLst>
              <a:ext uri="{FF2B5EF4-FFF2-40B4-BE49-F238E27FC236}">
                <a16:creationId xmlns:a16="http://schemas.microsoft.com/office/drawing/2014/main" xmlns="" id="{14F1F64F-804B-4511-A915-E112C45091D3}"/>
              </a:ext>
            </a:extLst>
          </p:cNvPr>
          <p:cNvGrpSpPr/>
          <p:nvPr/>
        </p:nvGrpSpPr>
        <p:grpSpPr>
          <a:xfrm>
            <a:off x="1292318" y="5289036"/>
            <a:ext cx="9390672" cy="848228"/>
            <a:chOff x="1547301" y="5139147"/>
            <a:chExt cx="9654798" cy="872086"/>
          </a:xfrm>
        </p:grpSpPr>
        <p:sp>
          <p:nvSpPr>
            <p:cNvPr id="42" name="文本框 41">
              <a:extLst>
                <a:ext uri="{FF2B5EF4-FFF2-40B4-BE49-F238E27FC236}">
                  <a16:creationId xmlns:a16="http://schemas.microsoft.com/office/drawing/2014/main" xmlns="" id="{7DE18631-5BBD-4D8E-94CD-A44312C87B9B}"/>
                </a:ext>
              </a:extLst>
            </p:cNvPr>
            <p:cNvSpPr txBox="1"/>
            <p:nvPr/>
          </p:nvSpPr>
          <p:spPr>
            <a:xfrm>
              <a:off x="1850923" y="5139147"/>
              <a:ext cx="615067" cy="348077"/>
            </a:xfrm>
            <a:prstGeom prst="rect">
              <a:avLst/>
            </a:prstGeom>
            <a:noFill/>
            <a:ln>
              <a:noFill/>
            </a:ln>
          </p:spPr>
          <p:txBody>
            <a:bodyPr wrap="none" rtlCol="0">
              <a:spAutoFit/>
            </a:bodyPr>
            <a:lstStyle>
              <a:defPPr>
                <a:defRPr lang="zh-CN"/>
              </a:defPPr>
              <a:lvl1pPr>
                <a:defRPr sz="4000">
                  <a:solidFill>
                    <a:srgbClr val="605E5E"/>
                  </a:solidFill>
                  <a:latin typeface="Impact" panose="020B0806030902050204" pitchFamily="34" charset="0"/>
                  <a:cs typeface="Aharoni" panose="02010803020104030203" pitchFamily="2" charset="-79"/>
                </a:defRPr>
              </a:lvl1pPr>
            </a:lstStyle>
            <a:p>
              <a:pPr algn="ctr" defTabSz="914377"/>
              <a:r>
                <a:rPr lang="zh-CN" altLang="en-US" sz="1600" b="1" dirty="0">
                  <a:solidFill>
                    <a:schemeClr val="tx1"/>
                  </a:solidFill>
                  <a:latin typeface="+mn-lt"/>
                  <a:cs typeface="+mn-ea"/>
                  <a:sym typeface="Huawei Sans" panose="020C0503030203020204" pitchFamily="34" charset="0"/>
                </a:rPr>
                <a:t>网管</a:t>
              </a:r>
              <a:endParaRPr lang="en-US" altLang="zh-CN" sz="1600" b="1" dirty="0">
                <a:solidFill>
                  <a:schemeClr val="tx1"/>
                </a:solidFill>
                <a:latin typeface="+mn-lt"/>
                <a:cs typeface="+mn-ea"/>
                <a:sym typeface="Huawei Sans" panose="020C0503030203020204" pitchFamily="34" charset="0"/>
              </a:endParaRPr>
            </a:p>
          </p:txBody>
        </p:sp>
        <p:sp>
          <p:nvSpPr>
            <p:cNvPr id="43" name="文本框 42">
              <a:extLst>
                <a:ext uri="{FF2B5EF4-FFF2-40B4-BE49-F238E27FC236}">
                  <a16:creationId xmlns:a16="http://schemas.microsoft.com/office/drawing/2014/main" xmlns="" id="{82A2D07E-EB4E-4CC0-95AB-2DC803F10F9B}"/>
                </a:ext>
              </a:extLst>
            </p:cNvPr>
            <p:cNvSpPr txBox="1"/>
            <p:nvPr/>
          </p:nvSpPr>
          <p:spPr>
            <a:xfrm>
              <a:off x="4530389" y="5139147"/>
              <a:ext cx="827671" cy="601223"/>
            </a:xfrm>
            <a:prstGeom prst="rect">
              <a:avLst/>
            </a:prstGeom>
            <a:noFill/>
            <a:ln>
              <a:noFill/>
            </a:ln>
          </p:spPr>
          <p:txBody>
            <a:bodyPr wrap="none" rtlCol="0">
              <a:spAutoFit/>
            </a:bodyPr>
            <a:lstStyle>
              <a:defPPr>
                <a:defRPr lang="zh-CN"/>
              </a:defPPr>
              <a:lvl1pPr>
                <a:defRPr sz="4000">
                  <a:solidFill>
                    <a:srgbClr val="605E5E"/>
                  </a:solidFill>
                  <a:latin typeface="Impact" panose="020B0806030902050204" pitchFamily="34" charset="0"/>
                  <a:cs typeface="Aharoni" panose="02010803020104030203" pitchFamily="2" charset="-79"/>
                </a:defRPr>
              </a:lvl1pPr>
            </a:lstStyle>
            <a:p>
              <a:pPr algn="ctr" defTabSz="914377"/>
              <a:r>
                <a:rPr lang="zh-CN" altLang="en-US" sz="1600" b="1" dirty="0">
                  <a:solidFill>
                    <a:schemeClr val="tx1"/>
                  </a:solidFill>
                  <a:latin typeface="+mn-lt"/>
                  <a:cs typeface="+mn-ea"/>
                  <a:sym typeface="Huawei Sans" panose="020C0503030203020204" pitchFamily="34" charset="0"/>
                </a:rPr>
                <a:t>控制器</a:t>
              </a:r>
              <a:endParaRPr lang="en-US" altLang="zh-CN" sz="1600" b="1" dirty="0">
                <a:solidFill>
                  <a:schemeClr val="tx1"/>
                </a:solidFill>
                <a:latin typeface="+mn-lt"/>
                <a:cs typeface="+mn-ea"/>
                <a:sym typeface="Huawei Sans" panose="020C0503030203020204" pitchFamily="34" charset="0"/>
              </a:endParaRPr>
            </a:p>
            <a:p>
              <a:pPr algn="ctr" defTabSz="914377"/>
              <a:endParaRPr lang="en-US" altLang="zh-CN" sz="1600" b="1" dirty="0">
                <a:solidFill>
                  <a:schemeClr val="tx1"/>
                </a:solidFill>
                <a:latin typeface="+mn-lt"/>
                <a:cs typeface="+mn-ea"/>
                <a:sym typeface="Huawei Sans" panose="020C0503030203020204" pitchFamily="34" charset="0"/>
              </a:endParaRPr>
            </a:p>
          </p:txBody>
        </p:sp>
        <p:pic>
          <p:nvPicPr>
            <p:cNvPr id="44" name="图片 43">
              <a:extLst>
                <a:ext uri="{FF2B5EF4-FFF2-40B4-BE49-F238E27FC236}">
                  <a16:creationId xmlns:a16="http://schemas.microsoft.com/office/drawing/2014/main" xmlns="" id="{07426482-959E-4D4E-A9CD-3883823FD64C}"/>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t="20584" r="24682"/>
            <a:stretch/>
          </p:blipFill>
          <p:spPr>
            <a:xfrm>
              <a:off x="1547301" y="5608363"/>
              <a:ext cx="967874" cy="340175"/>
            </a:xfrm>
            <a:prstGeom prst="rect">
              <a:avLst/>
            </a:prstGeom>
          </p:spPr>
        </p:pic>
        <p:pic>
          <p:nvPicPr>
            <p:cNvPr id="45" name="图片 44">
              <a:extLst>
                <a:ext uri="{FF2B5EF4-FFF2-40B4-BE49-F238E27FC236}">
                  <a16:creationId xmlns:a16="http://schemas.microsoft.com/office/drawing/2014/main" xmlns="" id="{51E50299-0EFF-4E55-B47C-E7007DC68F13}"/>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097852" y="5593339"/>
              <a:ext cx="1511655" cy="352763"/>
            </a:xfrm>
            <a:prstGeom prst="rect">
              <a:avLst/>
            </a:prstGeom>
          </p:spPr>
        </p:pic>
        <p:sp>
          <p:nvSpPr>
            <p:cNvPr id="46" name="文本框 45">
              <a:extLst>
                <a:ext uri="{FF2B5EF4-FFF2-40B4-BE49-F238E27FC236}">
                  <a16:creationId xmlns:a16="http://schemas.microsoft.com/office/drawing/2014/main" xmlns="" id="{79F3405D-AC46-442D-8687-E17E1D34B6A8}"/>
                </a:ext>
              </a:extLst>
            </p:cNvPr>
            <p:cNvSpPr txBox="1"/>
            <p:nvPr/>
          </p:nvSpPr>
          <p:spPr>
            <a:xfrm>
              <a:off x="7053545" y="5170800"/>
              <a:ext cx="827671" cy="348077"/>
            </a:xfrm>
            <a:prstGeom prst="rect">
              <a:avLst/>
            </a:prstGeom>
            <a:noFill/>
            <a:ln>
              <a:noFill/>
            </a:ln>
          </p:spPr>
          <p:txBody>
            <a:bodyPr wrap="none" rtlCol="0">
              <a:spAutoFit/>
            </a:bodyPr>
            <a:lstStyle>
              <a:defPPr>
                <a:defRPr lang="zh-CN"/>
              </a:defPPr>
              <a:lvl1pPr>
                <a:defRPr sz="4000">
                  <a:solidFill>
                    <a:srgbClr val="605E5E"/>
                  </a:solidFill>
                  <a:latin typeface="Impact" panose="020B0806030902050204" pitchFamily="34" charset="0"/>
                  <a:cs typeface="Aharoni" panose="02010803020104030203" pitchFamily="2" charset="-79"/>
                </a:defRPr>
              </a:lvl1pPr>
            </a:lstStyle>
            <a:p>
              <a:pPr algn="ctr" defTabSz="914377"/>
              <a:r>
                <a:rPr lang="zh-CN" altLang="en-US" sz="1600" b="1" dirty="0">
                  <a:solidFill>
                    <a:schemeClr val="tx1"/>
                  </a:solidFill>
                  <a:latin typeface="+mn-lt"/>
                  <a:cs typeface="+mn-ea"/>
                  <a:sym typeface="Huawei Sans" panose="020C0503030203020204" pitchFamily="34" charset="0"/>
                </a:rPr>
                <a:t>分析器</a:t>
              </a:r>
              <a:endParaRPr lang="en-US" altLang="zh-CN" sz="1600" b="1" dirty="0">
                <a:solidFill>
                  <a:schemeClr val="tx1"/>
                </a:solidFill>
                <a:latin typeface="+mn-lt"/>
                <a:cs typeface="+mn-ea"/>
                <a:sym typeface="Huawei Sans" panose="020C0503030203020204" pitchFamily="34" charset="0"/>
              </a:endParaRPr>
            </a:p>
          </p:txBody>
        </p:sp>
        <p:grpSp>
          <p:nvGrpSpPr>
            <p:cNvPr id="47" name="组合 46">
              <a:extLst>
                <a:ext uri="{FF2B5EF4-FFF2-40B4-BE49-F238E27FC236}">
                  <a16:creationId xmlns:a16="http://schemas.microsoft.com/office/drawing/2014/main" xmlns="" id="{EB91A23C-25C2-4172-8E4E-DD44B83B6231}"/>
                </a:ext>
              </a:extLst>
            </p:cNvPr>
            <p:cNvGrpSpPr/>
            <p:nvPr/>
          </p:nvGrpSpPr>
          <p:grpSpPr>
            <a:xfrm>
              <a:off x="6877140" y="5598042"/>
              <a:ext cx="1266711" cy="412275"/>
              <a:chOff x="4054853" y="5596386"/>
              <a:chExt cx="3538130" cy="1151554"/>
            </a:xfrm>
          </p:grpSpPr>
          <p:pic>
            <p:nvPicPr>
              <p:cNvPr id="52" name="图片 51">
                <a:extLst>
                  <a:ext uri="{FF2B5EF4-FFF2-40B4-BE49-F238E27FC236}">
                    <a16:creationId xmlns:a16="http://schemas.microsoft.com/office/drawing/2014/main" xmlns="" id="{DA97F895-2A5A-4851-A9A5-9CA00A9C7527}"/>
                  </a:ext>
                </a:extLst>
              </p:cNvPr>
              <p:cNvPicPr>
                <a:picLocks noChangeAspect="1"/>
              </p:cNvPicPr>
              <p:nvPr/>
            </p:nvPicPr>
            <p:blipFill rotWithShape="1">
              <a:blip r:embed="rId5" cstate="print">
                <a:extLst>
                  <a:ext uri="{28A0092B-C50C-407E-A947-70E740481C1C}">
                    <a14:useLocalDpi xmlns:a14="http://schemas.microsoft.com/office/drawing/2010/main" val="0"/>
                  </a:ext>
                </a:extLst>
              </a:blip>
              <a:srcRect r="78902"/>
              <a:stretch/>
            </p:blipFill>
            <p:spPr>
              <a:xfrm>
                <a:off x="4054853" y="5636787"/>
                <a:ext cx="1059697" cy="912036"/>
              </a:xfrm>
              <a:prstGeom prst="rect">
                <a:avLst/>
              </a:prstGeom>
            </p:spPr>
          </p:pic>
          <p:pic>
            <p:nvPicPr>
              <p:cNvPr id="53" name="图片 52">
                <a:extLst>
                  <a:ext uri="{FF2B5EF4-FFF2-40B4-BE49-F238E27FC236}">
                    <a16:creationId xmlns:a16="http://schemas.microsoft.com/office/drawing/2014/main" xmlns="" id="{73E928C8-8850-4DA7-B722-A68D9733D711}"/>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l="60897"/>
              <a:stretch/>
            </p:blipFill>
            <p:spPr>
              <a:xfrm>
                <a:off x="5113136" y="5596386"/>
                <a:ext cx="2479847" cy="1151554"/>
              </a:xfrm>
              <a:prstGeom prst="rect">
                <a:avLst/>
              </a:prstGeom>
            </p:spPr>
          </p:pic>
        </p:grpSp>
        <p:sp>
          <p:nvSpPr>
            <p:cNvPr id="48" name="加号 47">
              <a:extLst>
                <a:ext uri="{FF2B5EF4-FFF2-40B4-BE49-F238E27FC236}">
                  <a16:creationId xmlns:a16="http://schemas.microsoft.com/office/drawing/2014/main" xmlns="" id="{9DE1734D-F659-4A22-83CA-A19623AFB1D7}"/>
                </a:ext>
              </a:extLst>
            </p:cNvPr>
            <p:cNvSpPr/>
            <p:nvPr/>
          </p:nvSpPr>
          <p:spPr>
            <a:xfrm>
              <a:off x="3291230" y="5583850"/>
              <a:ext cx="427383" cy="427383"/>
            </a:xfrm>
            <a:prstGeom prst="mathPlus">
              <a:avLst>
                <a:gd name="adj1" fmla="val 8886"/>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sz="1600">
                <a:cs typeface="+mn-ea"/>
                <a:sym typeface="Huawei Sans" panose="020C0503030203020204" pitchFamily="34" charset="0"/>
              </a:endParaRPr>
            </a:p>
          </p:txBody>
        </p:sp>
        <p:sp>
          <p:nvSpPr>
            <p:cNvPr id="49" name="加号 48">
              <a:extLst>
                <a:ext uri="{FF2B5EF4-FFF2-40B4-BE49-F238E27FC236}">
                  <a16:creationId xmlns:a16="http://schemas.microsoft.com/office/drawing/2014/main" xmlns="" id="{1E7B673F-7D0B-4B15-93AC-F7928BE6F75C}"/>
                </a:ext>
              </a:extLst>
            </p:cNvPr>
            <p:cNvSpPr/>
            <p:nvPr/>
          </p:nvSpPr>
          <p:spPr>
            <a:xfrm>
              <a:off x="6165179" y="5583850"/>
              <a:ext cx="427383" cy="427383"/>
            </a:xfrm>
            <a:prstGeom prst="mathPlus">
              <a:avLst>
                <a:gd name="adj1" fmla="val 8886"/>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sz="1600">
                <a:cs typeface="+mn-ea"/>
                <a:sym typeface="Huawei Sans" panose="020C0503030203020204" pitchFamily="34" charset="0"/>
              </a:endParaRPr>
            </a:p>
          </p:txBody>
        </p:sp>
        <p:sp>
          <p:nvSpPr>
            <p:cNvPr id="50" name="文本框 49">
              <a:extLst>
                <a:ext uri="{FF2B5EF4-FFF2-40B4-BE49-F238E27FC236}">
                  <a16:creationId xmlns:a16="http://schemas.microsoft.com/office/drawing/2014/main" xmlns="" id="{1E349529-66BC-4ED5-8390-0E6B836372FA}"/>
                </a:ext>
              </a:extLst>
            </p:cNvPr>
            <p:cNvSpPr txBox="1"/>
            <p:nvPr/>
          </p:nvSpPr>
          <p:spPr>
            <a:xfrm>
              <a:off x="8549907" y="5538487"/>
              <a:ext cx="503909" cy="443007"/>
            </a:xfrm>
            <a:prstGeom prst="rect">
              <a:avLst/>
            </a:prstGeom>
            <a:noFill/>
          </p:spPr>
          <p:txBody>
            <a:bodyPr wrap="square" lIns="0" tIns="0" rIns="0" bIns="0" rtlCol="0">
              <a:spAutoFit/>
            </a:bodyPr>
            <a:lstStyle/>
            <a:p>
              <a:pPr algn="l"/>
              <a:r>
                <a:rPr kumimoji="1" lang="en-US" altLang="zh-CN" sz="2800" dirty="0">
                  <a:solidFill>
                    <a:schemeClr val="tx1">
                      <a:lumMod val="50000"/>
                      <a:lumOff val="50000"/>
                    </a:schemeClr>
                  </a:solidFill>
                  <a:cs typeface="+mn-ea"/>
                  <a:sym typeface="Huawei Sans" panose="020C0503030203020204" pitchFamily="34" charset="0"/>
                </a:rPr>
                <a:t>=</a:t>
              </a:r>
              <a:endParaRPr kumimoji="1" lang="zh-CN" altLang="en-US" sz="2800" dirty="0">
                <a:solidFill>
                  <a:schemeClr val="tx1">
                    <a:lumMod val="50000"/>
                    <a:lumOff val="50000"/>
                  </a:schemeClr>
                </a:solidFill>
                <a:cs typeface="+mn-ea"/>
                <a:sym typeface="Huawei Sans" panose="020C0503030203020204" pitchFamily="34" charset="0"/>
              </a:endParaRPr>
            </a:p>
          </p:txBody>
        </p:sp>
        <p:sp>
          <p:nvSpPr>
            <p:cNvPr id="51" name="文本框 50">
              <a:extLst>
                <a:ext uri="{FF2B5EF4-FFF2-40B4-BE49-F238E27FC236}">
                  <a16:creationId xmlns:a16="http://schemas.microsoft.com/office/drawing/2014/main" xmlns="" id="{F30FCE5F-7A22-4C9B-AC34-C2936426E2FB}"/>
                </a:ext>
              </a:extLst>
            </p:cNvPr>
            <p:cNvSpPr txBox="1"/>
            <p:nvPr/>
          </p:nvSpPr>
          <p:spPr>
            <a:xfrm>
              <a:off x="9311410" y="5139147"/>
              <a:ext cx="1890689" cy="348076"/>
            </a:xfrm>
            <a:prstGeom prst="rect">
              <a:avLst/>
            </a:prstGeom>
            <a:noFill/>
            <a:ln>
              <a:noFill/>
            </a:ln>
          </p:spPr>
          <p:txBody>
            <a:bodyPr wrap="none" rtlCol="0">
              <a:spAutoFit/>
            </a:bodyPr>
            <a:lstStyle>
              <a:defPPr>
                <a:defRPr lang="zh-CN"/>
              </a:defPPr>
              <a:lvl1pPr>
                <a:defRPr sz="4000">
                  <a:solidFill>
                    <a:srgbClr val="605E5E"/>
                  </a:solidFill>
                  <a:latin typeface="Impact" panose="020B0806030902050204" pitchFamily="34" charset="0"/>
                  <a:cs typeface="Aharoni" panose="02010803020104030203" pitchFamily="2" charset="-79"/>
                </a:defRPr>
              </a:lvl1pPr>
            </a:lstStyle>
            <a:p>
              <a:pPr algn="ctr" defTabSz="914377"/>
              <a:r>
                <a:rPr lang="zh-CN" altLang="en-US" sz="1600" b="1" dirty="0">
                  <a:solidFill>
                    <a:schemeClr val="tx1"/>
                  </a:solidFill>
                  <a:latin typeface="+mn-lt"/>
                  <a:cs typeface="+mn-ea"/>
                  <a:sym typeface="Huawei Sans" panose="020C0503030203020204" pitchFamily="34" charset="0"/>
                </a:rPr>
                <a:t>自动驾驶网络系统</a:t>
              </a:r>
              <a:endParaRPr lang="en-US" altLang="zh-CN" sz="1600" b="1" dirty="0">
                <a:solidFill>
                  <a:schemeClr val="tx1"/>
                </a:solidFill>
                <a:latin typeface="+mn-lt"/>
                <a:cs typeface="+mn-ea"/>
                <a:sym typeface="Huawei Sans" panose="020C0503030203020204" pitchFamily="34" charset="0"/>
              </a:endParaRPr>
            </a:p>
          </p:txBody>
        </p:sp>
      </p:grpSp>
      <p:pic>
        <p:nvPicPr>
          <p:cNvPr id="54" name="图片 53">
            <a:extLst>
              <a:ext uri="{FF2B5EF4-FFF2-40B4-BE49-F238E27FC236}">
                <a16:creationId xmlns:a16="http://schemas.microsoft.com/office/drawing/2014/main" xmlns="" id="{83A75661-A89E-42B0-8AFB-50282CF8AF66}"/>
              </a:ext>
            </a:extLst>
          </p:cNvPr>
          <p:cNvPicPr>
            <a:picLocks noChangeAspect="1"/>
          </p:cNvPicPr>
          <p:nvPr/>
        </p:nvPicPr>
        <p:blipFill>
          <a:blip r:embed="rId7"/>
          <a:stretch>
            <a:fillRect/>
          </a:stretch>
        </p:blipFill>
        <p:spPr>
          <a:xfrm>
            <a:off x="8739209" y="5630292"/>
            <a:ext cx="2029193" cy="525203"/>
          </a:xfrm>
          <a:prstGeom prst="rect">
            <a:avLst/>
          </a:prstGeom>
        </p:spPr>
      </p:pic>
      <p:sp>
        <p:nvSpPr>
          <p:cNvPr id="55" name="文本框 54">
            <a:extLst>
              <a:ext uri="{FF2B5EF4-FFF2-40B4-BE49-F238E27FC236}">
                <a16:creationId xmlns:a16="http://schemas.microsoft.com/office/drawing/2014/main" xmlns="" id="{0526CFBF-479C-4BCC-9A5A-B704FE41A784}"/>
              </a:ext>
            </a:extLst>
          </p:cNvPr>
          <p:cNvSpPr txBox="1"/>
          <p:nvPr/>
        </p:nvSpPr>
        <p:spPr>
          <a:xfrm>
            <a:off x="2204336" y="5614648"/>
            <a:ext cx="849913" cy="461152"/>
          </a:xfrm>
          <a:prstGeom prst="rect">
            <a:avLst/>
          </a:prstGeom>
          <a:noFill/>
        </p:spPr>
        <p:txBody>
          <a:bodyPr wrap="none" rtlCol="0">
            <a:spAutoFit/>
          </a:bodyPr>
          <a:lstStyle/>
          <a:p>
            <a:pPr algn="l">
              <a:lnSpc>
                <a:spcPts val="3440"/>
              </a:lnSpc>
            </a:pPr>
            <a:r>
              <a:rPr lang="en-US" altLang="zh-CN" sz="1200" b="1" dirty="0"/>
              <a:t>Network</a:t>
            </a:r>
            <a:endParaRPr lang="zh-CN" altLang="en-US" sz="1200" b="1" dirty="0"/>
          </a:p>
        </p:txBody>
      </p:sp>
      <p:sp>
        <p:nvSpPr>
          <p:cNvPr id="57" name="文本框 56">
            <a:extLst>
              <a:ext uri="{FF2B5EF4-FFF2-40B4-BE49-F238E27FC236}">
                <a16:creationId xmlns:a16="http://schemas.microsoft.com/office/drawing/2014/main" xmlns="" id="{0F782F59-1326-4219-994A-1CB6CF1CF16A}"/>
              </a:ext>
            </a:extLst>
          </p:cNvPr>
          <p:cNvSpPr txBox="1"/>
          <p:nvPr/>
        </p:nvSpPr>
        <p:spPr>
          <a:xfrm>
            <a:off x="462921" y="1229022"/>
            <a:ext cx="11282992" cy="832407"/>
          </a:xfrm>
          <a:prstGeom prst="rect">
            <a:avLst/>
          </a:prstGeom>
        </p:spPr>
        <p:txBody>
          <a:bodyPr/>
          <a:lstStyle>
            <a:defPPr>
              <a:defRPr lang="en-US"/>
            </a:defPPr>
            <a:lvl1pPr marL="302279" indent="-302279" defTabSz="914034">
              <a:lnSpc>
                <a:spcPct val="140000"/>
              </a:lnSpc>
              <a:spcBef>
                <a:spcPts val="792"/>
              </a:spcBef>
              <a:buFont typeface="Arial" panose="020B0604020202020204" pitchFamily="34" charset="0"/>
              <a:buChar char="•"/>
            </a:lvl1pPr>
            <a:lvl2pPr marL="654938" indent="-251899" defTabSz="914034">
              <a:lnSpc>
                <a:spcPct val="140000"/>
              </a:lnSpc>
              <a:spcBef>
                <a:spcPts val="720"/>
              </a:spcBef>
              <a:buClrTx/>
              <a:buFont typeface="Huawei Sans" panose="020C0503030203020204" pitchFamily="34" charset="0"/>
              <a:buChar char="▫"/>
              <a:defRPr sz="1999"/>
            </a:lvl2pPr>
            <a:lvl3pPr marL="1003998" indent="-201519" defTabSz="914034">
              <a:lnSpc>
                <a:spcPct val="140000"/>
              </a:lnSpc>
              <a:spcBef>
                <a:spcPts val="648"/>
              </a:spcBef>
              <a:buClrTx/>
              <a:buFont typeface="微软雅黑" panose="020B0503020204020204" pitchFamily="34" charset="-122"/>
              <a:buChar char="▪"/>
              <a:defRPr sz="1799"/>
            </a:lvl3pPr>
            <a:lvl4pPr marL="1399840" indent="-197921" defTabSz="914034">
              <a:lnSpc>
                <a:spcPct val="140000"/>
              </a:lnSpc>
              <a:spcBef>
                <a:spcPts val="576"/>
              </a:spcBef>
              <a:buFont typeface="Huawei Sans" panose="020C0503030203020204" pitchFamily="34" charset="0"/>
              <a:buChar char="−"/>
              <a:defRPr sz="1599"/>
            </a:lvl4pPr>
            <a:lvl5pPr marL="1802879" indent="-201519" defTabSz="914034">
              <a:lnSpc>
                <a:spcPct val="140000"/>
              </a:lnSpc>
              <a:spcBef>
                <a:spcPts val="576"/>
              </a:spcBef>
              <a:buFont typeface="Huawei Sans" panose="020C0503030203020204" pitchFamily="34" charset="0"/>
              <a:buChar char="~"/>
              <a:defRPr sz="1399"/>
            </a:lvl5pPr>
            <a:lvl6pPr marL="2513594" indent="-228509" defTabSz="914034">
              <a:lnSpc>
                <a:spcPct val="90000"/>
              </a:lnSpc>
              <a:spcBef>
                <a:spcPts val="500"/>
              </a:spcBef>
              <a:buFont typeface="Arial" panose="020B0604020202020204" pitchFamily="34" charset="0"/>
              <a:buChar char="•"/>
              <a:defRPr sz="1799"/>
            </a:lvl6pPr>
            <a:lvl7pPr marL="2970611" indent="-228509" defTabSz="914034">
              <a:lnSpc>
                <a:spcPct val="90000"/>
              </a:lnSpc>
              <a:spcBef>
                <a:spcPts val="500"/>
              </a:spcBef>
              <a:buFont typeface="Arial" panose="020B0604020202020204" pitchFamily="34" charset="0"/>
              <a:buChar char="•"/>
              <a:defRPr sz="1799"/>
            </a:lvl7pPr>
            <a:lvl8pPr marL="3427628" indent="-228509" defTabSz="914034">
              <a:lnSpc>
                <a:spcPct val="90000"/>
              </a:lnSpc>
              <a:spcBef>
                <a:spcPts val="500"/>
              </a:spcBef>
              <a:buFont typeface="Arial" panose="020B0604020202020204" pitchFamily="34" charset="0"/>
              <a:buChar char="•"/>
              <a:defRPr sz="1799"/>
            </a:lvl8pPr>
            <a:lvl9pPr marL="3884646" indent="-228509" defTabSz="914034">
              <a:lnSpc>
                <a:spcPct val="90000"/>
              </a:lnSpc>
              <a:spcBef>
                <a:spcPts val="500"/>
              </a:spcBef>
              <a:buFont typeface="Arial" panose="020B0604020202020204" pitchFamily="34" charset="0"/>
              <a:buChar char="•"/>
              <a:defRPr sz="1799"/>
            </a:lvl9pPr>
          </a:lstStyle>
          <a:p>
            <a:r>
              <a:rPr lang="en-US" altLang="zh-CN"/>
              <a:t>iMaster NCE</a:t>
            </a:r>
            <a:r>
              <a:rPr lang="zh-CN" altLang="en-US"/>
              <a:t>，自动驾驶网络管理与控制系统，是华为集管理、控制、分析和</a:t>
            </a:r>
            <a:r>
              <a:rPr lang="en-US" altLang="zh-CN"/>
              <a:t>AI</a:t>
            </a:r>
            <a:r>
              <a:rPr lang="zh-CN" altLang="en-US"/>
              <a:t>智能功能于一体的网络自动化与智能化平台。</a:t>
            </a:r>
          </a:p>
        </p:txBody>
      </p:sp>
    </p:spTree>
    <p:extLst>
      <p:ext uri="{BB962C8B-B14F-4D97-AF65-F5344CB8AC3E}">
        <p14:creationId xmlns:p14="http://schemas.microsoft.com/office/powerpoint/2010/main" val="174872444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圆角矩形 414">
            <a:extLst>
              <a:ext uri="{FF2B5EF4-FFF2-40B4-BE49-F238E27FC236}">
                <a16:creationId xmlns:a16="http://schemas.microsoft.com/office/drawing/2014/main" xmlns="" id="{1BA0098F-81DC-43DD-AEF7-5364ADBEAA7B}"/>
              </a:ext>
            </a:extLst>
          </p:cNvPr>
          <p:cNvSpPr/>
          <p:nvPr/>
        </p:nvSpPr>
        <p:spPr>
          <a:xfrm>
            <a:off x="6154204" y="3309902"/>
            <a:ext cx="4697515"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zh-CN" altLang="en-US" sz="1600" ker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圆角矩形 417">
            <a:extLst>
              <a:ext uri="{FF2B5EF4-FFF2-40B4-BE49-F238E27FC236}">
                <a16:creationId xmlns:a16="http://schemas.microsoft.com/office/drawing/2014/main" xmlns="" id="{1CCABBAF-67C8-422F-B46E-713842BCFD21}"/>
              </a:ext>
            </a:extLst>
          </p:cNvPr>
          <p:cNvSpPr/>
          <p:nvPr/>
        </p:nvSpPr>
        <p:spPr>
          <a:xfrm>
            <a:off x="5775391" y="4782956"/>
            <a:ext cx="4705046"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zh-CN" altLang="en-US" sz="1600" ker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圆角矩形 420">
            <a:extLst>
              <a:ext uri="{FF2B5EF4-FFF2-40B4-BE49-F238E27FC236}">
                <a16:creationId xmlns:a16="http://schemas.microsoft.com/office/drawing/2014/main" xmlns="" id="{60C3A96D-2F1B-4CF3-8F9F-212E1D620B23}"/>
              </a:ext>
            </a:extLst>
          </p:cNvPr>
          <p:cNvSpPr/>
          <p:nvPr/>
        </p:nvSpPr>
        <p:spPr>
          <a:xfrm>
            <a:off x="5978962" y="4046429"/>
            <a:ext cx="4676717"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zh-CN" altLang="en-US" sz="1600" ker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圆角矩形 411">
            <a:extLst>
              <a:ext uri="{FF2B5EF4-FFF2-40B4-BE49-F238E27FC236}">
                <a16:creationId xmlns:a16="http://schemas.microsoft.com/office/drawing/2014/main" xmlns="" id="{FD1E11F4-FB28-4BF6-A361-54BA6226FB3F}"/>
              </a:ext>
            </a:extLst>
          </p:cNvPr>
          <p:cNvSpPr/>
          <p:nvPr/>
        </p:nvSpPr>
        <p:spPr>
          <a:xfrm>
            <a:off x="6350244" y="2573375"/>
            <a:ext cx="4697515"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zh-CN" altLang="en-US" sz="1600" ker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圆角矩形 408">
            <a:extLst>
              <a:ext uri="{FF2B5EF4-FFF2-40B4-BE49-F238E27FC236}">
                <a16:creationId xmlns:a16="http://schemas.microsoft.com/office/drawing/2014/main" xmlns="" id="{E08FF664-5F7A-4135-8E84-8ECCCF963EAF}"/>
              </a:ext>
            </a:extLst>
          </p:cNvPr>
          <p:cNvSpPr/>
          <p:nvPr/>
        </p:nvSpPr>
        <p:spPr>
          <a:xfrm>
            <a:off x="6605907" y="1836848"/>
            <a:ext cx="4589274"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zh-CN" altLang="en-US" sz="1600" ker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a:extLst>
              <a:ext uri="{FF2B5EF4-FFF2-40B4-BE49-F238E27FC236}">
                <a16:creationId xmlns:a16="http://schemas.microsoft.com/office/drawing/2014/main" xmlns="" id="{BF49DB72-126A-4E2A-8BFA-B6DCBD68F728}"/>
              </a:ext>
            </a:extLst>
          </p:cNvPr>
          <p:cNvSpPr>
            <a:spLocks noGrp="1"/>
          </p:cNvSpPr>
          <p:nvPr>
            <p:ph type="title"/>
          </p:nvPr>
        </p:nvSpPr>
        <p:spPr/>
        <p:txBody>
          <a:bodyPr/>
          <a:lstStyle/>
          <a:p>
            <a:r>
              <a:rPr lang="en-US" altLang="zh-CN"/>
              <a:t>iMaster NCE</a:t>
            </a:r>
            <a:r>
              <a:rPr lang="zh-CN" altLang="en-US"/>
              <a:t>全新启航</a:t>
            </a:r>
          </a:p>
        </p:txBody>
      </p:sp>
      <p:pic>
        <p:nvPicPr>
          <p:cNvPr id="3" name="图片 2">
            <a:extLst>
              <a:ext uri="{FF2B5EF4-FFF2-40B4-BE49-F238E27FC236}">
                <a16:creationId xmlns:a16="http://schemas.microsoft.com/office/drawing/2014/main" xmlns="" id="{A31FC690-AE49-46D3-8283-471A92DA1DE9}"/>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64666" y="1974610"/>
            <a:ext cx="5411024" cy="2823878"/>
          </a:xfrm>
          <a:prstGeom prst="rect">
            <a:avLst/>
          </a:prstGeom>
        </p:spPr>
      </p:pic>
      <p:pic>
        <p:nvPicPr>
          <p:cNvPr id="4" name="图片 3">
            <a:extLst>
              <a:ext uri="{FF2B5EF4-FFF2-40B4-BE49-F238E27FC236}">
                <a16:creationId xmlns:a16="http://schemas.microsoft.com/office/drawing/2014/main" xmlns="" id="{465B2B41-39F5-4072-8DF0-EE0D2D710227}"/>
              </a:ext>
            </a:extLst>
          </p:cNvPr>
          <p:cNvPicPr>
            <a:picLocks noChangeAspect="1"/>
          </p:cNvPicPr>
          <p:nvPr/>
        </p:nvPicPr>
        <p:blipFill rotWithShape="1">
          <a:blip r:embed="rId4" cstate="print">
            <a:extLst>
              <a:ext uri="{28A0092B-C50C-407E-A947-70E740481C1C}">
                <a14:useLocalDpi xmlns:a14="http://schemas.microsoft.com/office/drawing/2010/main" val="0"/>
              </a:ext>
            </a:extLst>
          </a:blip>
          <a:srcRect b="82342"/>
          <a:stretch/>
        </p:blipFill>
        <p:spPr>
          <a:xfrm>
            <a:off x="1902235" y="4856062"/>
            <a:ext cx="2758562" cy="556097"/>
          </a:xfrm>
          <a:prstGeom prst="rect">
            <a:avLst/>
          </a:prstGeom>
        </p:spPr>
      </p:pic>
      <p:grpSp>
        <p:nvGrpSpPr>
          <p:cNvPr id="5" name="组合 7191">
            <a:extLst>
              <a:ext uri="{FF2B5EF4-FFF2-40B4-BE49-F238E27FC236}">
                <a16:creationId xmlns:a16="http://schemas.microsoft.com/office/drawing/2014/main" xmlns="" id="{F88E9119-14BC-4B51-B4CC-C42110C85A4A}"/>
              </a:ext>
            </a:extLst>
          </p:cNvPr>
          <p:cNvGrpSpPr/>
          <p:nvPr/>
        </p:nvGrpSpPr>
        <p:grpSpPr>
          <a:xfrm>
            <a:off x="6917548" y="1977779"/>
            <a:ext cx="344889" cy="355680"/>
            <a:chOff x="2270125" y="2087563"/>
            <a:chExt cx="517525" cy="576263"/>
          </a:xfrm>
          <a:solidFill>
            <a:srgbClr val="00B0F0"/>
          </a:solidFill>
        </p:grpSpPr>
        <p:sp>
          <p:nvSpPr>
            <p:cNvPr id="6" name="Freeform 16">
              <a:extLst>
                <a:ext uri="{FF2B5EF4-FFF2-40B4-BE49-F238E27FC236}">
                  <a16:creationId xmlns:a16="http://schemas.microsoft.com/office/drawing/2014/main" xmlns="" id="{9CACDB66-07EC-4C39-BBF7-AE9EB6BD23C3}"/>
                </a:ext>
              </a:extLst>
            </p:cNvPr>
            <p:cNvSpPr>
              <a:spLocks noEditPoints="1"/>
            </p:cNvSpPr>
            <p:nvPr/>
          </p:nvSpPr>
          <p:spPr bwMode="auto">
            <a:xfrm>
              <a:off x="2270125" y="2087563"/>
              <a:ext cx="517525" cy="576263"/>
            </a:xfrm>
            <a:custGeom>
              <a:avLst/>
              <a:gdLst>
                <a:gd name="T0" fmla="*/ 841 w 1191"/>
                <a:gd name="T1" fmla="*/ 440 h 1321"/>
                <a:gd name="T2" fmla="*/ 841 w 1191"/>
                <a:gd name="T3" fmla="*/ 186 h 1321"/>
                <a:gd name="T4" fmla="*/ 371 w 1191"/>
                <a:gd name="T5" fmla="*/ 974 h 1321"/>
                <a:gd name="T6" fmla="*/ 371 w 1191"/>
                <a:gd name="T7" fmla="*/ 1252 h 1321"/>
                <a:gd name="T8" fmla="*/ 371 w 1191"/>
                <a:gd name="T9" fmla="*/ 368 h 1321"/>
                <a:gd name="T10" fmla="*/ 625 w 1191"/>
                <a:gd name="T11" fmla="*/ 407 h 1321"/>
                <a:gd name="T12" fmla="*/ 625 w 1191"/>
                <a:gd name="T13" fmla="*/ 677 h 1321"/>
                <a:gd name="T14" fmla="*/ 625 w 1191"/>
                <a:gd name="T15" fmla="*/ 420 h 1321"/>
                <a:gd name="T16" fmla="*/ 841 w 1191"/>
                <a:gd name="T17" fmla="*/ 678 h 1321"/>
                <a:gd name="T18" fmla="*/ 841 w 1191"/>
                <a:gd name="T19" fmla="*/ 453 h 1321"/>
                <a:gd name="T20" fmla="*/ 1005 w 1191"/>
                <a:gd name="T21" fmla="*/ 478 h 1321"/>
                <a:gd name="T22" fmla="*/ 881 w 1191"/>
                <a:gd name="T23" fmla="*/ 459 h 1321"/>
                <a:gd name="T24" fmla="*/ 1005 w 1191"/>
                <a:gd name="T25" fmla="*/ 465 h 1321"/>
                <a:gd name="T26" fmla="*/ 1005 w 1191"/>
                <a:gd name="T27" fmla="*/ 226 h 1321"/>
                <a:gd name="T28" fmla="*/ 1137 w 1191"/>
                <a:gd name="T29" fmla="*/ 485 h 1321"/>
                <a:gd name="T30" fmla="*/ 1137 w 1191"/>
                <a:gd name="T31" fmla="*/ 259 h 1321"/>
                <a:gd name="T32" fmla="*/ 1045 w 1191"/>
                <a:gd name="T33" fmla="*/ 912 h 1321"/>
                <a:gd name="T34" fmla="*/ 1045 w 1191"/>
                <a:gd name="T35" fmla="*/ 1137 h 1321"/>
                <a:gd name="T36" fmla="*/ 881 w 1191"/>
                <a:gd name="T37" fmla="*/ 927 h 1321"/>
                <a:gd name="T38" fmla="*/ 881 w 1191"/>
                <a:gd name="T39" fmla="*/ 1165 h 1321"/>
                <a:gd name="T40" fmla="*/ 841 w 1191"/>
                <a:gd name="T41" fmla="*/ 931 h 1321"/>
                <a:gd name="T42" fmla="*/ 665 w 1191"/>
                <a:gd name="T43" fmla="*/ 947 h 1321"/>
                <a:gd name="T44" fmla="*/ 1005 w 1191"/>
                <a:gd name="T45" fmla="*/ 903 h 1321"/>
                <a:gd name="T46" fmla="*/ 1005 w 1191"/>
                <a:gd name="T47" fmla="*/ 692 h 1321"/>
                <a:gd name="T48" fmla="*/ 1137 w 1191"/>
                <a:gd name="T49" fmla="*/ 693 h 1321"/>
                <a:gd name="T50" fmla="*/ 1045 w 1191"/>
                <a:gd name="T51" fmla="*/ 692 h 1321"/>
                <a:gd name="T52" fmla="*/ 1137 w 1191"/>
                <a:gd name="T53" fmla="*/ 680 h 1321"/>
                <a:gd name="T54" fmla="*/ 1137 w 1191"/>
                <a:gd name="T55" fmla="*/ 499 h 1321"/>
                <a:gd name="T56" fmla="*/ 665 w 1191"/>
                <a:gd name="T57" fmla="*/ 691 h 1321"/>
                <a:gd name="T58" fmla="*/ 665 w 1191"/>
                <a:gd name="T59" fmla="*/ 933 h 1321"/>
                <a:gd name="T60" fmla="*/ 371 w 1191"/>
                <a:gd name="T61" fmla="*/ 689 h 1321"/>
                <a:gd name="T62" fmla="*/ 371 w 1191"/>
                <a:gd name="T63" fmla="*/ 960 h 1321"/>
                <a:gd name="T64" fmla="*/ 657 w 1191"/>
                <a:gd name="T65" fmla="*/ 72 h 1321"/>
                <a:gd name="T66" fmla="*/ 359 w 1191"/>
                <a:gd name="T67" fmla="*/ 0 h 1321"/>
                <a:gd name="T68" fmla="*/ 37 w 1191"/>
                <a:gd name="T69" fmla="*/ 829 h 1321"/>
                <a:gd name="T70" fmla="*/ 139 w 1191"/>
                <a:gd name="T71" fmla="*/ 890 h 1321"/>
                <a:gd name="T72" fmla="*/ 305 w 1191"/>
                <a:gd name="T73" fmla="*/ 67 h 1321"/>
                <a:gd name="T74" fmla="*/ 305 w 1191"/>
                <a:gd name="T75" fmla="*/ 1255 h 1321"/>
                <a:gd name="T76" fmla="*/ 140 w 1191"/>
                <a:gd name="T77" fmla="*/ 1091 h 1321"/>
                <a:gd name="T78" fmla="*/ 37 w 1191"/>
                <a:gd name="T79" fmla="*/ 1151 h 1321"/>
                <a:gd name="T80" fmla="*/ 338 w 1191"/>
                <a:gd name="T81" fmla="*/ 1321 h 1321"/>
                <a:gd name="T82" fmla="*/ 362 w 1191"/>
                <a:gd name="T83" fmla="*/ 1321 h 1321"/>
                <a:gd name="T84" fmla="*/ 1191 w 1191"/>
                <a:gd name="T85" fmla="*/ 1155 h 1321"/>
                <a:gd name="T86" fmla="*/ 1160 w 1191"/>
                <a:gd name="T87" fmla="*/ 196 h 1321"/>
                <a:gd name="T88" fmla="*/ 657 w 1191"/>
                <a:gd name="T89" fmla="*/ 72 h 1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1191" h="1321">
                  <a:moveTo>
                    <a:pt x="841" y="186"/>
                  </a:moveTo>
                  <a:lnTo>
                    <a:pt x="841" y="186"/>
                  </a:lnTo>
                  <a:lnTo>
                    <a:pt x="841" y="440"/>
                  </a:lnTo>
                  <a:lnTo>
                    <a:pt x="665" y="413"/>
                  </a:lnTo>
                  <a:lnTo>
                    <a:pt x="665" y="143"/>
                  </a:lnTo>
                  <a:lnTo>
                    <a:pt x="841" y="186"/>
                  </a:lnTo>
                  <a:close/>
                  <a:moveTo>
                    <a:pt x="371" y="1252"/>
                  </a:moveTo>
                  <a:lnTo>
                    <a:pt x="371" y="1252"/>
                  </a:lnTo>
                  <a:lnTo>
                    <a:pt x="371" y="974"/>
                  </a:lnTo>
                  <a:lnTo>
                    <a:pt x="625" y="951"/>
                  </a:lnTo>
                  <a:lnTo>
                    <a:pt x="625" y="1209"/>
                  </a:lnTo>
                  <a:lnTo>
                    <a:pt x="371" y="1252"/>
                  </a:lnTo>
                  <a:lnTo>
                    <a:pt x="371" y="1252"/>
                  </a:lnTo>
                  <a:close/>
                  <a:moveTo>
                    <a:pt x="371" y="368"/>
                  </a:moveTo>
                  <a:lnTo>
                    <a:pt x="371" y="368"/>
                  </a:lnTo>
                  <a:lnTo>
                    <a:pt x="371" y="70"/>
                  </a:lnTo>
                  <a:lnTo>
                    <a:pt x="625" y="133"/>
                  </a:lnTo>
                  <a:lnTo>
                    <a:pt x="625" y="407"/>
                  </a:lnTo>
                  <a:lnTo>
                    <a:pt x="371" y="368"/>
                  </a:lnTo>
                  <a:close/>
                  <a:moveTo>
                    <a:pt x="625" y="677"/>
                  </a:moveTo>
                  <a:lnTo>
                    <a:pt x="625" y="677"/>
                  </a:lnTo>
                  <a:lnTo>
                    <a:pt x="371" y="676"/>
                  </a:lnTo>
                  <a:lnTo>
                    <a:pt x="371" y="381"/>
                  </a:lnTo>
                  <a:lnTo>
                    <a:pt x="625" y="420"/>
                  </a:lnTo>
                  <a:lnTo>
                    <a:pt x="625" y="677"/>
                  </a:lnTo>
                  <a:close/>
                  <a:moveTo>
                    <a:pt x="841" y="678"/>
                  </a:moveTo>
                  <a:lnTo>
                    <a:pt x="841" y="678"/>
                  </a:lnTo>
                  <a:lnTo>
                    <a:pt x="665" y="677"/>
                  </a:lnTo>
                  <a:lnTo>
                    <a:pt x="665" y="426"/>
                  </a:lnTo>
                  <a:lnTo>
                    <a:pt x="841" y="453"/>
                  </a:lnTo>
                  <a:lnTo>
                    <a:pt x="841" y="678"/>
                  </a:lnTo>
                  <a:close/>
                  <a:moveTo>
                    <a:pt x="1005" y="478"/>
                  </a:moveTo>
                  <a:lnTo>
                    <a:pt x="1005" y="478"/>
                  </a:lnTo>
                  <a:lnTo>
                    <a:pt x="1005" y="679"/>
                  </a:lnTo>
                  <a:lnTo>
                    <a:pt x="881" y="678"/>
                  </a:lnTo>
                  <a:lnTo>
                    <a:pt x="881" y="459"/>
                  </a:lnTo>
                  <a:lnTo>
                    <a:pt x="1005" y="478"/>
                  </a:lnTo>
                  <a:close/>
                  <a:moveTo>
                    <a:pt x="1005" y="465"/>
                  </a:moveTo>
                  <a:lnTo>
                    <a:pt x="1005" y="465"/>
                  </a:lnTo>
                  <a:lnTo>
                    <a:pt x="881" y="446"/>
                  </a:lnTo>
                  <a:lnTo>
                    <a:pt x="881" y="196"/>
                  </a:lnTo>
                  <a:lnTo>
                    <a:pt x="1005" y="226"/>
                  </a:lnTo>
                  <a:lnTo>
                    <a:pt x="1005" y="465"/>
                  </a:lnTo>
                  <a:close/>
                  <a:moveTo>
                    <a:pt x="1137" y="485"/>
                  </a:moveTo>
                  <a:lnTo>
                    <a:pt x="1137" y="485"/>
                  </a:lnTo>
                  <a:lnTo>
                    <a:pt x="1045" y="471"/>
                  </a:lnTo>
                  <a:lnTo>
                    <a:pt x="1045" y="236"/>
                  </a:lnTo>
                  <a:lnTo>
                    <a:pt x="1137" y="259"/>
                  </a:lnTo>
                  <a:lnTo>
                    <a:pt x="1137" y="485"/>
                  </a:lnTo>
                  <a:close/>
                  <a:moveTo>
                    <a:pt x="1045" y="912"/>
                  </a:moveTo>
                  <a:lnTo>
                    <a:pt x="1045" y="912"/>
                  </a:lnTo>
                  <a:lnTo>
                    <a:pt x="1137" y="904"/>
                  </a:lnTo>
                  <a:lnTo>
                    <a:pt x="1137" y="1121"/>
                  </a:lnTo>
                  <a:lnTo>
                    <a:pt x="1045" y="1137"/>
                  </a:lnTo>
                  <a:lnTo>
                    <a:pt x="1045" y="912"/>
                  </a:lnTo>
                  <a:close/>
                  <a:moveTo>
                    <a:pt x="881" y="927"/>
                  </a:moveTo>
                  <a:lnTo>
                    <a:pt x="881" y="927"/>
                  </a:lnTo>
                  <a:lnTo>
                    <a:pt x="1005" y="916"/>
                  </a:lnTo>
                  <a:lnTo>
                    <a:pt x="1005" y="1144"/>
                  </a:lnTo>
                  <a:lnTo>
                    <a:pt x="881" y="1165"/>
                  </a:lnTo>
                  <a:lnTo>
                    <a:pt x="881" y="927"/>
                  </a:lnTo>
                  <a:close/>
                  <a:moveTo>
                    <a:pt x="841" y="931"/>
                  </a:moveTo>
                  <a:lnTo>
                    <a:pt x="841" y="931"/>
                  </a:lnTo>
                  <a:lnTo>
                    <a:pt x="841" y="1172"/>
                  </a:lnTo>
                  <a:lnTo>
                    <a:pt x="665" y="1202"/>
                  </a:lnTo>
                  <a:lnTo>
                    <a:pt x="665" y="947"/>
                  </a:lnTo>
                  <a:lnTo>
                    <a:pt x="841" y="931"/>
                  </a:lnTo>
                  <a:close/>
                  <a:moveTo>
                    <a:pt x="1005" y="903"/>
                  </a:moveTo>
                  <a:lnTo>
                    <a:pt x="1005" y="903"/>
                  </a:lnTo>
                  <a:lnTo>
                    <a:pt x="881" y="914"/>
                  </a:lnTo>
                  <a:lnTo>
                    <a:pt x="881" y="692"/>
                  </a:lnTo>
                  <a:lnTo>
                    <a:pt x="1005" y="692"/>
                  </a:lnTo>
                  <a:lnTo>
                    <a:pt x="1005" y="903"/>
                  </a:lnTo>
                  <a:close/>
                  <a:moveTo>
                    <a:pt x="1137" y="693"/>
                  </a:moveTo>
                  <a:lnTo>
                    <a:pt x="1137" y="693"/>
                  </a:lnTo>
                  <a:lnTo>
                    <a:pt x="1137" y="890"/>
                  </a:lnTo>
                  <a:lnTo>
                    <a:pt x="1045" y="899"/>
                  </a:lnTo>
                  <a:lnTo>
                    <a:pt x="1045" y="692"/>
                  </a:lnTo>
                  <a:lnTo>
                    <a:pt x="1137" y="693"/>
                  </a:lnTo>
                  <a:close/>
                  <a:moveTo>
                    <a:pt x="1137" y="680"/>
                  </a:moveTo>
                  <a:lnTo>
                    <a:pt x="1137" y="680"/>
                  </a:lnTo>
                  <a:lnTo>
                    <a:pt x="1045" y="679"/>
                  </a:lnTo>
                  <a:lnTo>
                    <a:pt x="1045" y="485"/>
                  </a:lnTo>
                  <a:lnTo>
                    <a:pt x="1137" y="499"/>
                  </a:lnTo>
                  <a:lnTo>
                    <a:pt x="1137" y="680"/>
                  </a:lnTo>
                  <a:close/>
                  <a:moveTo>
                    <a:pt x="665" y="691"/>
                  </a:moveTo>
                  <a:lnTo>
                    <a:pt x="665" y="691"/>
                  </a:lnTo>
                  <a:lnTo>
                    <a:pt x="841" y="691"/>
                  </a:lnTo>
                  <a:lnTo>
                    <a:pt x="841" y="917"/>
                  </a:lnTo>
                  <a:lnTo>
                    <a:pt x="665" y="933"/>
                  </a:lnTo>
                  <a:lnTo>
                    <a:pt x="665" y="691"/>
                  </a:lnTo>
                  <a:close/>
                  <a:moveTo>
                    <a:pt x="371" y="689"/>
                  </a:moveTo>
                  <a:lnTo>
                    <a:pt x="371" y="689"/>
                  </a:lnTo>
                  <a:lnTo>
                    <a:pt x="625" y="690"/>
                  </a:lnTo>
                  <a:lnTo>
                    <a:pt x="625" y="937"/>
                  </a:lnTo>
                  <a:lnTo>
                    <a:pt x="371" y="960"/>
                  </a:lnTo>
                  <a:lnTo>
                    <a:pt x="371" y="689"/>
                  </a:lnTo>
                  <a:close/>
                  <a:moveTo>
                    <a:pt x="657" y="72"/>
                  </a:moveTo>
                  <a:lnTo>
                    <a:pt x="657" y="72"/>
                  </a:lnTo>
                  <a:lnTo>
                    <a:pt x="367" y="1"/>
                  </a:lnTo>
                  <a:lnTo>
                    <a:pt x="363" y="0"/>
                  </a:lnTo>
                  <a:lnTo>
                    <a:pt x="359" y="0"/>
                  </a:lnTo>
                  <a:lnTo>
                    <a:pt x="70" y="0"/>
                  </a:lnTo>
                  <a:cubicBezTo>
                    <a:pt x="52" y="0"/>
                    <a:pt x="37" y="15"/>
                    <a:pt x="37" y="33"/>
                  </a:cubicBezTo>
                  <a:lnTo>
                    <a:pt x="37" y="829"/>
                  </a:lnTo>
                  <a:cubicBezTo>
                    <a:pt x="15" y="841"/>
                    <a:pt x="0" y="864"/>
                    <a:pt x="0" y="890"/>
                  </a:cubicBezTo>
                  <a:cubicBezTo>
                    <a:pt x="0" y="928"/>
                    <a:pt x="32" y="959"/>
                    <a:pt x="70" y="959"/>
                  </a:cubicBezTo>
                  <a:cubicBezTo>
                    <a:pt x="108" y="959"/>
                    <a:pt x="139" y="928"/>
                    <a:pt x="139" y="890"/>
                  </a:cubicBezTo>
                  <a:cubicBezTo>
                    <a:pt x="139" y="864"/>
                    <a:pt x="125" y="841"/>
                    <a:pt x="104" y="830"/>
                  </a:cubicBezTo>
                  <a:lnTo>
                    <a:pt x="104" y="67"/>
                  </a:lnTo>
                  <a:lnTo>
                    <a:pt x="305" y="67"/>
                  </a:lnTo>
                  <a:cubicBezTo>
                    <a:pt x="305" y="68"/>
                    <a:pt x="305" y="68"/>
                    <a:pt x="305" y="69"/>
                  </a:cubicBezTo>
                  <a:lnTo>
                    <a:pt x="305" y="1252"/>
                  </a:lnTo>
                  <a:cubicBezTo>
                    <a:pt x="305" y="1253"/>
                    <a:pt x="305" y="1254"/>
                    <a:pt x="305" y="1255"/>
                  </a:cubicBezTo>
                  <a:lnTo>
                    <a:pt x="104" y="1255"/>
                  </a:lnTo>
                  <a:lnTo>
                    <a:pt x="104" y="1151"/>
                  </a:lnTo>
                  <a:cubicBezTo>
                    <a:pt x="125" y="1139"/>
                    <a:pt x="140" y="1117"/>
                    <a:pt x="140" y="1091"/>
                  </a:cubicBezTo>
                  <a:cubicBezTo>
                    <a:pt x="140" y="1052"/>
                    <a:pt x="109" y="1021"/>
                    <a:pt x="71" y="1021"/>
                  </a:cubicBezTo>
                  <a:cubicBezTo>
                    <a:pt x="32" y="1021"/>
                    <a:pt x="1" y="1052"/>
                    <a:pt x="1" y="1091"/>
                  </a:cubicBezTo>
                  <a:cubicBezTo>
                    <a:pt x="1" y="1116"/>
                    <a:pt x="16" y="1139"/>
                    <a:pt x="37" y="1151"/>
                  </a:cubicBezTo>
                  <a:lnTo>
                    <a:pt x="37" y="1288"/>
                  </a:lnTo>
                  <a:cubicBezTo>
                    <a:pt x="37" y="1307"/>
                    <a:pt x="52" y="1321"/>
                    <a:pt x="70" y="1321"/>
                  </a:cubicBezTo>
                  <a:lnTo>
                    <a:pt x="338" y="1321"/>
                  </a:lnTo>
                  <a:cubicBezTo>
                    <a:pt x="341" y="1321"/>
                    <a:pt x="344" y="1321"/>
                    <a:pt x="347" y="1320"/>
                  </a:cubicBezTo>
                  <a:cubicBezTo>
                    <a:pt x="351" y="1321"/>
                    <a:pt x="355" y="1321"/>
                    <a:pt x="359" y="1321"/>
                  </a:cubicBezTo>
                  <a:lnTo>
                    <a:pt x="362" y="1321"/>
                  </a:lnTo>
                  <a:lnTo>
                    <a:pt x="1158" y="1185"/>
                  </a:lnTo>
                  <a:cubicBezTo>
                    <a:pt x="1162" y="1185"/>
                    <a:pt x="1166" y="1183"/>
                    <a:pt x="1169" y="1181"/>
                  </a:cubicBezTo>
                  <a:cubicBezTo>
                    <a:pt x="1181" y="1179"/>
                    <a:pt x="1191" y="1168"/>
                    <a:pt x="1191" y="1155"/>
                  </a:cubicBezTo>
                  <a:lnTo>
                    <a:pt x="1191" y="231"/>
                  </a:lnTo>
                  <a:cubicBezTo>
                    <a:pt x="1191" y="223"/>
                    <a:pt x="1187" y="215"/>
                    <a:pt x="1180" y="210"/>
                  </a:cubicBezTo>
                  <a:cubicBezTo>
                    <a:pt x="1176" y="203"/>
                    <a:pt x="1169" y="198"/>
                    <a:pt x="1160" y="196"/>
                  </a:cubicBezTo>
                  <a:lnTo>
                    <a:pt x="665" y="74"/>
                  </a:lnTo>
                  <a:lnTo>
                    <a:pt x="665" y="72"/>
                  </a:lnTo>
                  <a:lnTo>
                    <a:pt x="657" y="72"/>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7" name="Freeform 17">
              <a:extLst>
                <a:ext uri="{FF2B5EF4-FFF2-40B4-BE49-F238E27FC236}">
                  <a16:creationId xmlns:a16="http://schemas.microsoft.com/office/drawing/2014/main" xmlns="" id="{0BAF4ACC-1B05-4C3C-8362-B069EE1B2E76}"/>
                </a:ext>
              </a:extLst>
            </p:cNvPr>
            <p:cNvSpPr>
              <a:spLocks noEditPoints="1"/>
            </p:cNvSpPr>
            <p:nvPr/>
          </p:nvSpPr>
          <p:spPr bwMode="auto">
            <a:xfrm>
              <a:off x="2454275" y="2160588"/>
              <a:ext cx="68263" cy="79375"/>
            </a:xfrm>
            <a:custGeom>
              <a:avLst/>
              <a:gdLst>
                <a:gd name="T0" fmla="*/ 132 w 159"/>
                <a:gd name="T1" fmla="*/ 146 h 181"/>
                <a:gd name="T2" fmla="*/ 132 w 159"/>
                <a:gd name="T3" fmla="*/ 146 h 181"/>
                <a:gd name="T4" fmla="*/ 130 w 159"/>
                <a:gd name="T5" fmla="*/ 154 h 181"/>
                <a:gd name="T6" fmla="*/ 29 w 159"/>
                <a:gd name="T7" fmla="*/ 142 h 181"/>
                <a:gd name="T8" fmla="*/ 27 w 159"/>
                <a:gd name="T9" fmla="*/ 130 h 181"/>
                <a:gd name="T10" fmla="*/ 27 w 159"/>
                <a:gd name="T11" fmla="*/ 37 h 181"/>
                <a:gd name="T12" fmla="*/ 28 w 159"/>
                <a:gd name="T13" fmla="*/ 27 h 181"/>
                <a:gd name="T14" fmla="*/ 128 w 159"/>
                <a:gd name="T15" fmla="*/ 52 h 181"/>
                <a:gd name="T16" fmla="*/ 132 w 159"/>
                <a:gd name="T17" fmla="*/ 62 h 181"/>
                <a:gd name="T18" fmla="*/ 132 w 159"/>
                <a:gd name="T19" fmla="*/ 146 h 181"/>
                <a:gd name="T20" fmla="*/ 135 w 159"/>
                <a:gd name="T21" fmla="*/ 26 h 181"/>
                <a:gd name="T22" fmla="*/ 135 w 159"/>
                <a:gd name="T23" fmla="*/ 26 h 181"/>
                <a:gd name="T24" fmla="*/ 29 w 159"/>
                <a:gd name="T25" fmla="*/ 0 h 181"/>
                <a:gd name="T26" fmla="*/ 26 w 159"/>
                <a:gd name="T27" fmla="*/ 0 h 181"/>
                <a:gd name="T28" fmla="*/ 0 w 159"/>
                <a:gd name="T29" fmla="*/ 37 h 181"/>
                <a:gd name="T30" fmla="*/ 0 w 159"/>
                <a:gd name="T31" fmla="*/ 130 h 181"/>
                <a:gd name="T32" fmla="*/ 6 w 159"/>
                <a:gd name="T33" fmla="*/ 154 h 181"/>
                <a:gd name="T34" fmla="*/ 27 w 159"/>
                <a:gd name="T35" fmla="*/ 168 h 181"/>
                <a:gd name="T36" fmla="*/ 131 w 159"/>
                <a:gd name="T37" fmla="*/ 181 h 181"/>
                <a:gd name="T38" fmla="*/ 132 w 159"/>
                <a:gd name="T39" fmla="*/ 181 h 181"/>
                <a:gd name="T40" fmla="*/ 159 w 159"/>
                <a:gd name="T41" fmla="*/ 146 h 181"/>
                <a:gd name="T42" fmla="*/ 159 w 159"/>
                <a:gd name="T43" fmla="*/ 62 h 181"/>
                <a:gd name="T44" fmla="*/ 135 w 159"/>
                <a:gd name="T45" fmla="*/ 26 h 1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59" h="181">
                  <a:moveTo>
                    <a:pt x="132" y="146"/>
                  </a:moveTo>
                  <a:lnTo>
                    <a:pt x="132" y="146"/>
                  </a:lnTo>
                  <a:cubicBezTo>
                    <a:pt x="132" y="150"/>
                    <a:pt x="131" y="152"/>
                    <a:pt x="130" y="154"/>
                  </a:cubicBezTo>
                  <a:lnTo>
                    <a:pt x="29" y="142"/>
                  </a:lnTo>
                  <a:cubicBezTo>
                    <a:pt x="28" y="140"/>
                    <a:pt x="27" y="136"/>
                    <a:pt x="27" y="130"/>
                  </a:cubicBezTo>
                  <a:lnTo>
                    <a:pt x="27" y="37"/>
                  </a:lnTo>
                  <a:cubicBezTo>
                    <a:pt x="27" y="33"/>
                    <a:pt x="28" y="29"/>
                    <a:pt x="28" y="27"/>
                  </a:cubicBezTo>
                  <a:lnTo>
                    <a:pt x="128" y="52"/>
                  </a:lnTo>
                  <a:cubicBezTo>
                    <a:pt x="129" y="53"/>
                    <a:pt x="132" y="57"/>
                    <a:pt x="132" y="62"/>
                  </a:cubicBezTo>
                  <a:lnTo>
                    <a:pt x="132" y="146"/>
                  </a:lnTo>
                  <a:close/>
                  <a:moveTo>
                    <a:pt x="135" y="26"/>
                  </a:moveTo>
                  <a:lnTo>
                    <a:pt x="135" y="26"/>
                  </a:lnTo>
                  <a:lnTo>
                    <a:pt x="29" y="0"/>
                  </a:lnTo>
                  <a:lnTo>
                    <a:pt x="26" y="0"/>
                  </a:lnTo>
                  <a:cubicBezTo>
                    <a:pt x="11" y="0"/>
                    <a:pt x="0" y="16"/>
                    <a:pt x="0" y="37"/>
                  </a:cubicBezTo>
                  <a:lnTo>
                    <a:pt x="0" y="130"/>
                  </a:lnTo>
                  <a:cubicBezTo>
                    <a:pt x="0" y="139"/>
                    <a:pt x="2" y="147"/>
                    <a:pt x="6" y="154"/>
                  </a:cubicBezTo>
                  <a:cubicBezTo>
                    <a:pt x="10" y="163"/>
                    <a:pt x="18" y="168"/>
                    <a:pt x="27" y="168"/>
                  </a:cubicBezTo>
                  <a:lnTo>
                    <a:pt x="131" y="181"/>
                  </a:lnTo>
                  <a:lnTo>
                    <a:pt x="132" y="181"/>
                  </a:lnTo>
                  <a:cubicBezTo>
                    <a:pt x="147" y="180"/>
                    <a:pt x="159" y="165"/>
                    <a:pt x="159" y="146"/>
                  </a:cubicBezTo>
                  <a:lnTo>
                    <a:pt x="159" y="62"/>
                  </a:lnTo>
                  <a:cubicBezTo>
                    <a:pt x="159" y="44"/>
                    <a:pt x="148" y="28"/>
                    <a:pt x="135" y="26"/>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8" name="Freeform 18">
              <a:extLst>
                <a:ext uri="{FF2B5EF4-FFF2-40B4-BE49-F238E27FC236}">
                  <a16:creationId xmlns:a16="http://schemas.microsoft.com/office/drawing/2014/main" xmlns="" id="{5DFEDEEB-EC61-4A6E-A94D-724F697B085F}"/>
                </a:ext>
              </a:extLst>
            </p:cNvPr>
            <p:cNvSpPr>
              <a:spLocks noEditPoints="1"/>
            </p:cNvSpPr>
            <p:nvPr/>
          </p:nvSpPr>
          <p:spPr bwMode="auto">
            <a:xfrm>
              <a:off x="2571750" y="2189163"/>
              <a:ext cx="57150" cy="66675"/>
            </a:xfrm>
            <a:custGeom>
              <a:avLst/>
              <a:gdLst>
                <a:gd name="T0" fmla="*/ 26 w 131"/>
                <a:gd name="T1" fmla="*/ 35 h 155"/>
                <a:gd name="T2" fmla="*/ 26 w 131"/>
                <a:gd name="T3" fmla="*/ 35 h 155"/>
                <a:gd name="T4" fmla="*/ 27 w 131"/>
                <a:gd name="T5" fmla="*/ 28 h 155"/>
                <a:gd name="T6" fmla="*/ 100 w 131"/>
                <a:gd name="T7" fmla="*/ 50 h 155"/>
                <a:gd name="T8" fmla="*/ 101 w 131"/>
                <a:gd name="T9" fmla="*/ 50 h 155"/>
                <a:gd name="T10" fmla="*/ 104 w 131"/>
                <a:gd name="T11" fmla="*/ 58 h 155"/>
                <a:gd name="T12" fmla="*/ 104 w 131"/>
                <a:gd name="T13" fmla="*/ 121 h 155"/>
                <a:gd name="T14" fmla="*/ 103 w 131"/>
                <a:gd name="T15" fmla="*/ 128 h 155"/>
                <a:gd name="T16" fmla="*/ 29 w 131"/>
                <a:gd name="T17" fmla="*/ 117 h 155"/>
                <a:gd name="T18" fmla="*/ 28 w 131"/>
                <a:gd name="T19" fmla="*/ 117 h 155"/>
                <a:gd name="T20" fmla="*/ 26 w 131"/>
                <a:gd name="T21" fmla="*/ 107 h 155"/>
                <a:gd name="T22" fmla="*/ 26 w 131"/>
                <a:gd name="T23" fmla="*/ 35 h 155"/>
                <a:gd name="T24" fmla="*/ 5 w 131"/>
                <a:gd name="T25" fmla="*/ 130 h 155"/>
                <a:gd name="T26" fmla="*/ 5 w 131"/>
                <a:gd name="T27" fmla="*/ 130 h 155"/>
                <a:gd name="T28" fmla="*/ 25 w 131"/>
                <a:gd name="T29" fmla="*/ 143 h 155"/>
                <a:gd name="T30" fmla="*/ 103 w 131"/>
                <a:gd name="T31" fmla="*/ 155 h 155"/>
                <a:gd name="T32" fmla="*/ 105 w 131"/>
                <a:gd name="T33" fmla="*/ 155 h 155"/>
                <a:gd name="T34" fmla="*/ 131 w 131"/>
                <a:gd name="T35" fmla="*/ 121 h 155"/>
                <a:gd name="T36" fmla="*/ 131 w 131"/>
                <a:gd name="T37" fmla="*/ 58 h 155"/>
                <a:gd name="T38" fmla="*/ 107 w 131"/>
                <a:gd name="T39" fmla="*/ 24 h 155"/>
                <a:gd name="T40" fmla="*/ 31 w 131"/>
                <a:gd name="T41" fmla="*/ 1 h 155"/>
                <a:gd name="T42" fmla="*/ 26 w 131"/>
                <a:gd name="T43" fmla="*/ 0 h 155"/>
                <a:gd name="T44" fmla="*/ 0 w 131"/>
                <a:gd name="T45" fmla="*/ 35 h 155"/>
                <a:gd name="T46" fmla="*/ 0 w 131"/>
                <a:gd name="T47" fmla="*/ 107 h 155"/>
                <a:gd name="T48" fmla="*/ 5 w 131"/>
                <a:gd name="T49" fmla="*/ 130 h 1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31" h="155">
                  <a:moveTo>
                    <a:pt x="26" y="35"/>
                  </a:moveTo>
                  <a:lnTo>
                    <a:pt x="26" y="35"/>
                  </a:lnTo>
                  <a:cubicBezTo>
                    <a:pt x="26" y="32"/>
                    <a:pt x="27" y="29"/>
                    <a:pt x="27" y="28"/>
                  </a:cubicBezTo>
                  <a:lnTo>
                    <a:pt x="100" y="50"/>
                  </a:lnTo>
                  <a:lnTo>
                    <a:pt x="101" y="50"/>
                  </a:lnTo>
                  <a:cubicBezTo>
                    <a:pt x="102" y="50"/>
                    <a:pt x="104" y="53"/>
                    <a:pt x="104" y="58"/>
                  </a:cubicBezTo>
                  <a:lnTo>
                    <a:pt x="104" y="121"/>
                  </a:lnTo>
                  <a:cubicBezTo>
                    <a:pt x="104" y="124"/>
                    <a:pt x="103" y="127"/>
                    <a:pt x="103" y="128"/>
                  </a:cubicBezTo>
                  <a:lnTo>
                    <a:pt x="29" y="117"/>
                  </a:lnTo>
                  <a:lnTo>
                    <a:pt x="28" y="117"/>
                  </a:lnTo>
                  <a:cubicBezTo>
                    <a:pt x="27" y="115"/>
                    <a:pt x="26" y="112"/>
                    <a:pt x="26" y="107"/>
                  </a:cubicBezTo>
                  <a:lnTo>
                    <a:pt x="26" y="35"/>
                  </a:lnTo>
                  <a:close/>
                  <a:moveTo>
                    <a:pt x="5" y="130"/>
                  </a:moveTo>
                  <a:lnTo>
                    <a:pt x="5" y="130"/>
                  </a:lnTo>
                  <a:cubicBezTo>
                    <a:pt x="10" y="138"/>
                    <a:pt x="16" y="142"/>
                    <a:pt x="25" y="143"/>
                  </a:cubicBezTo>
                  <a:lnTo>
                    <a:pt x="103" y="155"/>
                  </a:lnTo>
                  <a:lnTo>
                    <a:pt x="105" y="155"/>
                  </a:lnTo>
                  <a:cubicBezTo>
                    <a:pt x="119" y="154"/>
                    <a:pt x="131" y="139"/>
                    <a:pt x="131" y="121"/>
                  </a:cubicBezTo>
                  <a:lnTo>
                    <a:pt x="131" y="58"/>
                  </a:lnTo>
                  <a:cubicBezTo>
                    <a:pt x="131" y="41"/>
                    <a:pt x="121" y="27"/>
                    <a:pt x="107" y="24"/>
                  </a:cubicBezTo>
                  <a:lnTo>
                    <a:pt x="31" y="1"/>
                  </a:lnTo>
                  <a:lnTo>
                    <a:pt x="26" y="0"/>
                  </a:lnTo>
                  <a:cubicBezTo>
                    <a:pt x="11" y="0"/>
                    <a:pt x="0" y="15"/>
                    <a:pt x="0" y="35"/>
                  </a:cubicBezTo>
                  <a:lnTo>
                    <a:pt x="0" y="107"/>
                  </a:lnTo>
                  <a:cubicBezTo>
                    <a:pt x="0" y="116"/>
                    <a:pt x="2" y="124"/>
                    <a:pt x="5" y="130"/>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9" name="Freeform 19">
              <a:extLst>
                <a:ext uri="{FF2B5EF4-FFF2-40B4-BE49-F238E27FC236}">
                  <a16:creationId xmlns:a16="http://schemas.microsoft.com/office/drawing/2014/main" xmlns="" id="{5A5EA43A-72F7-47D1-8C7F-6D84D457200C}"/>
                </a:ext>
              </a:extLst>
            </p:cNvPr>
            <p:cNvSpPr>
              <a:spLocks noEditPoints="1"/>
            </p:cNvSpPr>
            <p:nvPr/>
          </p:nvSpPr>
          <p:spPr bwMode="auto">
            <a:xfrm>
              <a:off x="2454275" y="2284413"/>
              <a:ext cx="68263" cy="73025"/>
            </a:xfrm>
            <a:custGeom>
              <a:avLst/>
              <a:gdLst>
                <a:gd name="T0" fmla="*/ 27 w 159"/>
                <a:gd name="T1" fmla="*/ 37 h 168"/>
                <a:gd name="T2" fmla="*/ 27 w 159"/>
                <a:gd name="T3" fmla="*/ 37 h 168"/>
                <a:gd name="T4" fmla="*/ 29 w 159"/>
                <a:gd name="T5" fmla="*/ 27 h 168"/>
                <a:gd name="T6" fmla="*/ 129 w 159"/>
                <a:gd name="T7" fmla="*/ 35 h 168"/>
                <a:gd name="T8" fmla="*/ 132 w 159"/>
                <a:gd name="T9" fmla="*/ 45 h 168"/>
                <a:gd name="T10" fmla="*/ 132 w 159"/>
                <a:gd name="T11" fmla="*/ 132 h 168"/>
                <a:gd name="T12" fmla="*/ 129 w 159"/>
                <a:gd name="T13" fmla="*/ 141 h 168"/>
                <a:gd name="T14" fmla="*/ 29 w 159"/>
                <a:gd name="T15" fmla="*/ 141 h 168"/>
                <a:gd name="T16" fmla="*/ 27 w 159"/>
                <a:gd name="T17" fmla="*/ 130 h 168"/>
                <a:gd name="T18" fmla="*/ 27 w 159"/>
                <a:gd name="T19" fmla="*/ 37 h 168"/>
                <a:gd name="T20" fmla="*/ 27 w 159"/>
                <a:gd name="T21" fmla="*/ 168 h 168"/>
                <a:gd name="T22" fmla="*/ 27 w 159"/>
                <a:gd name="T23" fmla="*/ 168 h 168"/>
                <a:gd name="T24" fmla="*/ 132 w 159"/>
                <a:gd name="T25" fmla="*/ 167 h 168"/>
                <a:gd name="T26" fmla="*/ 159 w 159"/>
                <a:gd name="T27" fmla="*/ 132 h 168"/>
                <a:gd name="T28" fmla="*/ 159 w 159"/>
                <a:gd name="T29" fmla="*/ 45 h 168"/>
                <a:gd name="T30" fmla="*/ 132 w 159"/>
                <a:gd name="T31" fmla="*/ 9 h 168"/>
                <a:gd name="T32" fmla="*/ 29 w 159"/>
                <a:gd name="T33" fmla="*/ 0 h 168"/>
                <a:gd name="T34" fmla="*/ 26 w 159"/>
                <a:gd name="T35" fmla="*/ 0 h 168"/>
                <a:gd name="T36" fmla="*/ 0 w 159"/>
                <a:gd name="T37" fmla="*/ 37 h 168"/>
                <a:gd name="T38" fmla="*/ 0 w 159"/>
                <a:gd name="T39" fmla="*/ 130 h 168"/>
                <a:gd name="T40" fmla="*/ 27 w 159"/>
                <a:gd name="T41" fmla="*/ 168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59" h="168">
                  <a:moveTo>
                    <a:pt x="27" y="37"/>
                  </a:moveTo>
                  <a:lnTo>
                    <a:pt x="27" y="37"/>
                  </a:lnTo>
                  <a:cubicBezTo>
                    <a:pt x="27" y="32"/>
                    <a:pt x="28" y="28"/>
                    <a:pt x="29" y="27"/>
                  </a:cubicBezTo>
                  <a:lnTo>
                    <a:pt x="129" y="35"/>
                  </a:lnTo>
                  <a:cubicBezTo>
                    <a:pt x="130" y="36"/>
                    <a:pt x="132" y="40"/>
                    <a:pt x="132" y="45"/>
                  </a:cubicBezTo>
                  <a:lnTo>
                    <a:pt x="132" y="132"/>
                  </a:lnTo>
                  <a:cubicBezTo>
                    <a:pt x="132" y="136"/>
                    <a:pt x="130" y="139"/>
                    <a:pt x="129" y="141"/>
                  </a:cubicBezTo>
                  <a:lnTo>
                    <a:pt x="29" y="141"/>
                  </a:lnTo>
                  <a:cubicBezTo>
                    <a:pt x="28" y="139"/>
                    <a:pt x="27" y="135"/>
                    <a:pt x="27" y="130"/>
                  </a:cubicBezTo>
                  <a:lnTo>
                    <a:pt x="27" y="37"/>
                  </a:lnTo>
                  <a:close/>
                  <a:moveTo>
                    <a:pt x="27" y="168"/>
                  </a:moveTo>
                  <a:lnTo>
                    <a:pt x="27" y="168"/>
                  </a:lnTo>
                  <a:lnTo>
                    <a:pt x="132" y="167"/>
                  </a:lnTo>
                  <a:cubicBezTo>
                    <a:pt x="147" y="166"/>
                    <a:pt x="159" y="151"/>
                    <a:pt x="159" y="132"/>
                  </a:cubicBezTo>
                  <a:lnTo>
                    <a:pt x="159" y="45"/>
                  </a:lnTo>
                  <a:cubicBezTo>
                    <a:pt x="159" y="27"/>
                    <a:pt x="148" y="11"/>
                    <a:pt x="132" y="9"/>
                  </a:cubicBezTo>
                  <a:lnTo>
                    <a:pt x="29" y="0"/>
                  </a:lnTo>
                  <a:lnTo>
                    <a:pt x="26" y="0"/>
                  </a:lnTo>
                  <a:cubicBezTo>
                    <a:pt x="11" y="0"/>
                    <a:pt x="0" y="15"/>
                    <a:pt x="0" y="37"/>
                  </a:cubicBezTo>
                  <a:lnTo>
                    <a:pt x="0" y="130"/>
                  </a:lnTo>
                  <a:cubicBezTo>
                    <a:pt x="0" y="152"/>
                    <a:pt x="11" y="168"/>
                    <a:pt x="27" y="168"/>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0" name="Freeform 20">
              <a:extLst>
                <a:ext uri="{FF2B5EF4-FFF2-40B4-BE49-F238E27FC236}">
                  <a16:creationId xmlns:a16="http://schemas.microsoft.com/office/drawing/2014/main" xmlns="" id="{F8859662-8A96-490D-AA68-110A00A0A173}"/>
                </a:ext>
              </a:extLst>
            </p:cNvPr>
            <p:cNvSpPr>
              <a:spLocks noEditPoints="1"/>
            </p:cNvSpPr>
            <p:nvPr/>
          </p:nvSpPr>
          <p:spPr bwMode="auto">
            <a:xfrm>
              <a:off x="2571750" y="2295525"/>
              <a:ext cx="57150" cy="65088"/>
            </a:xfrm>
            <a:custGeom>
              <a:avLst/>
              <a:gdLst>
                <a:gd name="T0" fmla="*/ 26 w 131"/>
                <a:gd name="T1" fmla="*/ 33 h 146"/>
                <a:gd name="T2" fmla="*/ 26 w 131"/>
                <a:gd name="T3" fmla="*/ 33 h 146"/>
                <a:gd name="T4" fmla="*/ 27 w 131"/>
                <a:gd name="T5" fmla="*/ 27 h 146"/>
                <a:gd name="T6" fmla="*/ 102 w 131"/>
                <a:gd name="T7" fmla="*/ 39 h 146"/>
                <a:gd name="T8" fmla="*/ 104 w 131"/>
                <a:gd name="T9" fmla="*/ 45 h 146"/>
                <a:gd name="T10" fmla="*/ 104 w 131"/>
                <a:gd name="T11" fmla="*/ 114 h 146"/>
                <a:gd name="T12" fmla="*/ 104 w 131"/>
                <a:gd name="T13" fmla="*/ 119 h 146"/>
                <a:gd name="T14" fmla="*/ 28 w 131"/>
                <a:gd name="T15" fmla="*/ 120 h 146"/>
                <a:gd name="T16" fmla="*/ 26 w 131"/>
                <a:gd name="T17" fmla="*/ 112 h 146"/>
                <a:gd name="T18" fmla="*/ 26 w 131"/>
                <a:gd name="T19" fmla="*/ 33 h 146"/>
                <a:gd name="T20" fmla="*/ 26 w 131"/>
                <a:gd name="T21" fmla="*/ 146 h 146"/>
                <a:gd name="T22" fmla="*/ 26 w 131"/>
                <a:gd name="T23" fmla="*/ 146 h 146"/>
                <a:gd name="T24" fmla="*/ 105 w 131"/>
                <a:gd name="T25" fmla="*/ 146 h 146"/>
                <a:gd name="T26" fmla="*/ 131 w 131"/>
                <a:gd name="T27" fmla="*/ 114 h 146"/>
                <a:gd name="T28" fmla="*/ 131 w 131"/>
                <a:gd name="T29" fmla="*/ 45 h 146"/>
                <a:gd name="T30" fmla="*/ 106 w 131"/>
                <a:gd name="T31" fmla="*/ 12 h 146"/>
                <a:gd name="T32" fmla="*/ 28 w 131"/>
                <a:gd name="T33" fmla="*/ 0 h 146"/>
                <a:gd name="T34" fmla="*/ 26 w 131"/>
                <a:gd name="T35" fmla="*/ 0 h 146"/>
                <a:gd name="T36" fmla="*/ 0 w 131"/>
                <a:gd name="T37" fmla="*/ 33 h 146"/>
                <a:gd name="T38" fmla="*/ 0 w 131"/>
                <a:gd name="T39" fmla="*/ 112 h 146"/>
                <a:gd name="T40" fmla="*/ 26 w 131"/>
                <a:gd name="T41" fmla="*/ 146 h 1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1" h="146">
                  <a:moveTo>
                    <a:pt x="26" y="33"/>
                  </a:moveTo>
                  <a:lnTo>
                    <a:pt x="26" y="33"/>
                  </a:lnTo>
                  <a:cubicBezTo>
                    <a:pt x="26" y="30"/>
                    <a:pt x="27" y="28"/>
                    <a:pt x="27" y="27"/>
                  </a:cubicBezTo>
                  <a:lnTo>
                    <a:pt x="102" y="39"/>
                  </a:lnTo>
                  <a:cubicBezTo>
                    <a:pt x="102" y="39"/>
                    <a:pt x="104" y="42"/>
                    <a:pt x="104" y="45"/>
                  </a:cubicBezTo>
                  <a:lnTo>
                    <a:pt x="104" y="114"/>
                  </a:lnTo>
                  <a:cubicBezTo>
                    <a:pt x="104" y="117"/>
                    <a:pt x="103" y="119"/>
                    <a:pt x="104" y="119"/>
                  </a:cubicBezTo>
                  <a:lnTo>
                    <a:pt x="28" y="120"/>
                  </a:lnTo>
                  <a:cubicBezTo>
                    <a:pt x="27" y="118"/>
                    <a:pt x="26" y="116"/>
                    <a:pt x="26" y="112"/>
                  </a:cubicBezTo>
                  <a:lnTo>
                    <a:pt x="26" y="33"/>
                  </a:lnTo>
                  <a:close/>
                  <a:moveTo>
                    <a:pt x="26" y="146"/>
                  </a:moveTo>
                  <a:lnTo>
                    <a:pt x="26" y="146"/>
                  </a:lnTo>
                  <a:lnTo>
                    <a:pt x="105" y="146"/>
                  </a:lnTo>
                  <a:cubicBezTo>
                    <a:pt x="119" y="145"/>
                    <a:pt x="131" y="131"/>
                    <a:pt x="131" y="114"/>
                  </a:cubicBezTo>
                  <a:lnTo>
                    <a:pt x="131" y="45"/>
                  </a:lnTo>
                  <a:cubicBezTo>
                    <a:pt x="131" y="29"/>
                    <a:pt x="120" y="14"/>
                    <a:pt x="106" y="12"/>
                  </a:cubicBezTo>
                  <a:lnTo>
                    <a:pt x="28" y="0"/>
                  </a:lnTo>
                  <a:lnTo>
                    <a:pt x="26" y="0"/>
                  </a:lnTo>
                  <a:cubicBezTo>
                    <a:pt x="11" y="0"/>
                    <a:pt x="0" y="14"/>
                    <a:pt x="0" y="33"/>
                  </a:cubicBezTo>
                  <a:lnTo>
                    <a:pt x="0" y="112"/>
                  </a:lnTo>
                  <a:cubicBezTo>
                    <a:pt x="0" y="131"/>
                    <a:pt x="11" y="146"/>
                    <a:pt x="26" y="146"/>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1" name="Freeform 21">
              <a:extLst>
                <a:ext uri="{FF2B5EF4-FFF2-40B4-BE49-F238E27FC236}">
                  <a16:creationId xmlns:a16="http://schemas.microsoft.com/office/drawing/2014/main" xmlns="" id="{A9B849CB-AE76-4979-9BE4-0ACF7A834257}"/>
                </a:ext>
              </a:extLst>
            </p:cNvPr>
            <p:cNvSpPr>
              <a:spLocks noEditPoints="1"/>
            </p:cNvSpPr>
            <p:nvPr/>
          </p:nvSpPr>
          <p:spPr bwMode="auto">
            <a:xfrm>
              <a:off x="2454275" y="2409825"/>
              <a:ext cx="68263" cy="73025"/>
            </a:xfrm>
            <a:custGeom>
              <a:avLst/>
              <a:gdLst>
                <a:gd name="T0" fmla="*/ 132 w 159"/>
                <a:gd name="T1" fmla="*/ 125 h 168"/>
                <a:gd name="T2" fmla="*/ 132 w 159"/>
                <a:gd name="T3" fmla="*/ 125 h 168"/>
                <a:gd name="T4" fmla="*/ 129 w 159"/>
                <a:gd name="T5" fmla="*/ 134 h 168"/>
                <a:gd name="T6" fmla="*/ 29 w 159"/>
                <a:gd name="T7" fmla="*/ 141 h 168"/>
                <a:gd name="T8" fmla="*/ 27 w 159"/>
                <a:gd name="T9" fmla="*/ 130 h 168"/>
                <a:gd name="T10" fmla="*/ 27 w 159"/>
                <a:gd name="T11" fmla="*/ 37 h 168"/>
                <a:gd name="T12" fmla="*/ 29 w 159"/>
                <a:gd name="T13" fmla="*/ 27 h 168"/>
                <a:gd name="T14" fmla="*/ 129 w 159"/>
                <a:gd name="T15" fmla="*/ 29 h 168"/>
                <a:gd name="T16" fmla="*/ 132 w 159"/>
                <a:gd name="T17" fmla="*/ 38 h 168"/>
                <a:gd name="T18" fmla="*/ 132 w 159"/>
                <a:gd name="T19" fmla="*/ 125 h 168"/>
                <a:gd name="T20" fmla="*/ 133 w 159"/>
                <a:gd name="T21" fmla="*/ 2 h 168"/>
                <a:gd name="T22" fmla="*/ 133 w 159"/>
                <a:gd name="T23" fmla="*/ 2 h 168"/>
                <a:gd name="T24" fmla="*/ 28 w 159"/>
                <a:gd name="T25" fmla="*/ 0 h 168"/>
                <a:gd name="T26" fmla="*/ 26 w 159"/>
                <a:gd name="T27" fmla="*/ 0 h 168"/>
                <a:gd name="T28" fmla="*/ 0 w 159"/>
                <a:gd name="T29" fmla="*/ 37 h 168"/>
                <a:gd name="T30" fmla="*/ 0 w 159"/>
                <a:gd name="T31" fmla="*/ 130 h 168"/>
                <a:gd name="T32" fmla="*/ 27 w 159"/>
                <a:gd name="T33" fmla="*/ 168 h 168"/>
                <a:gd name="T34" fmla="*/ 132 w 159"/>
                <a:gd name="T35" fmla="*/ 160 h 168"/>
                <a:gd name="T36" fmla="*/ 159 w 159"/>
                <a:gd name="T37" fmla="*/ 125 h 168"/>
                <a:gd name="T38" fmla="*/ 159 w 159"/>
                <a:gd name="T39" fmla="*/ 38 h 168"/>
                <a:gd name="T40" fmla="*/ 133 w 159"/>
                <a:gd name="T41" fmla="*/ 2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59" h="168">
                  <a:moveTo>
                    <a:pt x="132" y="125"/>
                  </a:moveTo>
                  <a:lnTo>
                    <a:pt x="132" y="125"/>
                  </a:lnTo>
                  <a:cubicBezTo>
                    <a:pt x="132" y="130"/>
                    <a:pt x="130" y="133"/>
                    <a:pt x="129" y="134"/>
                  </a:cubicBezTo>
                  <a:lnTo>
                    <a:pt x="29" y="141"/>
                  </a:lnTo>
                  <a:cubicBezTo>
                    <a:pt x="28" y="139"/>
                    <a:pt x="27" y="135"/>
                    <a:pt x="27" y="130"/>
                  </a:cubicBezTo>
                  <a:lnTo>
                    <a:pt x="27" y="37"/>
                  </a:lnTo>
                  <a:cubicBezTo>
                    <a:pt x="27" y="32"/>
                    <a:pt x="28" y="28"/>
                    <a:pt x="29" y="27"/>
                  </a:cubicBezTo>
                  <a:lnTo>
                    <a:pt x="129" y="29"/>
                  </a:lnTo>
                  <a:cubicBezTo>
                    <a:pt x="130" y="30"/>
                    <a:pt x="132" y="34"/>
                    <a:pt x="132" y="38"/>
                  </a:cubicBezTo>
                  <a:lnTo>
                    <a:pt x="132" y="125"/>
                  </a:lnTo>
                  <a:close/>
                  <a:moveTo>
                    <a:pt x="133" y="2"/>
                  </a:moveTo>
                  <a:lnTo>
                    <a:pt x="133" y="2"/>
                  </a:lnTo>
                  <a:lnTo>
                    <a:pt x="28" y="0"/>
                  </a:lnTo>
                  <a:lnTo>
                    <a:pt x="26" y="0"/>
                  </a:lnTo>
                  <a:cubicBezTo>
                    <a:pt x="11" y="0"/>
                    <a:pt x="0" y="15"/>
                    <a:pt x="0" y="37"/>
                  </a:cubicBezTo>
                  <a:lnTo>
                    <a:pt x="0" y="130"/>
                  </a:lnTo>
                  <a:cubicBezTo>
                    <a:pt x="0" y="152"/>
                    <a:pt x="11" y="168"/>
                    <a:pt x="27" y="168"/>
                  </a:cubicBezTo>
                  <a:lnTo>
                    <a:pt x="132" y="160"/>
                  </a:lnTo>
                  <a:cubicBezTo>
                    <a:pt x="147" y="159"/>
                    <a:pt x="159" y="144"/>
                    <a:pt x="159" y="125"/>
                  </a:cubicBezTo>
                  <a:lnTo>
                    <a:pt x="159" y="38"/>
                  </a:lnTo>
                  <a:cubicBezTo>
                    <a:pt x="159" y="20"/>
                    <a:pt x="148" y="4"/>
                    <a:pt x="133" y="2"/>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2" name="Freeform 22">
              <a:extLst>
                <a:ext uri="{FF2B5EF4-FFF2-40B4-BE49-F238E27FC236}">
                  <a16:creationId xmlns:a16="http://schemas.microsoft.com/office/drawing/2014/main" xmlns="" id="{13230B00-040C-4294-B920-598368FACFD1}"/>
                </a:ext>
              </a:extLst>
            </p:cNvPr>
            <p:cNvSpPr>
              <a:spLocks noEditPoints="1"/>
            </p:cNvSpPr>
            <p:nvPr/>
          </p:nvSpPr>
          <p:spPr bwMode="auto">
            <a:xfrm>
              <a:off x="2568575" y="2409825"/>
              <a:ext cx="60325" cy="61913"/>
            </a:xfrm>
            <a:custGeom>
              <a:avLst/>
              <a:gdLst>
                <a:gd name="T0" fmla="*/ 109 w 136"/>
                <a:gd name="T1" fmla="*/ 105 h 143"/>
                <a:gd name="T2" fmla="*/ 109 w 136"/>
                <a:gd name="T3" fmla="*/ 105 h 143"/>
                <a:gd name="T4" fmla="*/ 108 w 136"/>
                <a:gd name="T5" fmla="*/ 110 h 143"/>
                <a:gd name="T6" fmla="*/ 28 w 136"/>
                <a:gd name="T7" fmla="*/ 116 h 143"/>
                <a:gd name="T8" fmla="*/ 27 w 136"/>
                <a:gd name="T9" fmla="*/ 109 h 143"/>
                <a:gd name="T10" fmla="*/ 27 w 136"/>
                <a:gd name="T11" fmla="*/ 33 h 143"/>
                <a:gd name="T12" fmla="*/ 28 w 136"/>
                <a:gd name="T13" fmla="*/ 26 h 143"/>
                <a:gd name="T14" fmla="*/ 108 w 136"/>
                <a:gd name="T15" fmla="*/ 28 h 143"/>
                <a:gd name="T16" fmla="*/ 109 w 136"/>
                <a:gd name="T17" fmla="*/ 34 h 143"/>
                <a:gd name="T18" fmla="*/ 109 w 136"/>
                <a:gd name="T19" fmla="*/ 105 h 143"/>
                <a:gd name="T20" fmla="*/ 113 w 136"/>
                <a:gd name="T21" fmla="*/ 2 h 143"/>
                <a:gd name="T22" fmla="*/ 113 w 136"/>
                <a:gd name="T23" fmla="*/ 2 h 143"/>
                <a:gd name="T24" fmla="*/ 26 w 136"/>
                <a:gd name="T25" fmla="*/ 0 h 143"/>
                <a:gd name="T26" fmla="*/ 24 w 136"/>
                <a:gd name="T27" fmla="*/ 0 h 143"/>
                <a:gd name="T28" fmla="*/ 0 w 136"/>
                <a:gd name="T29" fmla="*/ 33 h 143"/>
                <a:gd name="T30" fmla="*/ 0 w 136"/>
                <a:gd name="T31" fmla="*/ 109 h 143"/>
                <a:gd name="T32" fmla="*/ 25 w 136"/>
                <a:gd name="T33" fmla="*/ 143 h 143"/>
                <a:gd name="T34" fmla="*/ 112 w 136"/>
                <a:gd name="T35" fmla="*/ 137 h 143"/>
                <a:gd name="T36" fmla="*/ 136 w 136"/>
                <a:gd name="T37" fmla="*/ 105 h 143"/>
                <a:gd name="T38" fmla="*/ 136 w 136"/>
                <a:gd name="T39" fmla="*/ 34 h 143"/>
                <a:gd name="T40" fmla="*/ 113 w 136"/>
                <a:gd name="T41" fmla="*/ 2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6" h="143">
                  <a:moveTo>
                    <a:pt x="109" y="105"/>
                  </a:moveTo>
                  <a:lnTo>
                    <a:pt x="109" y="105"/>
                  </a:lnTo>
                  <a:cubicBezTo>
                    <a:pt x="109" y="108"/>
                    <a:pt x="108" y="109"/>
                    <a:pt x="108" y="110"/>
                  </a:cubicBezTo>
                  <a:lnTo>
                    <a:pt x="28" y="116"/>
                  </a:lnTo>
                  <a:cubicBezTo>
                    <a:pt x="27" y="115"/>
                    <a:pt x="27" y="112"/>
                    <a:pt x="27" y="109"/>
                  </a:cubicBezTo>
                  <a:lnTo>
                    <a:pt x="27" y="33"/>
                  </a:lnTo>
                  <a:cubicBezTo>
                    <a:pt x="27" y="30"/>
                    <a:pt x="27" y="28"/>
                    <a:pt x="28" y="26"/>
                  </a:cubicBezTo>
                  <a:lnTo>
                    <a:pt x="108" y="28"/>
                  </a:lnTo>
                  <a:cubicBezTo>
                    <a:pt x="108" y="29"/>
                    <a:pt x="109" y="31"/>
                    <a:pt x="109" y="34"/>
                  </a:cubicBezTo>
                  <a:lnTo>
                    <a:pt x="109" y="105"/>
                  </a:lnTo>
                  <a:close/>
                  <a:moveTo>
                    <a:pt x="113" y="2"/>
                  </a:moveTo>
                  <a:lnTo>
                    <a:pt x="113" y="2"/>
                  </a:lnTo>
                  <a:lnTo>
                    <a:pt x="26" y="0"/>
                  </a:lnTo>
                  <a:lnTo>
                    <a:pt x="24" y="0"/>
                  </a:lnTo>
                  <a:cubicBezTo>
                    <a:pt x="10" y="0"/>
                    <a:pt x="0" y="14"/>
                    <a:pt x="0" y="33"/>
                  </a:cubicBezTo>
                  <a:lnTo>
                    <a:pt x="0" y="109"/>
                  </a:lnTo>
                  <a:cubicBezTo>
                    <a:pt x="0" y="129"/>
                    <a:pt x="10" y="143"/>
                    <a:pt x="25" y="143"/>
                  </a:cubicBezTo>
                  <a:lnTo>
                    <a:pt x="112" y="137"/>
                  </a:lnTo>
                  <a:cubicBezTo>
                    <a:pt x="125" y="136"/>
                    <a:pt x="136" y="122"/>
                    <a:pt x="136" y="105"/>
                  </a:cubicBezTo>
                  <a:lnTo>
                    <a:pt x="136" y="34"/>
                  </a:lnTo>
                  <a:cubicBezTo>
                    <a:pt x="136" y="17"/>
                    <a:pt x="126" y="4"/>
                    <a:pt x="113" y="2"/>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3" name="Freeform 23">
              <a:extLst>
                <a:ext uri="{FF2B5EF4-FFF2-40B4-BE49-F238E27FC236}">
                  <a16:creationId xmlns:a16="http://schemas.microsoft.com/office/drawing/2014/main" xmlns="" id="{49DC476F-1F05-403E-9B3F-88D1389E5308}"/>
                </a:ext>
              </a:extLst>
            </p:cNvPr>
            <p:cNvSpPr>
              <a:spLocks/>
            </p:cNvSpPr>
            <p:nvPr/>
          </p:nvSpPr>
          <p:spPr bwMode="auto">
            <a:xfrm>
              <a:off x="2451100" y="2532063"/>
              <a:ext cx="74613" cy="25400"/>
            </a:xfrm>
            <a:custGeom>
              <a:avLst/>
              <a:gdLst>
                <a:gd name="T0" fmla="*/ 16 w 173"/>
                <a:gd name="T1" fmla="*/ 59 h 59"/>
                <a:gd name="T2" fmla="*/ 16 w 173"/>
                <a:gd name="T3" fmla="*/ 59 h 59"/>
                <a:gd name="T4" fmla="*/ 16 w 173"/>
                <a:gd name="T5" fmla="*/ 59 h 59"/>
                <a:gd name="T6" fmla="*/ 157 w 173"/>
                <a:gd name="T7" fmla="*/ 44 h 59"/>
                <a:gd name="T8" fmla="*/ 173 w 173"/>
                <a:gd name="T9" fmla="*/ 22 h 59"/>
                <a:gd name="T10" fmla="*/ 156 w 173"/>
                <a:gd name="T11" fmla="*/ 0 h 59"/>
                <a:gd name="T12" fmla="*/ 16 w 173"/>
                <a:gd name="T13" fmla="*/ 15 h 59"/>
                <a:gd name="T14" fmla="*/ 0 w 173"/>
                <a:gd name="T15" fmla="*/ 37 h 59"/>
                <a:gd name="T16" fmla="*/ 16 w 173"/>
                <a:gd name="T17" fmla="*/ 59 h 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3" h="59">
                  <a:moveTo>
                    <a:pt x="16" y="59"/>
                  </a:moveTo>
                  <a:lnTo>
                    <a:pt x="16" y="59"/>
                  </a:lnTo>
                  <a:lnTo>
                    <a:pt x="16" y="59"/>
                  </a:lnTo>
                  <a:lnTo>
                    <a:pt x="157" y="44"/>
                  </a:lnTo>
                  <a:cubicBezTo>
                    <a:pt x="165" y="44"/>
                    <a:pt x="173" y="34"/>
                    <a:pt x="173" y="22"/>
                  </a:cubicBezTo>
                  <a:cubicBezTo>
                    <a:pt x="173" y="10"/>
                    <a:pt x="165" y="0"/>
                    <a:pt x="156" y="0"/>
                  </a:cubicBezTo>
                  <a:lnTo>
                    <a:pt x="16" y="15"/>
                  </a:lnTo>
                  <a:cubicBezTo>
                    <a:pt x="7" y="15"/>
                    <a:pt x="0" y="25"/>
                    <a:pt x="0" y="37"/>
                  </a:cubicBezTo>
                  <a:cubicBezTo>
                    <a:pt x="0" y="49"/>
                    <a:pt x="7" y="59"/>
                    <a:pt x="16" y="59"/>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4" name="Freeform 24">
              <a:extLst>
                <a:ext uri="{FF2B5EF4-FFF2-40B4-BE49-F238E27FC236}">
                  <a16:creationId xmlns:a16="http://schemas.microsoft.com/office/drawing/2014/main" xmlns="" id="{4CCA0466-08B2-42AE-8C42-B60E07B157B2}"/>
                </a:ext>
              </a:extLst>
            </p:cNvPr>
            <p:cNvSpPr>
              <a:spLocks/>
            </p:cNvSpPr>
            <p:nvPr/>
          </p:nvSpPr>
          <p:spPr bwMode="auto">
            <a:xfrm>
              <a:off x="2451100" y="2566988"/>
              <a:ext cx="74613" cy="26988"/>
            </a:xfrm>
            <a:custGeom>
              <a:avLst/>
              <a:gdLst>
                <a:gd name="T0" fmla="*/ 156 w 173"/>
                <a:gd name="T1" fmla="*/ 0 h 64"/>
                <a:gd name="T2" fmla="*/ 156 w 173"/>
                <a:gd name="T3" fmla="*/ 0 h 64"/>
                <a:gd name="T4" fmla="*/ 156 w 173"/>
                <a:gd name="T5" fmla="*/ 0 h 64"/>
                <a:gd name="T6" fmla="*/ 16 w 173"/>
                <a:gd name="T7" fmla="*/ 21 h 64"/>
                <a:gd name="T8" fmla="*/ 0 w 173"/>
                <a:gd name="T9" fmla="*/ 42 h 64"/>
                <a:gd name="T10" fmla="*/ 16 w 173"/>
                <a:gd name="T11" fmla="*/ 64 h 64"/>
                <a:gd name="T12" fmla="*/ 16 w 173"/>
                <a:gd name="T13" fmla="*/ 64 h 64"/>
                <a:gd name="T14" fmla="*/ 157 w 173"/>
                <a:gd name="T15" fmla="*/ 43 h 64"/>
                <a:gd name="T16" fmla="*/ 173 w 173"/>
                <a:gd name="T17" fmla="*/ 22 h 64"/>
                <a:gd name="T18" fmla="*/ 156 w 173"/>
                <a:gd name="T19" fmla="*/ 0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73" h="64">
                  <a:moveTo>
                    <a:pt x="156" y="0"/>
                  </a:moveTo>
                  <a:lnTo>
                    <a:pt x="156" y="0"/>
                  </a:lnTo>
                  <a:lnTo>
                    <a:pt x="156" y="0"/>
                  </a:lnTo>
                  <a:lnTo>
                    <a:pt x="16" y="21"/>
                  </a:lnTo>
                  <a:cubicBezTo>
                    <a:pt x="7" y="21"/>
                    <a:pt x="0" y="30"/>
                    <a:pt x="0" y="42"/>
                  </a:cubicBezTo>
                  <a:cubicBezTo>
                    <a:pt x="0" y="54"/>
                    <a:pt x="7" y="64"/>
                    <a:pt x="16" y="64"/>
                  </a:cubicBezTo>
                  <a:lnTo>
                    <a:pt x="16" y="64"/>
                  </a:lnTo>
                  <a:lnTo>
                    <a:pt x="157" y="43"/>
                  </a:lnTo>
                  <a:cubicBezTo>
                    <a:pt x="165" y="43"/>
                    <a:pt x="173" y="34"/>
                    <a:pt x="173" y="22"/>
                  </a:cubicBezTo>
                  <a:cubicBezTo>
                    <a:pt x="173" y="10"/>
                    <a:pt x="166" y="0"/>
                    <a:pt x="156" y="0"/>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5" name="Freeform 25">
              <a:extLst>
                <a:ext uri="{FF2B5EF4-FFF2-40B4-BE49-F238E27FC236}">
                  <a16:creationId xmlns:a16="http://schemas.microsoft.com/office/drawing/2014/main" xmlns="" id="{54F1D204-BEE7-4721-8D77-02EEB92449F1}"/>
                </a:ext>
              </a:extLst>
            </p:cNvPr>
            <p:cNvSpPr>
              <a:spLocks/>
            </p:cNvSpPr>
            <p:nvPr/>
          </p:nvSpPr>
          <p:spPr bwMode="auto">
            <a:xfrm>
              <a:off x="2570163" y="2522538"/>
              <a:ext cx="57150" cy="19050"/>
            </a:xfrm>
            <a:custGeom>
              <a:avLst/>
              <a:gdLst>
                <a:gd name="T0" fmla="*/ 12 w 132"/>
                <a:gd name="T1" fmla="*/ 44 h 44"/>
                <a:gd name="T2" fmla="*/ 12 w 132"/>
                <a:gd name="T3" fmla="*/ 44 h 44"/>
                <a:gd name="T4" fmla="*/ 12 w 132"/>
                <a:gd name="T5" fmla="*/ 44 h 44"/>
                <a:gd name="T6" fmla="*/ 120 w 132"/>
                <a:gd name="T7" fmla="*/ 33 h 44"/>
                <a:gd name="T8" fmla="*/ 132 w 132"/>
                <a:gd name="T9" fmla="*/ 16 h 44"/>
                <a:gd name="T10" fmla="*/ 120 w 132"/>
                <a:gd name="T11" fmla="*/ 0 h 44"/>
                <a:gd name="T12" fmla="*/ 12 w 132"/>
                <a:gd name="T13" fmla="*/ 11 h 44"/>
                <a:gd name="T14" fmla="*/ 0 w 132"/>
                <a:gd name="T15" fmla="*/ 28 h 44"/>
                <a:gd name="T16" fmla="*/ 12 w 132"/>
                <a:gd name="T17" fmla="*/ 44 h 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2" h="44">
                  <a:moveTo>
                    <a:pt x="12" y="44"/>
                  </a:moveTo>
                  <a:lnTo>
                    <a:pt x="12" y="44"/>
                  </a:lnTo>
                  <a:lnTo>
                    <a:pt x="12" y="44"/>
                  </a:lnTo>
                  <a:lnTo>
                    <a:pt x="120" y="33"/>
                  </a:lnTo>
                  <a:cubicBezTo>
                    <a:pt x="127" y="33"/>
                    <a:pt x="132" y="25"/>
                    <a:pt x="132" y="16"/>
                  </a:cubicBezTo>
                  <a:cubicBezTo>
                    <a:pt x="132" y="7"/>
                    <a:pt x="127" y="0"/>
                    <a:pt x="120" y="0"/>
                  </a:cubicBezTo>
                  <a:lnTo>
                    <a:pt x="12" y="11"/>
                  </a:lnTo>
                  <a:cubicBezTo>
                    <a:pt x="5" y="11"/>
                    <a:pt x="0" y="19"/>
                    <a:pt x="0" y="28"/>
                  </a:cubicBezTo>
                  <a:cubicBezTo>
                    <a:pt x="0" y="37"/>
                    <a:pt x="5" y="44"/>
                    <a:pt x="12" y="44"/>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6" name="Freeform 26">
              <a:extLst>
                <a:ext uri="{FF2B5EF4-FFF2-40B4-BE49-F238E27FC236}">
                  <a16:creationId xmlns:a16="http://schemas.microsoft.com/office/drawing/2014/main" xmlns="" id="{61604E1D-5B53-4C00-B3A5-73376F9CFBEC}"/>
                </a:ext>
              </a:extLst>
            </p:cNvPr>
            <p:cNvSpPr>
              <a:spLocks/>
            </p:cNvSpPr>
            <p:nvPr/>
          </p:nvSpPr>
          <p:spPr bwMode="auto">
            <a:xfrm>
              <a:off x="2570163" y="2547938"/>
              <a:ext cx="57150" cy="20638"/>
            </a:xfrm>
            <a:custGeom>
              <a:avLst/>
              <a:gdLst>
                <a:gd name="T0" fmla="*/ 119 w 132"/>
                <a:gd name="T1" fmla="*/ 0 h 49"/>
                <a:gd name="T2" fmla="*/ 119 w 132"/>
                <a:gd name="T3" fmla="*/ 0 h 49"/>
                <a:gd name="T4" fmla="*/ 119 w 132"/>
                <a:gd name="T5" fmla="*/ 0 h 49"/>
                <a:gd name="T6" fmla="*/ 12 w 132"/>
                <a:gd name="T7" fmla="*/ 16 h 49"/>
                <a:gd name="T8" fmla="*/ 0 w 132"/>
                <a:gd name="T9" fmla="*/ 32 h 49"/>
                <a:gd name="T10" fmla="*/ 12 w 132"/>
                <a:gd name="T11" fmla="*/ 49 h 49"/>
                <a:gd name="T12" fmla="*/ 12 w 132"/>
                <a:gd name="T13" fmla="*/ 49 h 49"/>
                <a:gd name="T14" fmla="*/ 120 w 132"/>
                <a:gd name="T15" fmla="*/ 33 h 49"/>
                <a:gd name="T16" fmla="*/ 132 w 132"/>
                <a:gd name="T17" fmla="*/ 17 h 49"/>
                <a:gd name="T18" fmla="*/ 119 w 132"/>
                <a:gd name="T19" fmla="*/ 0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2" h="49">
                  <a:moveTo>
                    <a:pt x="119" y="0"/>
                  </a:moveTo>
                  <a:lnTo>
                    <a:pt x="119" y="0"/>
                  </a:lnTo>
                  <a:lnTo>
                    <a:pt x="119" y="0"/>
                  </a:lnTo>
                  <a:lnTo>
                    <a:pt x="12" y="16"/>
                  </a:lnTo>
                  <a:cubicBezTo>
                    <a:pt x="5" y="16"/>
                    <a:pt x="0" y="23"/>
                    <a:pt x="0" y="32"/>
                  </a:cubicBezTo>
                  <a:cubicBezTo>
                    <a:pt x="0" y="42"/>
                    <a:pt x="5" y="49"/>
                    <a:pt x="12" y="49"/>
                  </a:cubicBezTo>
                  <a:lnTo>
                    <a:pt x="12" y="49"/>
                  </a:lnTo>
                  <a:lnTo>
                    <a:pt x="120" y="33"/>
                  </a:lnTo>
                  <a:cubicBezTo>
                    <a:pt x="127" y="33"/>
                    <a:pt x="132" y="26"/>
                    <a:pt x="132" y="17"/>
                  </a:cubicBezTo>
                  <a:cubicBezTo>
                    <a:pt x="132" y="8"/>
                    <a:pt x="127" y="0"/>
                    <a:pt x="119" y="0"/>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7" name="Freeform 27">
              <a:extLst>
                <a:ext uri="{FF2B5EF4-FFF2-40B4-BE49-F238E27FC236}">
                  <a16:creationId xmlns:a16="http://schemas.microsoft.com/office/drawing/2014/main" xmlns="" id="{BDBD88A9-EF78-4245-98C8-7242DF2B387E}"/>
                </a:ext>
              </a:extLst>
            </p:cNvPr>
            <p:cNvSpPr>
              <a:spLocks noEditPoints="1"/>
            </p:cNvSpPr>
            <p:nvPr/>
          </p:nvSpPr>
          <p:spPr bwMode="auto">
            <a:xfrm>
              <a:off x="2662238" y="2209800"/>
              <a:ext cx="38100" cy="52388"/>
            </a:xfrm>
            <a:custGeom>
              <a:avLst/>
              <a:gdLst>
                <a:gd name="T0" fmla="*/ 20 w 91"/>
                <a:gd name="T1" fmla="*/ 31 h 120"/>
                <a:gd name="T2" fmla="*/ 20 w 91"/>
                <a:gd name="T3" fmla="*/ 31 h 120"/>
                <a:gd name="T4" fmla="*/ 21 w 91"/>
                <a:gd name="T5" fmla="*/ 21 h 120"/>
                <a:gd name="T6" fmla="*/ 68 w 91"/>
                <a:gd name="T7" fmla="*/ 36 h 120"/>
                <a:gd name="T8" fmla="*/ 71 w 91"/>
                <a:gd name="T9" fmla="*/ 47 h 120"/>
                <a:gd name="T10" fmla="*/ 71 w 91"/>
                <a:gd name="T11" fmla="*/ 90 h 120"/>
                <a:gd name="T12" fmla="*/ 69 w 91"/>
                <a:gd name="T13" fmla="*/ 100 h 120"/>
                <a:gd name="T14" fmla="*/ 22 w 91"/>
                <a:gd name="T15" fmla="*/ 96 h 120"/>
                <a:gd name="T16" fmla="*/ 20 w 91"/>
                <a:gd name="T17" fmla="*/ 83 h 120"/>
                <a:gd name="T18" fmla="*/ 20 w 91"/>
                <a:gd name="T19" fmla="*/ 31 h 120"/>
                <a:gd name="T20" fmla="*/ 3 w 91"/>
                <a:gd name="T21" fmla="*/ 103 h 120"/>
                <a:gd name="T22" fmla="*/ 3 w 91"/>
                <a:gd name="T23" fmla="*/ 103 h 120"/>
                <a:gd name="T24" fmla="*/ 19 w 91"/>
                <a:gd name="T25" fmla="*/ 116 h 120"/>
                <a:gd name="T26" fmla="*/ 71 w 91"/>
                <a:gd name="T27" fmla="*/ 120 h 120"/>
                <a:gd name="T28" fmla="*/ 72 w 91"/>
                <a:gd name="T29" fmla="*/ 120 h 120"/>
                <a:gd name="T30" fmla="*/ 91 w 91"/>
                <a:gd name="T31" fmla="*/ 90 h 120"/>
                <a:gd name="T32" fmla="*/ 91 w 91"/>
                <a:gd name="T33" fmla="*/ 47 h 120"/>
                <a:gd name="T34" fmla="*/ 74 w 91"/>
                <a:gd name="T35" fmla="*/ 17 h 120"/>
                <a:gd name="T36" fmla="*/ 23 w 91"/>
                <a:gd name="T37" fmla="*/ 0 h 120"/>
                <a:gd name="T38" fmla="*/ 19 w 91"/>
                <a:gd name="T39" fmla="*/ 0 h 120"/>
                <a:gd name="T40" fmla="*/ 0 w 91"/>
                <a:gd name="T41" fmla="*/ 31 h 120"/>
                <a:gd name="T42" fmla="*/ 0 w 91"/>
                <a:gd name="T43" fmla="*/ 83 h 120"/>
                <a:gd name="T44" fmla="*/ 3 w 91"/>
                <a:gd name="T45" fmla="*/ 103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91" h="120">
                  <a:moveTo>
                    <a:pt x="20" y="31"/>
                  </a:moveTo>
                  <a:lnTo>
                    <a:pt x="20" y="31"/>
                  </a:lnTo>
                  <a:cubicBezTo>
                    <a:pt x="20" y="27"/>
                    <a:pt x="20" y="23"/>
                    <a:pt x="21" y="21"/>
                  </a:cubicBezTo>
                  <a:lnTo>
                    <a:pt x="68" y="36"/>
                  </a:lnTo>
                  <a:cubicBezTo>
                    <a:pt x="69" y="37"/>
                    <a:pt x="71" y="41"/>
                    <a:pt x="71" y="47"/>
                  </a:cubicBezTo>
                  <a:lnTo>
                    <a:pt x="71" y="90"/>
                  </a:lnTo>
                  <a:cubicBezTo>
                    <a:pt x="71" y="95"/>
                    <a:pt x="70" y="99"/>
                    <a:pt x="69" y="100"/>
                  </a:cubicBezTo>
                  <a:lnTo>
                    <a:pt x="22" y="96"/>
                  </a:lnTo>
                  <a:cubicBezTo>
                    <a:pt x="21" y="94"/>
                    <a:pt x="20" y="90"/>
                    <a:pt x="20" y="83"/>
                  </a:cubicBezTo>
                  <a:lnTo>
                    <a:pt x="20" y="31"/>
                  </a:lnTo>
                  <a:close/>
                  <a:moveTo>
                    <a:pt x="3" y="103"/>
                  </a:moveTo>
                  <a:lnTo>
                    <a:pt x="3" y="103"/>
                  </a:lnTo>
                  <a:cubicBezTo>
                    <a:pt x="8" y="113"/>
                    <a:pt x="14" y="116"/>
                    <a:pt x="19" y="116"/>
                  </a:cubicBezTo>
                  <a:lnTo>
                    <a:pt x="71" y="120"/>
                  </a:lnTo>
                  <a:lnTo>
                    <a:pt x="72" y="120"/>
                  </a:lnTo>
                  <a:cubicBezTo>
                    <a:pt x="83" y="119"/>
                    <a:pt x="91" y="107"/>
                    <a:pt x="91" y="90"/>
                  </a:cubicBezTo>
                  <a:lnTo>
                    <a:pt x="91" y="47"/>
                  </a:lnTo>
                  <a:cubicBezTo>
                    <a:pt x="91" y="34"/>
                    <a:pt x="85" y="19"/>
                    <a:pt x="74" y="17"/>
                  </a:cubicBezTo>
                  <a:lnTo>
                    <a:pt x="23" y="0"/>
                  </a:lnTo>
                  <a:lnTo>
                    <a:pt x="19" y="0"/>
                  </a:lnTo>
                  <a:cubicBezTo>
                    <a:pt x="7" y="0"/>
                    <a:pt x="0" y="12"/>
                    <a:pt x="0" y="31"/>
                  </a:cubicBezTo>
                  <a:lnTo>
                    <a:pt x="0" y="83"/>
                  </a:lnTo>
                  <a:cubicBezTo>
                    <a:pt x="0" y="91"/>
                    <a:pt x="1" y="98"/>
                    <a:pt x="3" y="103"/>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8" name="Freeform 28">
              <a:extLst>
                <a:ext uri="{FF2B5EF4-FFF2-40B4-BE49-F238E27FC236}">
                  <a16:creationId xmlns:a16="http://schemas.microsoft.com/office/drawing/2014/main" xmlns="" id="{FC84729C-C4E3-4B11-B082-42DC61A8C855}"/>
                </a:ext>
              </a:extLst>
            </p:cNvPr>
            <p:cNvSpPr>
              <a:spLocks noEditPoints="1"/>
            </p:cNvSpPr>
            <p:nvPr/>
          </p:nvSpPr>
          <p:spPr bwMode="auto">
            <a:xfrm>
              <a:off x="2662238" y="2311400"/>
              <a:ext cx="38100" cy="55563"/>
            </a:xfrm>
            <a:custGeom>
              <a:avLst/>
              <a:gdLst>
                <a:gd name="T0" fmla="*/ 20 w 91"/>
                <a:gd name="T1" fmla="*/ 30 h 126"/>
                <a:gd name="T2" fmla="*/ 20 w 91"/>
                <a:gd name="T3" fmla="*/ 30 h 126"/>
                <a:gd name="T4" fmla="*/ 21 w 91"/>
                <a:gd name="T5" fmla="*/ 20 h 126"/>
                <a:gd name="T6" fmla="*/ 68 w 91"/>
                <a:gd name="T7" fmla="*/ 32 h 126"/>
                <a:gd name="T8" fmla="*/ 71 w 91"/>
                <a:gd name="T9" fmla="*/ 42 h 126"/>
                <a:gd name="T10" fmla="*/ 71 w 91"/>
                <a:gd name="T11" fmla="*/ 97 h 126"/>
                <a:gd name="T12" fmla="*/ 69 w 91"/>
                <a:gd name="T13" fmla="*/ 105 h 126"/>
                <a:gd name="T14" fmla="*/ 22 w 91"/>
                <a:gd name="T15" fmla="*/ 106 h 126"/>
                <a:gd name="T16" fmla="*/ 20 w 91"/>
                <a:gd name="T17" fmla="*/ 95 h 126"/>
                <a:gd name="T18" fmla="*/ 20 w 91"/>
                <a:gd name="T19" fmla="*/ 30 h 126"/>
                <a:gd name="T20" fmla="*/ 19 w 91"/>
                <a:gd name="T21" fmla="*/ 126 h 126"/>
                <a:gd name="T22" fmla="*/ 19 w 91"/>
                <a:gd name="T23" fmla="*/ 126 h 126"/>
                <a:gd name="T24" fmla="*/ 72 w 91"/>
                <a:gd name="T25" fmla="*/ 125 h 126"/>
                <a:gd name="T26" fmla="*/ 91 w 91"/>
                <a:gd name="T27" fmla="*/ 97 h 126"/>
                <a:gd name="T28" fmla="*/ 91 w 91"/>
                <a:gd name="T29" fmla="*/ 42 h 126"/>
                <a:gd name="T30" fmla="*/ 73 w 91"/>
                <a:gd name="T31" fmla="*/ 13 h 126"/>
                <a:gd name="T32" fmla="*/ 21 w 91"/>
                <a:gd name="T33" fmla="*/ 0 h 126"/>
                <a:gd name="T34" fmla="*/ 19 w 91"/>
                <a:gd name="T35" fmla="*/ 0 h 126"/>
                <a:gd name="T36" fmla="*/ 0 w 91"/>
                <a:gd name="T37" fmla="*/ 30 h 126"/>
                <a:gd name="T38" fmla="*/ 0 w 91"/>
                <a:gd name="T39" fmla="*/ 95 h 126"/>
                <a:gd name="T40" fmla="*/ 19 w 91"/>
                <a:gd name="T41" fmla="*/ 126 h 1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1" h="126">
                  <a:moveTo>
                    <a:pt x="20" y="30"/>
                  </a:moveTo>
                  <a:lnTo>
                    <a:pt x="20" y="30"/>
                  </a:lnTo>
                  <a:cubicBezTo>
                    <a:pt x="20" y="25"/>
                    <a:pt x="20" y="22"/>
                    <a:pt x="21" y="20"/>
                  </a:cubicBezTo>
                  <a:lnTo>
                    <a:pt x="68" y="32"/>
                  </a:lnTo>
                  <a:cubicBezTo>
                    <a:pt x="69" y="32"/>
                    <a:pt x="71" y="36"/>
                    <a:pt x="71" y="42"/>
                  </a:cubicBezTo>
                  <a:lnTo>
                    <a:pt x="71" y="97"/>
                  </a:lnTo>
                  <a:cubicBezTo>
                    <a:pt x="71" y="101"/>
                    <a:pt x="70" y="104"/>
                    <a:pt x="69" y="105"/>
                  </a:cubicBezTo>
                  <a:lnTo>
                    <a:pt x="22" y="106"/>
                  </a:lnTo>
                  <a:cubicBezTo>
                    <a:pt x="21" y="104"/>
                    <a:pt x="20" y="100"/>
                    <a:pt x="20" y="95"/>
                  </a:cubicBezTo>
                  <a:lnTo>
                    <a:pt x="20" y="30"/>
                  </a:lnTo>
                  <a:close/>
                  <a:moveTo>
                    <a:pt x="19" y="126"/>
                  </a:moveTo>
                  <a:lnTo>
                    <a:pt x="19" y="126"/>
                  </a:lnTo>
                  <a:lnTo>
                    <a:pt x="72" y="125"/>
                  </a:lnTo>
                  <a:cubicBezTo>
                    <a:pt x="83" y="124"/>
                    <a:pt x="91" y="112"/>
                    <a:pt x="91" y="97"/>
                  </a:cubicBezTo>
                  <a:lnTo>
                    <a:pt x="91" y="42"/>
                  </a:lnTo>
                  <a:cubicBezTo>
                    <a:pt x="91" y="29"/>
                    <a:pt x="85" y="14"/>
                    <a:pt x="73" y="13"/>
                  </a:cubicBezTo>
                  <a:lnTo>
                    <a:pt x="21" y="0"/>
                  </a:lnTo>
                  <a:lnTo>
                    <a:pt x="19" y="0"/>
                  </a:lnTo>
                  <a:cubicBezTo>
                    <a:pt x="7" y="0"/>
                    <a:pt x="0" y="12"/>
                    <a:pt x="0" y="30"/>
                  </a:cubicBezTo>
                  <a:lnTo>
                    <a:pt x="0" y="95"/>
                  </a:lnTo>
                  <a:cubicBezTo>
                    <a:pt x="0" y="113"/>
                    <a:pt x="8" y="126"/>
                    <a:pt x="19" y="126"/>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19" name="Freeform 29">
              <a:extLst>
                <a:ext uri="{FF2B5EF4-FFF2-40B4-BE49-F238E27FC236}">
                  <a16:creationId xmlns:a16="http://schemas.microsoft.com/office/drawing/2014/main" xmlns="" id="{65A860A6-F7BE-4142-93EB-DA8466ECFD14}"/>
                </a:ext>
              </a:extLst>
            </p:cNvPr>
            <p:cNvSpPr>
              <a:spLocks noEditPoints="1"/>
            </p:cNvSpPr>
            <p:nvPr/>
          </p:nvSpPr>
          <p:spPr bwMode="auto">
            <a:xfrm>
              <a:off x="2659063" y="2413000"/>
              <a:ext cx="41275" cy="53975"/>
            </a:xfrm>
            <a:custGeom>
              <a:avLst/>
              <a:gdLst>
                <a:gd name="T0" fmla="*/ 20 w 94"/>
                <a:gd name="T1" fmla="*/ 30 h 123"/>
                <a:gd name="T2" fmla="*/ 20 w 94"/>
                <a:gd name="T3" fmla="*/ 30 h 123"/>
                <a:gd name="T4" fmla="*/ 21 w 94"/>
                <a:gd name="T5" fmla="*/ 20 h 123"/>
                <a:gd name="T6" fmla="*/ 72 w 94"/>
                <a:gd name="T7" fmla="*/ 22 h 123"/>
                <a:gd name="T8" fmla="*/ 74 w 94"/>
                <a:gd name="T9" fmla="*/ 31 h 123"/>
                <a:gd name="T10" fmla="*/ 74 w 94"/>
                <a:gd name="T11" fmla="*/ 89 h 123"/>
                <a:gd name="T12" fmla="*/ 72 w 94"/>
                <a:gd name="T13" fmla="*/ 97 h 123"/>
                <a:gd name="T14" fmla="*/ 21 w 94"/>
                <a:gd name="T15" fmla="*/ 103 h 123"/>
                <a:gd name="T16" fmla="*/ 20 w 94"/>
                <a:gd name="T17" fmla="*/ 93 h 123"/>
                <a:gd name="T18" fmla="*/ 20 w 94"/>
                <a:gd name="T19" fmla="*/ 30 h 123"/>
                <a:gd name="T20" fmla="*/ 18 w 94"/>
                <a:gd name="T21" fmla="*/ 123 h 123"/>
                <a:gd name="T22" fmla="*/ 18 w 94"/>
                <a:gd name="T23" fmla="*/ 123 h 123"/>
                <a:gd name="T24" fmla="*/ 77 w 94"/>
                <a:gd name="T25" fmla="*/ 117 h 123"/>
                <a:gd name="T26" fmla="*/ 94 w 94"/>
                <a:gd name="T27" fmla="*/ 89 h 123"/>
                <a:gd name="T28" fmla="*/ 94 w 94"/>
                <a:gd name="T29" fmla="*/ 31 h 123"/>
                <a:gd name="T30" fmla="*/ 78 w 94"/>
                <a:gd name="T31" fmla="*/ 2 h 123"/>
                <a:gd name="T32" fmla="*/ 19 w 94"/>
                <a:gd name="T33" fmla="*/ 0 h 123"/>
                <a:gd name="T34" fmla="*/ 17 w 94"/>
                <a:gd name="T35" fmla="*/ 0 h 123"/>
                <a:gd name="T36" fmla="*/ 0 w 94"/>
                <a:gd name="T37" fmla="*/ 30 h 123"/>
                <a:gd name="T38" fmla="*/ 0 w 94"/>
                <a:gd name="T39" fmla="*/ 93 h 123"/>
                <a:gd name="T40" fmla="*/ 18 w 94"/>
                <a:gd name="T41" fmla="*/ 123 h 1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4" h="123">
                  <a:moveTo>
                    <a:pt x="20" y="30"/>
                  </a:moveTo>
                  <a:lnTo>
                    <a:pt x="20" y="30"/>
                  </a:lnTo>
                  <a:cubicBezTo>
                    <a:pt x="20" y="26"/>
                    <a:pt x="20" y="22"/>
                    <a:pt x="21" y="20"/>
                  </a:cubicBezTo>
                  <a:lnTo>
                    <a:pt x="72" y="22"/>
                  </a:lnTo>
                  <a:cubicBezTo>
                    <a:pt x="73" y="24"/>
                    <a:pt x="74" y="27"/>
                    <a:pt x="74" y="31"/>
                  </a:cubicBezTo>
                  <a:lnTo>
                    <a:pt x="74" y="89"/>
                  </a:lnTo>
                  <a:cubicBezTo>
                    <a:pt x="74" y="93"/>
                    <a:pt x="73" y="96"/>
                    <a:pt x="72" y="97"/>
                  </a:cubicBezTo>
                  <a:lnTo>
                    <a:pt x="21" y="103"/>
                  </a:lnTo>
                  <a:cubicBezTo>
                    <a:pt x="20" y="101"/>
                    <a:pt x="20" y="97"/>
                    <a:pt x="20" y="93"/>
                  </a:cubicBezTo>
                  <a:lnTo>
                    <a:pt x="20" y="30"/>
                  </a:lnTo>
                  <a:close/>
                  <a:moveTo>
                    <a:pt x="18" y="123"/>
                  </a:moveTo>
                  <a:lnTo>
                    <a:pt x="18" y="123"/>
                  </a:lnTo>
                  <a:lnTo>
                    <a:pt x="77" y="117"/>
                  </a:lnTo>
                  <a:cubicBezTo>
                    <a:pt x="87" y="116"/>
                    <a:pt x="94" y="105"/>
                    <a:pt x="94" y="89"/>
                  </a:cubicBezTo>
                  <a:lnTo>
                    <a:pt x="94" y="31"/>
                  </a:lnTo>
                  <a:cubicBezTo>
                    <a:pt x="94" y="19"/>
                    <a:pt x="89" y="5"/>
                    <a:pt x="78" y="2"/>
                  </a:cubicBezTo>
                  <a:lnTo>
                    <a:pt x="19" y="0"/>
                  </a:lnTo>
                  <a:lnTo>
                    <a:pt x="17" y="0"/>
                  </a:lnTo>
                  <a:cubicBezTo>
                    <a:pt x="7" y="0"/>
                    <a:pt x="0" y="12"/>
                    <a:pt x="0" y="30"/>
                  </a:cubicBezTo>
                  <a:lnTo>
                    <a:pt x="0" y="93"/>
                  </a:lnTo>
                  <a:cubicBezTo>
                    <a:pt x="0" y="111"/>
                    <a:pt x="7" y="123"/>
                    <a:pt x="18" y="123"/>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20" name="Freeform 30">
              <a:extLst>
                <a:ext uri="{FF2B5EF4-FFF2-40B4-BE49-F238E27FC236}">
                  <a16:creationId xmlns:a16="http://schemas.microsoft.com/office/drawing/2014/main" xmlns="" id="{F24B31E3-2E66-4DA0-9B81-65FD30B3C9EE}"/>
                </a:ext>
              </a:extLst>
            </p:cNvPr>
            <p:cNvSpPr>
              <a:spLocks/>
            </p:cNvSpPr>
            <p:nvPr/>
          </p:nvSpPr>
          <p:spPr bwMode="auto">
            <a:xfrm>
              <a:off x="2662238" y="2511425"/>
              <a:ext cx="36513" cy="15875"/>
            </a:xfrm>
            <a:custGeom>
              <a:avLst/>
              <a:gdLst>
                <a:gd name="T0" fmla="*/ 7 w 87"/>
                <a:gd name="T1" fmla="*/ 37 h 37"/>
                <a:gd name="T2" fmla="*/ 7 w 87"/>
                <a:gd name="T3" fmla="*/ 37 h 37"/>
                <a:gd name="T4" fmla="*/ 7 w 87"/>
                <a:gd name="T5" fmla="*/ 37 h 37"/>
                <a:gd name="T6" fmla="*/ 80 w 87"/>
                <a:gd name="T7" fmla="*/ 30 h 37"/>
                <a:gd name="T8" fmla="*/ 87 w 87"/>
                <a:gd name="T9" fmla="*/ 15 h 37"/>
                <a:gd name="T10" fmla="*/ 79 w 87"/>
                <a:gd name="T11" fmla="*/ 0 h 37"/>
                <a:gd name="T12" fmla="*/ 7 w 87"/>
                <a:gd name="T13" fmla="*/ 7 h 37"/>
                <a:gd name="T14" fmla="*/ 0 w 87"/>
                <a:gd name="T15" fmla="*/ 22 h 37"/>
                <a:gd name="T16" fmla="*/ 7 w 87"/>
                <a:gd name="T17" fmla="*/ 37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7" h="37">
                  <a:moveTo>
                    <a:pt x="7" y="37"/>
                  </a:moveTo>
                  <a:lnTo>
                    <a:pt x="7" y="37"/>
                  </a:lnTo>
                  <a:lnTo>
                    <a:pt x="7" y="37"/>
                  </a:lnTo>
                  <a:lnTo>
                    <a:pt x="80" y="30"/>
                  </a:lnTo>
                  <a:cubicBezTo>
                    <a:pt x="84" y="30"/>
                    <a:pt x="87" y="23"/>
                    <a:pt x="87" y="15"/>
                  </a:cubicBezTo>
                  <a:cubicBezTo>
                    <a:pt x="87" y="6"/>
                    <a:pt x="84" y="0"/>
                    <a:pt x="79" y="0"/>
                  </a:cubicBezTo>
                  <a:lnTo>
                    <a:pt x="7" y="7"/>
                  </a:lnTo>
                  <a:cubicBezTo>
                    <a:pt x="3" y="7"/>
                    <a:pt x="0" y="14"/>
                    <a:pt x="0" y="22"/>
                  </a:cubicBezTo>
                  <a:cubicBezTo>
                    <a:pt x="0" y="31"/>
                    <a:pt x="3" y="37"/>
                    <a:pt x="7" y="37"/>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21" name="Freeform 31">
              <a:extLst>
                <a:ext uri="{FF2B5EF4-FFF2-40B4-BE49-F238E27FC236}">
                  <a16:creationId xmlns:a16="http://schemas.microsoft.com/office/drawing/2014/main" xmlns="" id="{23B83D03-CCAE-4FF5-B272-D430853B2203}"/>
                </a:ext>
              </a:extLst>
            </p:cNvPr>
            <p:cNvSpPr>
              <a:spLocks/>
            </p:cNvSpPr>
            <p:nvPr/>
          </p:nvSpPr>
          <p:spPr bwMode="auto">
            <a:xfrm>
              <a:off x="2662238" y="2535238"/>
              <a:ext cx="36513" cy="19050"/>
            </a:xfrm>
            <a:custGeom>
              <a:avLst/>
              <a:gdLst>
                <a:gd name="T0" fmla="*/ 79 w 87"/>
                <a:gd name="T1" fmla="*/ 0 h 41"/>
                <a:gd name="T2" fmla="*/ 79 w 87"/>
                <a:gd name="T3" fmla="*/ 0 h 41"/>
                <a:gd name="T4" fmla="*/ 7 w 87"/>
                <a:gd name="T5" fmla="*/ 11 h 41"/>
                <a:gd name="T6" fmla="*/ 0 w 87"/>
                <a:gd name="T7" fmla="*/ 26 h 41"/>
                <a:gd name="T8" fmla="*/ 7 w 87"/>
                <a:gd name="T9" fmla="*/ 41 h 41"/>
                <a:gd name="T10" fmla="*/ 8 w 87"/>
                <a:gd name="T11" fmla="*/ 41 h 41"/>
                <a:gd name="T12" fmla="*/ 80 w 87"/>
                <a:gd name="T13" fmla="*/ 30 h 41"/>
                <a:gd name="T14" fmla="*/ 87 w 87"/>
                <a:gd name="T15" fmla="*/ 15 h 41"/>
                <a:gd name="T16" fmla="*/ 79 w 87"/>
                <a:gd name="T17" fmla="*/ 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7" h="41">
                  <a:moveTo>
                    <a:pt x="79" y="0"/>
                  </a:moveTo>
                  <a:lnTo>
                    <a:pt x="79" y="0"/>
                  </a:lnTo>
                  <a:lnTo>
                    <a:pt x="7" y="11"/>
                  </a:lnTo>
                  <a:cubicBezTo>
                    <a:pt x="3" y="11"/>
                    <a:pt x="0" y="18"/>
                    <a:pt x="0" y="26"/>
                  </a:cubicBezTo>
                  <a:cubicBezTo>
                    <a:pt x="0" y="34"/>
                    <a:pt x="3" y="41"/>
                    <a:pt x="7" y="41"/>
                  </a:cubicBezTo>
                  <a:lnTo>
                    <a:pt x="8" y="41"/>
                  </a:lnTo>
                  <a:lnTo>
                    <a:pt x="80" y="30"/>
                  </a:lnTo>
                  <a:cubicBezTo>
                    <a:pt x="84" y="30"/>
                    <a:pt x="87" y="23"/>
                    <a:pt x="87" y="15"/>
                  </a:cubicBezTo>
                  <a:cubicBezTo>
                    <a:pt x="87" y="7"/>
                    <a:pt x="84" y="0"/>
                    <a:pt x="79" y="0"/>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22" name="Freeform 32">
              <a:extLst>
                <a:ext uri="{FF2B5EF4-FFF2-40B4-BE49-F238E27FC236}">
                  <a16:creationId xmlns:a16="http://schemas.microsoft.com/office/drawing/2014/main" xmlns="" id="{93397C97-9353-4606-8F58-7C1FCD20F70F}"/>
                </a:ext>
              </a:extLst>
            </p:cNvPr>
            <p:cNvSpPr>
              <a:spLocks/>
            </p:cNvSpPr>
            <p:nvPr/>
          </p:nvSpPr>
          <p:spPr bwMode="auto">
            <a:xfrm>
              <a:off x="2730500" y="2511425"/>
              <a:ext cx="25400" cy="11113"/>
            </a:xfrm>
            <a:custGeom>
              <a:avLst/>
              <a:gdLst>
                <a:gd name="T0" fmla="*/ 6 w 60"/>
                <a:gd name="T1" fmla="*/ 25 h 25"/>
                <a:gd name="T2" fmla="*/ 6 w 60"/>
                <a:gd name="T3" fmla="*/ 25 h 25"/>
                <a:gd name="T4" fmla="*/ 6 w 60"/>
                <a:gd name="T5" fmla="*/ 25 h 25"/>
                <a:gd name="T6" fmla="*/ 55 w 60"/>
                <a:gd name="T7" fmla="*/ 20 h 25"/>
                <a:gd name="T8" fmla="*/ 60 w 60"/>
                <a:gd name="T9" fmla="*/ 10 h 25"/>
                <a:gd name="T10" fmla="*/ 55 w 60"/>
                <a:gd name="T11" fmla="*/ 0 h 25"/>
                <a:gd name="T12" fmla="*/ 6 w 60"/>
                <a:gd name="T13" fmla="*/ 5 h 25"/>
                <a:gd name="T14" fmla="*/ 0 w 60"/>
                <a:gd name="T15" fmla="*/ 15 h 25"/>
                <a:gd name="T16" fmla="*/ 6 w 60"/>
                <a:gd name="T17"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0" h="25">
                  <a:moveTo>
                    <a:pt x="6" y="25"/>
                  </a:moveTo>
                  <a:lnTo>
                    <a:pt x="6" y="25"/>
                  </a:lnTo>
                  <a:lnTo>
                    <a:pt x="6" y="25"/>
                  </a:lnTo>
                  <a:lnTo>
                    <a:pt x="55" y="20"/>
                  </a:lnTo>
                  <a:cubicBezTo>
                    <a:pt x="58" y="20"/>
                    <a:pt x="60" y="16"/>
                    <a:pt x="60" y="10"/>
                  </a:cubicBezTo>
                  <a:cubicBezTo>
                    <a:pt x="60" y="4"/>
                    <a:pt x="58" y="0"/>
                    <a:pt x="55" y="0"/>
                  </a:cubicBezTo>
                  <a:lnTo>
                    <a:pt x="6" y="5"/>
                  </a:lnTo>
                  <a:cubicBezTo>
                    <a:pt x="3" y="5"/>
                    <a:pt x="0" y="9"/>
                    <a:pt x="0" y="15"/>
                  </a:cubicBezTo>
                  <a:cubicBezTo>
                    <a:pt x="0" y="21"/>
                    <a:pt x="3" y="25"/>
                    <a:pt x="6" y="25"/>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23" name="Freeform 33">
              <a:extLst>
                <a:ext uri="{FF2B5EF4-FFF2-40B4-BE49-F238E27FC236}">
                  <a16:creationId xmlns:a16="http://schemas.microsoft.com/office/drawing/2014/main" xmlns="" id="{34E9B67E-F467-4667-8A4D-44F839431BB6}"/>
                </a:ext>
              </a:extLst>
            </p:cNvPr>
            <p:cNvSpPr>
              <a:spLocks/>
            </p:cNvSpPr>
            <p:nvPr/>
          </p:nvSpPr>
          <p:spPr bwMode="auto">
            <a:xfrm>
              <a:off x="2730500" y="2527300"/>
              <a:ext cx="25400" cy="12700"/>
            </a:xfrm>
            <a:custGeom>
              <a:avLst/>
              <a:gdLst>
                <a:gd name="T0" fmla="*/ 55 w 60"/>
                <a:gd name="T1" fmla="*/ 0 h 28"/>
                <a:gd name="T2" fmla="*/ 55 w 60"/>
                <a:gd name="T3" fmla="*/ 0 h 28"/>
                <a:gd name="T4" fmla="*/ 55 w 60"/>
                <a:gd name="T5" fmla="*/ 0 h 28"/>
                <a:gd name="T6" fmla="*/ 6 w 60"/>
                <a:gd name="T7" fmla="*/ 8 h 28"/>
                <a:gd name="T8" fmla="*/ 0 w 60"/>
                <a:gd name="T9" fmla="*/ 18 h 28"/>
                <a:gd name="T10" fmla="*/ 6 w 60"/>
                <a:gd name="T11" fmla="*/ 28 h 28"/>
                <a:gd name="T12" fmla="*/ 6 w 60"/>
                <a:gd name="T13" fmla="*/ 28 h 28"/>
                <a:gd name="T14" fmla="*/ 55 w 60"/>
                <a:gd name="T15" fmla="*/ 21 h 28"/>
                <a:gd name="T16" fmla="*/ 60 w 60"/>
                <a:gd name="T17" fmla="*/ 11 h 28"/>
                <a:gd name="T18" fmla="*/ 55 w 60"/>
                <a:gd name="T19" fmla="*/ 0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0" h="28">
                  <a:moveTo>
                    <a:pt x="55" y="0"/>
                  </a:moveTo>
                  <a:lnTo>
                    <a:pt x="55" y="0"/>
                  </a:lnTo>
                  <a:lnTo>
                    <a:pt x="55" y="0"/>
                  </a:lnTo>
                  <a:lnTo>
                    <a:pt x="6" y="8"/>
                  </a:lnTo>
                  <a:cubicBezTo>
                    <a:pt x="3" y="8"/>
                    <a:pt x="0" y="12"/>
                    <a:pt x="0" y="18"/>
                  </a:cubicBezTo>
                  <a:cubicBezTo>
                    <a:pt x="0" y="24"/>
                    <a:pt x="3" y="28"/>
                    <a:pt x="6" y="28"/>
                  </a:cubicBezTo>
                  <a:lnTo>
                    <a:pt x="6" y="28"/>
                  </a:lnTo>
                  <a:lnTo>
                    <a:pt x="55" y="21"/>
                  </a:lnTo>
                  <a:cubicBezTo>
                    <a:pt x="58" y="21"/>
                    <a:pt x="60" y="16"/>
                    <a:pt x="60" y="11"/>
                  </a:cubicBezTo>
                  <a:cubicBezTo>
                    <a:pt x="60" y="5"/>
                    <a:pt x="58" y="0"/>
                    <a:pt x="55" y="0"/>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24" name="Freeform 34">
              <a:extLst>
                <a:ext uri="{FF2B5EF4-FFF2-40B4-BE49-F238E27FC236}">
                  <a16:creationId xmlns:a16="http://schemas.microsoft.com/office/drawing/2014/main" xmlns="" id="{D542E7B3-C61E-42BD-BF63-5C6AAD5E845B}"/>
                </a:ext>
              </a:extLst>
            </p:cNvPr>
            <p:cNvSpPr>
              <a:spLocks noEditPoints="1"/>
            </p:cNvSpPr>
            <p:nvPr/>
          </p:nvSpPr>
          <p:spPr bwMode="auto">
            <a:xfrm>
              <a:off x="2730500" y="2232025"/>
              <a:ext cx="28575" cy="36513"/>
            </a:xfrm>
            <a:custGeom>
              <a:avLst/>
              <a:gdLst>
                <a:gd name="T0" fmla="*/ 14 w 63"/>
                <a:gd name="T1" fmla="*/ 21 h 83"/>
                <a:gd name="T2" fmla="*/ 14 w 63"/>
                <a:gd name="T3" fmla="*/ 21 h 83"/>
                <a:gd name="T4" fmla="*/ 15 w 63"/>
                <a:gd name="T5" fmla="*/ 14 h 83"/>
                <a:gd name="T6" fmla="*/ 48 w 63"/>
                <a:gd name="T7" fmla="*/ 24 h 83"/>
                <a:gd name="T8" fmla="*/ 50 w 63"/>
                <a:gd name="T9" fmla="*/ 32 h 83"/>
                <a:gd name="T10" fmla="*/ 50 w 63"/>
                <a:gd name="T11" fmla="*/ 62 h 83"/>
                <a:gd name="T12" fmla="*/ 48 w 63"/>
                <a:gd name="T13" fmla="*/ 69 h 83"/>
                <a:gd name="T14" fmla="*/ 16 w 63"/>
                <a:gd name="T15" fmla="*/ 66 h 83"/>
                <a:gd name="T16" fmla="*/ 14 w 63"/>
                <a:gd name="T17" fmla="*/ 57 h 83"/>
                <a:gd name="T18" fmla="*/ 14 w 63"/>
                <a:gd name="T19" fmla="*/ 21 h 83"/>
                <a:gd name="T20" fmla="*/ 3 w 63"/>
                <a:gd name="T21" fmla="*/ 71 h 83"/>
                <a:gd name="T22" fmla="*/ 3 w 63"/>
                <a:gd name="T23" fmla="*/ 71 h 83"/>
                <a:gd name="T24" fmla="*/ 14 w 63"/>
                <a:gd name="T25" fmla="*/ 79 h 83"/>
                <a:gd name="T26" fmla="*/ 50 w 63"/>
                <a:gd name="T27" fmla="*/ 83 h 83"/>
                <a:gd name="T28" fmla="*/ 50 w 63"/>
                <a:gd name="T29" fmla="*/ 83 h 83"/>
                <a:gd name="T30" fmla="*/ 63 w 63"/>
                <a:gd name="T31" fmla="*/ 62 h 83"/>
                <a:gd name="T32" fmla="*/ 63 w 63"/>
                <a:gd name="T33" fmla="*/ 32 h 83"/>
                <a:gd name="T34" fmla="*/ 52 w 63"/>
                <a:gd name="T35" fmla="*/ 12 h 83"/>
                <a:gd name="T36" fmla="*/ 15 w 63"/>
                <a:gd name="T37" fmla="*/ 0 h 83"/>
                <a:gd name="T38" fmla="*/ 14 w 63"/>
                <a:gd name="T39" fmla="*/ 0 h 83"/>
                <a:gd name="T40" fmla="*/ 0 w 63"/>
                <a:gd name="T41" fmla="*/ 21 h 83"/>
                <a:gd name="T42" fmla="*/ 0 w 63"/>
                <a:gd name="T43" fmla="*/ 57 h 83"/>
                <a:gd name="T44" fmla="*/ 3 w 63"/>
                <a:gd name="T45" fmla="*/ 71 h 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63" h="83">
                  <a:moveTo>
                    <a:pt x="14" y="21"/>
                  </a:moveTo>
                  <a:lnTo>
                    <a:pt x="14" y="21"/>
                  </a:lnTo>
                  <a:cubicBezTo>
                    <a:pt x="14" y="18"/>
                    <a:pt x="14" y="15"/>
                    <a:pt x="15" y="14"/>
                  </a:cubicBezTo>
                  <a:lnTo>
                    <a:pt x="48" y="24"/>
                  </a:lnTo>
                  <a:cubicBezTo>
                    <a:pt x="48" y="25"/>
                    <a:pt x="50" y="28"/>
                    <a:pt x="50" y="32"/>
                  </a:cubicBezTo>
                  <a:lnTo>
                    <a:pt x="50" y="62"/>
                  </a:lnTo>
                  <a:cubicBezTo>
                    <a:pt x="50" y="66"/>
                    <a:pt x="49" y="68"/>
                    <a:pt x="48" y="69"/>
                  </a:cubicBezTo>
                  <a:lnTo>
                    <a:pt x="16" y="66"/>
                  </a:lnTo>
                  <a:cubicBezTo>
                    <a:pt x="15" y="65"/>
                    <a:pt x="14" y="62"/>
                    <a:pt x="14" y="57"/>
                  </a:cubicBezTo>
                  <a:lnTo>
                    <a:pt x="14" y="21"/>
                  </a:lnTo>
                  <a:close/>
                  <a:moveTo>
                    <a:pt x="3" y="71"/>
                  </a:moveTo>
                  <a:lnTo>
                    <a:pt x="3" y="71"/>
                  </a:lnTo>
                  <a:cubicBezTo>
                    <a:pt x="6" y="79"/>
                    <a:pt x="12" y="80"/>
                    <a:pt x="14" y="79"/>
                  </a:cubicBezTo>
                  <a:lnTo>
                    <a:pt x="50" y="83"/>
                  </a:lnTo>
                  <a:lnTo>
                    <a:pt x="50" y="83"/>
                  </a:lnTo>
                  <a:cubicBezTo>
                    <a:pt x="58" y="82"/>
                    <a:pt x="63" y="73"/>
                    <a:pt x="63" y="62"/>
                  </a:cubicBezTo>
                  <a:lnTo>
                    <a:pt x="63" y="32"/>
                  </a:lnTo>
                  <a:cubicBezTo>
                    <a:pt x="63" y="23"/>
                    <a:pt x="59" y="13"/>
                    <a:pt x="52" y="12"/>
                  </a:cubicBezTo>
                  <a:lnTo>
                    <a:pt x="15" y="0"/>
                  </a:lnTo>
                  <a:lnTo>
                    <a:pt x="14" y="0"/>
                  </a:lnTo>
                  <a:cubicBezTo>
                    <a:pt x="6" y="0"/>
                    <a:pt x="0" y="8"/>
                    <a:pt x="0" y="21"/>
                  </a:cubicBezTo>
                  <a:lnTo>
                    <a:pt x="0" y="57"/>
                  </a:lnTo>
                  <a:cubicBezTo>
                    <a:pt x="0" y="62"/>
                    <a:pt x="1" y="67"/>
                    <a:pt x="3" y="71"/>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25" name="Freeform 35">
              <a:extLst>
                <a:ext uri="{FF2B5EF4-FFF2-40B4-BE49-F238E27FC236}">
                  <a16:creationId xmlns:a16="http://schemas.microsoft.com/office/drawing/2014/main" xmlns="" id="{1500C5AE-B4FE-4509-9483-0267B9A6B5EA}"/>
                </a:ext>
              </a:extLst>
            </p:cNvPr>
            <p:cNvSpPr>
              <a:spLocks noEditPoints="1"/>
            </p:cNvSpPr>
            <p:nvPr/>
          </p:nvSpPr>
          <p:spPr bwMode="auto">
            <a:xfrm>
              <a:off x="2732088" y="2328863"/>
              <a:ext cx="25400" cy="36513"/>
            </a:xfrm>
            <a:custGeom>
              <a:avLst/>
              <a:gdLst>
                <a:gd name="T0" fmla="*/ 14 w 59"/>
                <a:gd name="T1" fmla="*/ 20 h 81"/>
                <a:gd name="T2" fmla="*/ 14 w 59"/>
                <a:gd name="T3" fmla="*/ 20 h 81"/>
                <a:gd name="T4" fmla="*/ 15 w 59"/>
                <a:gd name="T5" fmla="*/ 14 h 81"/>
                <a:gd name="T6" fmla="*/ 44 w 59"/>
                <a:gd name="T7" fmla="*/ 21 h 81"/>
                <a:gd name="T8" fmla="*/ 46 w 59"/>
                <a:gd name="T9" fmla="*/ 27 h 81"/>
                <a:gd name="T10" fmla="*/ 46 w 59"/>
                <a:gd name="T11" fmla="*/ 62 h 81"/>
                <a:gd name="T12" fmla="*/ 45 w 59"/>
                <a:gd name="T13" fmla="*/ 67 h 81"/>
                <a:gd name="T14" fmla="*/ 15 w 59"/>
                <a:gd name="T15" fmla="*/ 68 h 81"/>
                <a:gd name="T16" fmla="*/ 14 w 59"/>
                <a:gd name="T17" fmla="*/ 61 h 81"/>
                <a:gd name="T18" fmla="*/ 14 w 59"/>
                <a:gd name="T19" fmla="*/ 20 h 81"/>
                <a:gd name="T20" fmla="*/ 13 w 59"/>
                <a:gd name="T21" fmla="*/ 81 h 81"/>
                <a:gd name="T22" fmla="*/ 13 w 59"/>
                <a:gd name="T23" fmla="*/ 81 h 81"/>
                <a:gd name="T24" fmla="*/ 47 w 59"/>
                <a:gd name="T25" fmla="*/ 81 h 81"/>
                <a:gd name="T26" fmla="*/ 59 w 59"/>
                <a:gd name="T27" fmla="*/ 62 h 81"/>
                <a:gd name="T28" fmla="*/ 59 w 59"/>
                <a:gd name="T29" fmla="*/ 27 h 81"/>
                <a:gd name="T30" fmla="*/ 48 w 59"/>
                <a:gd name="T31" fmla="*/ 8 h 81"/>
                <a:gd name="T32" fmla="*/ 15 w 59"/>
                <a:gd name="T33" fmla="*/ 0 h 81"/>
                <a:gd name="T34" fmla="*/ 13 w 59"/>
                <a:gd name="T35" fmla="*/ 0 h 81"/>
                <a:gd name="T36" fmla="*/ 0 w 59"/>
                <a:gd name="T37" fmla="*/ 20 h 81"/>
                <a:gd name="T38" fmla="*/ 0 w 59"/>
                <a:gd name="T39" fmla="*/ 61 h 81"/>
                <a:gd name="T40" fmla="*/ 13 w 59"/>
                <a:gd name="T41" fmla="*/ 81 h 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9" h="81">
                  <a:moveTo>
                    <a:pt x="14" y="20"/>
                  </a:moveTo>
                  <a:lnTo>
                    <a:pt x="14" y="20"/>
                  </a:lnTo>
                  <a:cubicBezTo>
                    <a:pt x="14" y="17"/>
                    <a:pt x="14" y="15"/>
                    <a:pt x="15" y="14"/>
                  </a:cubicBezTo>
                  <a:lnTo>
                    <a:pt x="44" y="21"/>
                  </a:lnTo>
                  <a:cubicBezTo>
                    <a:pt x="45" y="21"/>
                    <a:pt x="46" y="24"/>
                    <a:pt x="46" y="27"/>
                  </a:cubicBezTo>
                  <a:lnTo>
                    <a:pt x="46" y="62"/>
                  </a:lnTo>
                  <a:cubicBezTo>
                    <a:pt x="46" y="65"/>
                    <a:pt x="45" y="67"/>
                    <a:pt x="45" y="67"/>
                  </a:cubicBezTo>
                  <a:lnTo>
                    <a:pt x="15" y="68"/>
                  </a:lnTo>
                  <a:cubicBezTo>
                    <a:pt x="14" y="67"/>
                    <a:pt x="14" y="64"/>
                    <a:pt x="14" y="61"/>
                  </a:cubicBezTo>
                  <a:lnTo>
                    <a:pt x="14" y="20"/>
                  </a:lnTo>
                  <a:close/>
                  <a:moveTo>
                    <a:pt x="13" y="81"/>
                  </a:moveTo>
                  <a:lnTo>
                    <a:pt x="13" y="81"/>
                  </a:lnTo>
                  <a:lnTo>
                    <a:pt x="47" y="81"/>
                  </a:lnTo>
                  <a:cubicBezTo>
                    <a:pt x="54" y="80"/>
                    <a:pt x="59" y="72"/>
                    <a:pt x="59" y="62"/>
                  </a:cubicBezTo>
                  <a:lnTo>
                    <a:pt x="59" y="27"/>
                  </a:lnTo>
                  <a:cubicBezTo>
                    <a:pt x="59" y="17"/>
                    <a:pt x="54" y="9"/>
                    <a:pt x="48" y="8"/>
                  </a:cubicBezTo>
                  <a:lnTo>
                    <a:pt x="15" y="0"/>
                  </a:lnTo>
                  <a:lnTo>
                    <a:pt x="13" y="0"/>
                  </a:lnTo>
                  <a:cubicBezTo>
                    <a:pt x="6" y="0"/>
                    <a:pt x="0" y="8"/>
                    <a:pt x="0" y="20"/>
                  </a:cubicBezTo>
                  <a:lnTo>
                    <a:pt x="0" y="61"/>
                  </a:lnTo>
                  <a:cubicBezTo>
                    <a:pt x="0" y="73"/>
                    <a:pt x="6" y="81"/>
                    <a:pt x="13" y="81"/>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26" name="Freeform 36">
              <a:extLst>
                <a:ext uri="{FF2B5EF4-FFF2-40B4-BE49-F238E27FC236}">
                  <a16:creationId xmlns:a16="http://schemas.microsoft.com/office/drawing/2014/main" xmlns="" id="{D179DD5B-C313-455F-BE76-7F2F9852D4A0}"/>
                </a:ext>
              </a:extLst>
            </p:cNvPr>
            <p:cNvSpPr>
              <a:spLocks noEditPoints="1"/>
            </p:cNvSpPr>
            <p:nvPr/>
          </p:nvSpPr>
          <p:spPr bwMode="auto">
            <a:xfrm>
              <a:off x="2730500" y="2419350"/>
              <a:ext cx="26988" cy="34925"/>
            </a:xfrm>
            <a:custGeom>
              <a:avLst/>
              <a:gdLst>
                <a:gd name="T0" fmla="*/ 13 w 61"/>
                <a:gd name="T1" fmla="*/ 19 h 80"/>
                <a:gd name="T2" fmla="*/ 13 w 61"/>
                <a:gd name="T3" fmla="*/ 19 h 80"/>
                <a:gd name="T4" fmla="*/ 14 w 61"/>
                <a:gd name="T5" fmla="*/ 13 h 80"/>
                <a:gd name="T6" fmla="*/ 47 w 61"/>
                <a:gd name="T7" fmla="*/ 14 h 80"/>
                <a:gd name="T8" fmla="*/ 48 w 61"/>
                <a:gd name="T9" fmla="*/ 20 h 80"/>
                <a:gd name="T10" fmla="*/ 48 w 61"/>
                <a:gd name="T11" fmla="*/ 58 h 80"/>
                <a:gd name="T12" fmla="*/ 47 w 61"/>
                <a:gd name="T13" fmla="*/ 63 h 80"/>
                <a:gd name="T14" fmla="*/ 14 w 61"/>
                <a:gd name="T15" fmla="*/ 66 h 80"/>
                <a:gd name="T16" fmla="*/ 13 w 61"/>
                <a:gd name="T17" fmla="*/ 60 h 80"/>
                <a:gd name="T18" fmla="*/ 13 w 61"/>
                <a:gd name="T19" fmla="*/ 19 h 80"/>
                <a:gd name="T20" fmla="*/ 12 w 61"/>
                <a:gd name="T21" fmla="*/ 80 h 80"/>
                <a:gd name="T22" fmla="*/ 12 w 61"/>
                <a:gd name="T23" fmla="*/ 80 h 80"/>
                <a:gd name="T24" fmla="*/ 50 w 61"/>
                <a:gd name="T25" fmla="*/ 76 h 80"/>
                <a:gd name="T26" fmla="*/ 61 w 61"/>
                <a:gd name="T27" fmla="*/ 58 h 80"/>
                <a:gd name="T28" fmla="*/ 61 w 61"/>
                <a:gd name="T29" fmla="*/ 20 h 80"/>
                <a:gd name="T30" fmla="*/ 49 w 61"/>
                <a:gd name="T31" fmla="*/ 1 h 80"/>
                <a:gd name="T32" fmla="*/ 13 w 61"/>
                <a:gd name="T33" fmla="*/ 0 h 80"/>
                <a:gd name="T34" fmla="*/ 11 w 61"/>
                <a:gd name="T35" fmla="*/ 0 h 80"/>
                <a:gd name="T36" fmla="*/ 0 w 61"/>
                <a:gd name="T37" fmla="*/ 19 h 80"/>
                <a:gd name="T38" fmla="*/ 0 w 61"/>
                <a:gd name="T39" fmla="*/ 60 h 80"/>
                <a:gd name="T40" fmla="*/ 12 w 61"/>
                <a:gd name="T41" fmla="*/ 80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61" h="80">
                  <a:moveTo>
                    <a:pt x="13" y="19"/>
                  </a:moveTo>
                  <a:lnTo>
                    <a:pt x="13" y="19"/>
                  </a:lnTo>
                  <a:cubicBezTo>
                    <a:pt x="13" y="17"/>
                    <a:pt x="13" y="15"/>
                    <a:pt x="14" y="13"/>
                  </a:cubicBezTo>
                  <a:lnTo>
                    <a:pt x="47" y="14"/>
                  </a:lnTo>
                  <a:cubicBezTo>
                    <a:pt x="47" y="15"/>
                    <a:pt x="48" y="17"/>
                    <a:pt x="48" y="20"/>
                  </a:cubicBezTo>
                  <a:lnTo>
                    <a:pt x="48" y="58"/>
                  </a:lnTo>
                  <a:cubicBezTo>
                    <a:pt x="48" y="60"/>
                    <a:pt x="47" y="62"/>
                    <a:pt x="47" y="63"/>
                  </a:cubicBezTo>
                  <a:lnTo>
                    <a:pt x="14" y="66"/>
                  </a:lnTo>
                  <a:cubicBezTo>
                    <a:pt x="14" y="65"/>
                    <a:pt x="13" y="63"/>
                    <a:pt x="13" y="60"/>
                  </a:cubicBezTo>
                  <a:lnTo>
                    <a:pt x="13" y="19"/>
                  </a:lnTo>
                  <a:close/>
                  <a:moveTo>
                    <a:pt x="12" y="80"/>
                  </a:moveTo>
                  <a:lnTo>
                    <a:pt x="12" y="80"/>
                  </a:lnTo>
                  <a:lnTo>
                    <a:pt x="50" y="76"/>
                  </a:lnTo>
                  <a:cubicBezTo>
                    <a:pt x="56" y="75"/>
                    <a:pt x="61" y="68"/>
                    <a:pt x="61" y="58"/>
                  </a:cubicBezTo>
                  <a:lnTo>
                    <a:pt x="61" y="20"/>
                  </a:lnTo>
                  <a:cubicBezTo>
                    <a:pt x="61" y="12"/>
                    <a:pt x="58" y="3"/>
                    <a:pt x="49" y="1"/>
                  </a:cubicBezTo>
                  <a:lnTo>
                    <a:pt x="13" y="0"/>
                  </a:lnTo>
                  <a:lnTo>
                    <a:pt x="11" y="0"/>
                  </a:lnTo>
                  <a:cubicBezTo>
                    <a:pt x="4" y="0"/>
                    <a:pt x="0" y="8"/>
                    <a:pt x="0" y="19"/>
                  </a:cubicBezTo>
                  <a:lnTo>
                    <a:pt x="0" y="60"/>
                  </a:lnTo>
                  <a:cubicBezTo>
                    <a:pt x="0" y="72"/>
                    <a:pt x="4" y="80"/>
                    <a:pt x="12" y="80"/>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grpSp>
      <p:sp>
        <p:nvSpPr>
          <p:cNvPr id="27" name="矩形 26">
            <a:extLst>
              <a:ext uri="{FF2B5EF4-FFF2-40B4-BE49-F238E27FC236}">
                <a16:creationId xmlns:a16="http://schemas.microsoft.com/office/drawing/2014/main" xmlns="" id="{C2C98435-845A-413C-A641-A85C1646D487}"/>
              </a:ext>
            </a:extLst>
          </p:cNvPr>
          <p:cNvSpPr/>
          <p:nvPr/>
        </p:nvSpPr>
        <p:spPr>
          <a:xfrm>
            <a:off x="7300718" y="1986342"/>
            <a:ext cx="1237533" cy="338554"/>
          </a:xfrm>
          <a:prstGeom prst="rect">
            <a:avLst/>
          </a:prstGeom>
          <a:noFill/>
        </p:spPr>
        <p:txBody>
          <a:bodyPr wrap="square" anchor="ctr">
            <a:spAutoFit/>
          </a:bodyPr>
          <a:lstStyle/>
          <a:p>
            <a:pPr lvl="0" algn="r" defTabSz="914400">
              <a:defRPr/>
            </a:pPr>
            <a:r>
              <a:rPr lang="zh-CN" altLang="en-US" sz="1600" b="1" dirty="0">
                <a:cs typeface="+mn-ea"/>
                <a:sym typeface="Huawei Sans" panose="020C0503030203020204" pitchFamily="34" charset="0"/>
              </a:rPr>
              <a:t>数据中心</a:t>
            </a:r>
            <a:endParaRPr lang="en-US" altLang="zh-CN" sz="1600" b="1" dirty="0">
              <a:cs typeface="+mn-ea"/>
              <a:sym typeface="Huawei Sans" panose="020C0503030203020204" pitchFamily="34" charset="0"/>
            </a:endParaRPr>
          </a:p>
        </p:txBody>
      </p:sp>
      <p:sp>
        <p:nvSpPr>
          <p:cNvPr id="29" name="矩形 28">
            <a:extLst>
              <a:ext uri="{FF2B5EF4-FFF2-40B4-BE49-F238E27FC236}">
                <a16:creationId xmlns:a16="http://schemas.microsoft.com/office/drawing/2014/main" xmlns="" id="{7D252FE8-9816-43A9-82ED-C4BB565FCA2C}"/>
              </a:ext>
            </a:extLst>
          </p:cNvPr>
          <p:cNvSpPr/>
          <p:nvPr/>
        </p:nvSpPr>
        <p:spPr>
          <a:xfrm>
            <a:off x="8544685" y="1970953"/>
            <a:ext cx="2479020" cy="338554"/>
          </a:xfrm>
          <a:prstGeom prst="rect">
            <a:avLst/>
          </a:prstGeom>
        </p:spPr>
        <p:txBody>
          <a:bodyPr wrap="square">
            <a:spAutoFit/>
          </a:bodyPr>
          <a:lstStyle/>
          <a:p>
            <a:pPr lvl="0" algn="ctr" defTabSz="914400">
              <a:defRPr/>
            </a:pPr>
            <a:r>
              <a:rPr lang="en-US" altLang="zh-CN" sz="1600" b="1" dirty="0" err="1">
                <a:cs typeface="+mn-ea"/>
                <a:sym typeface="Huawei Sans" panose="020C0503030203020204" pitchFamily="34" charset="0"/>
              </a:rPr>
              <a:t>iMaster</a:t>
            </a:r>
            <a:r>
              <a:rPr lang="en-US" altLang="zh-CN" sz="1600" b="1" dirty="0">
                <a:cs typeface="+mn-ea"/>
                <a:sym typeface="Huawei Sans" panose="020C0503030203020204" pitchFamily="34" charset="0"/>
              </a:rPr>
              <a:t> NCE-Fabric </a:t>
            </a:r>
            <a:r>
              <a:rPr lang="zh-CN" altLang="en-US" sz="1600" b="1" dirty="0">
                <a:solidFill>
                  <a:srgbClr val="EC7061"/>
                </a:solidFill>
                <a:cs typeface="+mn-ea"/>
                <a:sym typeface="Huawei Sans" panose="020C0503030203020204" pitchFamily="34" charset="0"/>
              </a:rPr>
              <a:t>*</a:t>
            </a:r>
            <a:endParaRPr lang="en-US" altLang="zh-CN" sz="1600" b="1" dirty="0">
              <a:solidFill>
                <a:srgbClr val="EC7061"/>
              </a:solidFill>
              <a:cs typeface="+mn-ea"/>
              <a:sym typeface="Huawei Sans" panose="020C0503030203020204" pitchFamily="34" charset="0"/>
            </a:endParaRPr>
          </a:p>
        </p:txBody>
      </p:sp>
      <p:sp>
        <p:nvSpPr>
          <p:cNvPr id="30" name="矩形 29">
            <a:extLst>
              <a:ext uri="{FF2B5EF4-FFF2-40B4-BE49-F238E27FC236}">
                <a16:creationId xmlns:a16="http://schemas.microsoft.com/office/drawing/2014/main" xmlns="" id="{B5A9069C-FCF3-42D0-B05C-0FD94D78944D}"/>
              </a:ext>
            </a:extLst>
          </p:cNvPr>
          <p:cNvSpPr/>
          <p:nvPr/>
        </p:nvSpPr>
        <p:spPr>
          <a:xfrm>
            <a:off x="7122083" y="2717605"/>
            <a:ext cx="1237533" cy="338554"/>
          </a:xfrm>
          <a:prstGeom prst="rect">
            <a:avLst/>
          </a:prstGeom>
          <a:noFill/>
        </p:spPr>
        <p:txBody>
          <a:bodyPr wrap="square" anchor="ctr">
            <a:spAutoFit/>
          </a:bodyPr>
          <a:lstStyle/>
          <a:p>
            <a:pPr lvl="0" algn="r" defTabSz="914400">
              <a:defRPr/>
            </a:pPr>
            <a:r>
              <a:rPr lang="zh-CN" altLang="en-US" sz="1600" b="1" dirty="0">
                <a:cs typeface="+mn-ea"/>
                <a:sym typeface="Huawei Sans" panose="020C0503030203020204" pitchFamily="34" charset="0"/>
              </a:rPr>
              <a:t>企业园区</a:t>
            </a:r>
            <a:endParaRPr lang="en-US" altLang="zh-CN" sz="1600" b="1" dirty="0">
              <a:cs typeface="+mn-ea"/>
              <a:sym typeface="Huawei Sans" panose="020C0503030203020204" pitchFamily="34" charset="0"/>
            </a:endParaRPr>
          </a:p>
        </p:txBody>
      </p:sp>
      <p:sp>
        <p:nvSpPr>
          <p:cNvPr id="32" name="矩形 31">
            <a:extLst>
              <a:ext uri="{FF2B5EF4-FFF2-40B4-BE49-F238E27FC236}">
                <a16:creationId xmlns:a16="http://schemas.microsoft.com/office/drawing/2014/main" xmlns="" id="{A6D0E7CB-4A70-4593-A949-E56BAF33E7AD}"/>
              </a:ext>
            </a:extLst>
          </p:cNvPr>
          <p:cNvSpPr/>
          <p:nvPr/>
        </p:nvSpPr>
        <p:spPr>
          <a:xfrm>
            <a:off x="8318296" y="2699573"/>
            <a:ext cx="2827186" cy="338554"/>
          </a:xfrm>
          <a:prstGeom prst="rect">
            <a:avLst/>
          </a:prstGeom>
        </p:spPr>
        <p:txBody>
          <a:bodyPr wrap="square">
            <a:spAutoFit/>
          </a:bodyPr>
          <a:lstStyle/>
          <a:p>
            <a:pPr lvl="0" algn="ctr" defTabSz="914400">
              <a:defRPr/>
            </a:pPr>
            <a:r>
              <a:rPr lang="en-US" altLang="zh-CN" sz="1600" b="1" dirty="0" err="1">
                <a:cs typeface="+mn-ea"/>
                <a:sym typeface="Huawei Sans" panose="020C0503030203020204" pitchFamily="34" charset="0"/>
              </a:rPr>
              <a:t>iMaster</a:t>
            </a:r>
            <a:r>
              <a:rPr lang="en-US" altLang="zh-CN" sz="1600" b="1" dirty="0">
                <a:cs typeface="+mn-ea"/>
                <a:sym typeface="Huawei Sans" panose="020C0503030203020204" pitchFamily="34" charset="0"/>
              </a:rPr>
              <a:t> NCE-Campus</a:t>
            </a:r>
            <a:r>
              <a:rPr lang="zh-CN" altLang="en-US" sz="1600" b="1" dirty="0">
                <a:cs typeface="+mn-ea"/>
                <a:sym typeface="Huawei Sans" panose="020C0503030203020204" pitchFamily="34" charset="0"/>
              </a:rPr>
              <a:t> </a:t>
            </a:r>
            <a:r>
              <a:rPr lang="zh-CN" altLang="en-US" sz="1600" b="1" dirty="0">
                <a:solidFill>
                  <a:srgbClr val="EC7061"/>
                </a:solidFill>
                <a:cs typeface="+mn-ea"/>
                <a:sym typeface="Huawei Sans" panose="020C0503030203020204" pitchFamily="34" charset="0"/>
              </a:rPr>
              <a:t>*</a:t>
            </a:r>
            <a:endParaRPr lang="en-US" altLang="zh-CN" sz="1600" b="1" dirty="0">
              <a:solidFill>
                <a:srgbClr val="EC7061"/>
              </a:solidFill>
              <a:cs typeface="+mn-ea"/>
              <a:sym typeface="Huawei Sans" panose="020C0503030203020204" pitchFamily="34" charset="0"/>
            </a:endParaRPr>
          </a:p>
        </p:txBody>
      </p:sp>
      <p:grpSp>
        <p:nvGrpSpPr>
          <p:cNvPr id="42" name="组合 7193">
            <a:extLst>
              <a:ext uri="{FF2B5EF4-FFF2-40B4-BE49-F238E27FC236}">
                <a16:creationId xmlns:a16="http://schemas.microsoft.com/office/drawing/2014/main" xmlns="" id="{287913B9-C3E3-4A70-B21F-4443F9D02DB3}"/>
              </a:ext>
            </a:extLst>
          </p:cNvPr>
          <p:cNvGrpSpPr/>
          <p:nvPr/>
        </p:nvGrpSpPr>
        <p:grpSpPr>
          <a:xfrm>
            <a:off x="6624850" y="2691134"/>
            <a:ext cx="518681" cy="347561"/>
            <a:chOff x="6848475" y="2165350"/>
            <a:chExt cx="688975" cy="498475"/>
          </a:xfrm>
          <a:solidFill>
            <a:srgbClr val="00B0F0"/>
          </a:solidFill>
        </p:grpSpPr>
        <p:sp>
          <p:nvSpPr>
            <p:cNvPr id="43" name="Freeform 40">
              <a:extLst>
                <a:ext uri="{FF2B5EF4-FFF2-40B4-BE49-F238E27FC236}">
                  <a16:creationId xmlns:a16="http://schemas.microsoft.com/office/drawing/2014/main" xmlns="" id="{CAD44B77-E026-438B-9967-26D985A246B9}"/>
                </a:ext>
              </a:extLst>
            </p:cNvPr>
            <p:cNvSpPr>
              <a:spLocks/>
            </p:cNvSpPr>
            <p:nvPr/>
          </p:nvSpPr>
          <p:spPr bwMode="auto">
            <a:xfrm>
              <a:off x="6848475" y="2165350"/>
              <a:ext cx="688975" cy="498475"/>
            </a:xfrm>
            <a:custGeom>
              <a:avLst/>
              <a:gdLst>
                <a:gd name="T0" fmla="*/ 33 w 1582"/>
                <a:gd name="T1" fmla="*/ 1108 h 1145"/>
                <a:gd name="T2" fmla="*/ 33 w 1582"/>
                <a:gd name="T3" fmla="*/ 1108 h 1145"/>
                <a:gd name="T4" fmla="*/ 838 w 1582"/>
                <a:gd name="T5" fmla="*/ 1108 h 1145"/>
                <a:gd name="T6" fmla="*/ 898 w 1582"/>
                <a:gd name="T7" fmla="*/ 1145 h 1145"/>
                <a:gd name="T8" fmla="*/ 968 w 1582"/>
                <a:gd name="T9" fmla="*/ 1075 h 1145"/>
                <a:gd name="T10" fmla="*/ 898 w 1582"/>
                <a:gd name="T11" fmla="*/ 1006 h 1145"/>
                <a:gd name="T12" fmla="*/ 838 w 1582"/>
                <a:gd name="T13" fmla="*/ 1042 h 1145"/>
                <a:gd name="T14" fmla="*/ 80 w 1582"/>
                <a:gd name="T15" fmla="*/ 1042 h 1145"/>
                <a:gd name="T16" fmla="*/ 128 w 1582"/>
                <a:gd name="T17" fmla="*/ 908 h 1145"/>
                <a:gd name="T18" fmla="*/ 194 w 1582"/>
                <a:gd name="T19" fmla="*/ 908 h 1145"/>
                <a:gd name="T20" fmla="*/ 194 w 1582"/>
                <a:gd name="T21" fmla="*/ 260 h 1145"/>
                <a:gd name="T22" fmla="*/ 319 w 1582"/>
                <a:gd name="T23" fmla="*/ 260 h 1145"/>
                <a:gd name="T24" fmla="*/ 319 w 1582"/>
                <a:gd name="T25" fmla="*/ 176 h 1145"/>
                <a:gd name="T26" fmla="*/ 440 w 1582"/>
                <a:gd name="T27" fmla="*/ 132 h 1145"/>
                <a:gd name="T28" fmla="*/ 440 w 1582"/>
                <a:gd name="T29" fmla="*/ 260 h 1145"/>
                <a:gd name="T30" fmla="*/ 514 w 1582"/>
                <a:gd name="T31" fmla="*/ 260 h 1145"/>
                <a:gd name="T32" fmla="*/ 514 w 1582"/>
                <a:gd name="T33" fmla="*/ 914 h 1145"/>
                <a:gd name="T34" fmla="*/ 709 w 1582"/>
                <a:gd name="T35" fmla="*/ 914 h 1145"/>
                <a:gd name="T36" fmla="*/ 709 w 1582"/>
                <a:gd name="T37" fmla="*/ 541 h 1145"/>
                <a:gd name="T38" fmla="*/ 875 w 1582"/>
                <a:gd name="T39" fmla="*/ 488 h 1145"/>
                <a:gd name="T40" fmla="*/ 875 w 1582"/>
                <a:gd name="T41" fmla="*/ 550 h 1145"/>
                <a:gd name="T42" fmla="*/ 931 w 1582"/>
                <a:gd name="T43" fmla="*/ 550 h 1145"/>
                <a:gd name="T44" fmla="*/ 931 w 1582"/>
                <a:gd name="T45" fmla="*/ 908 h 1145"/>
                <a:gd name="T46" fmla="*/ 1128 w 1582"/>
                <a:gd name="T47" fmla="*/ 908 h 1145"/>
                <a:gd name="T48" fmla="*/ 1128 w 1582"/>
                <a:gd name="T49" fmla="*/ 67 h 1145"/>
                <a:gd name="T50" fmla="*/ 1345 w 1582"/>
                <a:gd name="T51" fmla="*/ 67 h 1145"/>
                <a:gd name="T52" fmla="*/ 1345 w 1582"/>
                <a:gd name="T53" fmla="*/ 908 h 1145"/>
                <a:gd name="T54" fmla="*/ 1437 w 1582"/>
                <a:gd name="T55" fmla="*/ 908 h 1145"/>
                <a:gd name="T56" fmla="*/ 1502 w 1582"/>
                <a:gd name="T57" fmla="*/ 1034 h 1145"/>
                <a:gd name="T58" fmla="*/ 1229 w 1582"/>
                <a:gd name="T59" fmla="*/ 1034 h 1145"/>
                <a:gd name="T60" fmla="*/ 1174 w 1582"/>
                <a:gd name="T61" fmla="*/ 1006 h 1145"/>
                <a:gd name="T62" fmla="*/ 1105 w 1582"/>
                <a:gd name="T63" fmla="*/ 1075 h 1145"/>
                <a:gd name="T64" fmla="*/ 1174 w 1582"/>
                <a:gd name="T65" fmla="*/ 1145 h 1145"/>
                <a:gd name="T66" fmla="*/ 1239 w 1582"/>
                <a:gd name="T67" fmla="*/ 1100 h 1145"/>
                <a:gd name="T68" fmla="*/ 1582 w 1582"/>
                <a:gd name="T69" fmla="*/ 1100 h 1145"/>
                <a:gd name="T70" fmla="*/ 1582 w 1582"/>
                <a:gd name="T71" fmla="*/ 1042 h 1145"/>
                <a:gd name="T72" fmla="*/ 1478 w 1582"/>
                <a:gd name="T73" fmla="*/ 842 h 1145"/>
                <a:gd name="T74" fmla="*/ 1412 w 1582"/>
                <a:gd name="T75" fmla="*/ 842 h 1145"/>
                <a:gd name="T76" fmla="*/ 1412 w 1582"/>
                <a:gd name="T77" fmla="*/ 0 h 1145"/>
                <a:gd name="T78" fmla="*/ 1061 w 1582"/>
                <a:gd name="T79" fmla="*/ 0 h 1145"/>
                <a:gd name="T80" fmla="*/ 1061 w 1582"/>
                <a:gd name="T81" fmla="*/ 842 h 1145"/>
                <a:gd name="T82" fmla="*/ 997 w 1582"/>
                <a:gd name="T83" fmla="*/ 842 h 1145"/>
                <a:gd name="T84" fmla="*/ 997 w 1582"/>
                <a:gd name="T85" fmla="*/ 483 h 1145"/>
                <a:gd name="T86" fmla="*/ 941 w 1582"/>
                <a:gd name="T87" fmla="*/ 483 h 1145"/>
                <a:gd name="T88" fmla="*/ 941 w 1582"/>
                <a:gd name="T89" fmla="*/ 397 h 1145"/>
                <a:gd name="T90" fmla="*/ 643 w 1582"/>
                <a:gd name="T91" fmla="*/ 492 h 1145"/>
                <a:gd name="T92" fmla="*/ 643 w 1582"/>
                <a:gd name="T93" fmla="*/ 847 h 1145"/>
                <a:gd name="T94" fmla="*/ 581 w 1582"/>
                <a:gd name="T95" fmla="*/ 847 h 1145"/>
                <a:gd name="T96" fmla="*/ 581 w 1582"/>
                <a:gd name="T97" fmla="*/ 193 h 1145"/>
                <a:gd name="T98" fmla="*/ 506 w 1582"/>
                <a:gd name="T99" fmla="*/ 193 h 1145"/>
                <a:gd name="T100" fmla="*/ 506 w 1582"/>
                <a:gd name="T101" fmla="*/ 37 h 1145"/>
                <a:gd name="T102" fmla="*/ 253 w 1582"/>
                <a:gd name="T103" fmla="*/ 129 h 1145"/>
                <a:gd name="T104" fmla="*/ 253 w 1582"/>
                <a:gd name="T105" fmla="*/ 193 h 1145"/>
                <a:gd name="T106" fmla="*/ 128 w 1582"/>
                <a:gd name="T107" fmla="*/ 193 h 1145"/>
                <a:gd name="T108" fmla="*/ 128 w 1582"/>
                <a:gd name="T109" fmla="*/ 842 h 1145"/>
                <a:gd name="T110" fmla="*/ 81 w 1582"/>
                <a:gd name="T111" fmla="*/ 842 h 1145"/>
                <a:gd name="T112" fmla="*/ 10 w 1582"/>
                <a:gd name="T113" fmla="*/ 1039 h 1145"/>
                <a:gd name="T114" fmla="*/ 8 w 1582"/>
                <a:gd name="T115" fmla="*/ 1053 h 1145"/>
                <a:gd name="T116" fmla="*/ 0 w 1582"/>
                <a:gd name="T117" fmla="*/ 1075 h 1145"/>
                <a:gd name="T118" fmla="*/ 33 w 1582"/>
                <a:gd name="T119" fmla="*/ 1108 h 11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582" h="1145">
                  <a:moveTo>
                    <a:pt x="33" y="1108"/>
                  </a:moveTo>
                  <a:lnTo>
                    <a:pt x="33" y="1108"/>
                  </a:lnTo>
                  <a:lnTo>
                    <a:pt x="838" y="1108"/>
                  </a:lnTo>
                  <a:cubicBezTo>
                    <a:pt x="849" y="1130"/>
                    <a:pt x="872" y="1145"/>
                    <a:pt x="898" y="1145"/>
                  </a:cubicBezTo>
                  <a:cubicBezTo>
                    <a:pt x="936" y="1145"/>
                    <a:pt x="968" y="1113"/>
                    <a:pt x="968" y="1075"/>
                  </a:cubicBezTo>
                  <a:cubicBezTo>
                    <a:pt x="968" y="1037"/>
                    <a:pt x="936" y="1006"/>
                    <a:pt x="898" y="1006"/>
                  </a:cubicBezTo>
                  <a:cubicBezTo>
                    <a:pt x="872" y="1006"/>
                    <a:pt x="849" y="1020"/>
                    <a:pt x="838" y="1042"/>
                  </a:cubicBezTo>
                  <a:lnTo>
                    <a:pt x="80" y="1042"/>
                  </a:lnTo>
                  <a:lnTo>
                    <a:pt x="128" y="908"/>
                  </a:lnTo>
                  <a:lnTo>
                    <a:pt x="194" y="908"/>
                  </a:lnTo>
                  <a:lnTo>
                    <a:pt x="194" y="260"/>
                  </a:lnTo>
                  <a:lnTo>
                    <a:pt x="319" y="260"/>
                  </a:lnTo>
                  <a:lnTo>
                    <a:pt x="319" y="176"/>
                  </a:lnTo>
                  <a:lnTo>
                    <a:pt x="440" y="132"/>
                  </a:lnTo>
                  <a:lnTo>
                    <a:pt x="440" y="260"/>
                  </a:lnTo>
                  <a:lnTo>
                    <a:pt x="514" y="260"/>
                  </a:lnTo>
                  <a:lnTo>
                    <a:pt x="514" y="914"/>
                  </a:lnTo>
                  <a:lnTo>
                    <a:pt x="709" y="914"/>
                  </a:lnTo>
                  <a:lnTo>
                    <a:pt x="709" y="541"/>
                  </a:lnTo>
                  <a:lnTo>
                    <a:pt x="875" y="488"/>
                  </a:lnTo>
                  <a:lnTo>
                    <a:pt x="875" y="550"/>
                  </a:lnTo>
                  <a:lnTo>
                    <a:pt x="931" y="550"/>
                  </a:lnTo>
                  <a:lnTo>
                    <a:pt x="931" y="908"/>
                  </a:lnTo>
                  <a:lnTo>
                    <a:pt x="1128" y="908"/>
                  </a:lnTo>
                  <a:lnTo>
                    <a:pt x="1128" y="67"/>
                  </a:lnTo>
                  <a:lnTo>
                    <a:pt x="1345" y="67"/>
                  </a:lnTo>
                  <a:lnTo>
                    <a:pt x="1345" y="908"/>
                  </a:lnTo>
                  <a:lnTo>
                    <a:pt x="1437" y="908"/>
                  </a:lnTo>
                  <a:lnTo>
                    <a:pt x="1502" y="1034"/>
                  </a:lnTo>
                  <a:lnTo>
                    <a:pt x="1229" y="1034"/>
                  </a:lnTo>
                  <a:cubicBezTo>
                    <a:pt x="1217" y="1017"/>
                    <a:pt x="1197" y="1006"/>
                    <a:pt x="1174" y="1006"/>
                  </a:cubicBezTo>
                  <a:cubicBezTo>
                    <a:pt x="1136" y="1006"/>
                    <a:pt x="1105" y="1037"/>
                    <a:pt x="1105" y="1075"/>
                  </a:cubicBezTo>
                  <a:cubicBezTo>
                    <a:pt x="1105" y="1113"/>
                    <a:pt x="1136" y="1145"/>
                    <a:pt x="1174" y="1145"/>
                  </a:cubicBezTo>
                  <a:cubicBezTo>
                    <a:pt x="1203" y="1145"/>
                    <a:pt x="1228" y="1126"/>
                    <a:pt x="1239" y="1100"/>
                  </a:cubicBezTo>
                  <a:lnTo>
                    <a:pt x="1582" y="1100"/>
                  </a:lnTo>
                  <a:lnTo>
                    <a:pt x="1582" y="1042"/>
                  </a:lnTo>
                  <a:lnTo>
                    <a:pt x="1478" y="842"/>
                  </a:lnTo>
                  <a:lnTo>
                    <a:pt x="1412" y="842"/>
                  </a:lnTo>
                  <a:lnTo>
                    <a:pt x="1412" y="0"/>
                  </a:lnTo>
                  <a:lnTo>
                    <a:pt x="1061" y="0"/>
                  </a:lnTo>
                  <a:lnTo>
                    <a:pt x="1061" y="842"/>
                  </a:lnTo>
                  <a:lnTo>
                    <a:pt x="997" y="842"/>
                  </a:lnTo>
                  <a:lnTo>
                    <a:pt x="997" y="483"/>
                  </a:lnTo>
                  <a:lnTo>
                    <a:pt x="941" y="483"/>
                  </a:lnTo>
                  <a:lnTo>
                    <a:pt x="941" y="397"/>
                  </a:lnTo>
                  <a:lnTo>
                    <a:pt x="643" y="492"/>
                  </a:lnTo>
                  <a:lnTo>
                    <a:pt x="643" y="847"/>
                  </a:lnTo>
                  <a:lnTo>
                    <a:pt x="581" y="847"/>
                  </a:lnTo>
                  <a:lnTo>
                    <a:pt x="581" y="193"/>
                  </a:lnTo>
                  <a:lnTo>
                    <a:pt x="506" y="193"/>
                  </a:lnTo>
                  <a:lnTo>
                    <a:pt x="506" y="37"/>
                  </a:lnTo>
                  <a:lnTo>
                    <a:pt x="253" y="129"/>
                  </a:lnTo>
                  <a:lnTo>
                    <a:pt x="253" y="193"/>
                  </a:lnTo>
                  <a:lnTo>
                    <a:pt x="128" y="193"/>
                  </a:lnTo>
                  <a:lnTo>
                    <a:pt x="128" y="842"/>
                  </a:lnTo>
                  <a:lnTo>
                    <a:pt x="81" y="842"/>
                  </a:lnTo>
                  <a:lnTo>
                    <a:pt x="10" y="1039"/>
                  </a:lnTo>
                  <a:cubicBezTo>
                    <a:pt x="8" y="1044"/>
                    <a:pt x="8" y="1048"/>
                    <a:pt x="8" y="1053"/>
                  </a:cubicBezTo>
                  <a:cubicBezTo>
                    <a:pt x="3" y="1059"/>
                    <a:pt x="0" y="1067"/>
                    <a:pt x="0" y="1075"/>
                  </a:cubicBezTo>
                  <a:cubicBezTo>
                    <a:pt x="0" y="1093"/>
                    <a:pt x="15" y="1108"/>
                    <a:pt x="33" y="1108"/>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44" name="Freeform 41">
              <a:extLst>
                <a:ext uri="{FF2B5EF4-FFF2-40B4-BE49-F238E27FC236}">
                  <a16:creationId xmlns:a16="http://schemas.microsoft.com/office/drawing/2014/main" xmlns="" id="{DB6D8731-9D7C-41E3-8217-51647BA0E9BA}"/>
                </a:ext>
              </a:extLst>
            </p:cNvPr>
            <p:cNvSpPr>
              <a:spLocks/>
            </p:cNvSpPr>
            <p:nvPr/>
          </p:nvSpPr>
          <p:spPr bwMode="auto">
            <a:xfrm>
              <a:off x="6962775" y="2339975"/>
              <a:ext cx="28575" cy="28575"/>
            </a:xfrm>
            <a:custGeom>
              <a:avLst/>
              <a:gdLst>
                <a:gd name="T0" fmla="*/ 64 w 64"/>
                <a:gd name="T1" fmla="*/ 0 h 64"/>
                <a:gd name="T2" fmla="*/ 64 w 64"/>
                <a:gd name="T3" fmla="*/ 0 h 64"/>
                <a:gd name="T4" fmla="*/ 0 w 64"/>
                <a:gd name="T5" fmla="*/ 0 h 64"/>
                <a:gd name="T6" fmla="*/ 0 w 64"/>
                <a:gd name="T7" fmla="*/ 64 h 64"/>
                <a:gd name="T8" fmla="*/ 64 w 64"/>
                <a:gd name="T9" fmla="*/ 64 h 64"/>
                <a:gd name="T10" fmla="*/ 64 w 64"/>
                <a:gd name="T11" fmla="*/ 0 h 64"/>
              </a:gdLst>
              <a:ahLst/>
              <a:cxnLst>
                <a:cxn ang="0">
                  <a:pos x="T0" y="T1"/>
                </a:cxn>
                <a:cxn ang="0">
                  <a:pos x="T2" y="T3"/>
                </a:cxn>
                <a:cxn ang="0">
                  <a:pos x="T4" y="T5"/>
                </a:cxn>
                <a:cxn ang="0">
                  <a:pos x="T6" y="T7"/>
                </a:cxn>
                <a:cxn ang="0">
                  <a:pos x="T8" y="T9"/>
                </a:cxn>
                <a:cxn ang="0">
                  <a:pos x="T10" y="T11"/>
                </a:cxn>
              </a:cxnLst>
              <a:rect l="0" t="0" r="r" b="b"/>
              <a:pathLst>
                <a:path w="64" h="64">
                  <a:moveTo>
                    <a:pt x="64" y="0"/>
                  </a:moveTo>
                  <a:lnTo>
                    <a:pt x="64" y="0"/>
                  </a:lnTo>
                  <a:lnTo>
                    <a:pt x="0" y="0"/>
                  </a:lnTo>
                  <a:lnTo>
                    <a:pt x="0" y="64"/>
                  </a:lnTo>
                  <a:lnTo>
                    <a:pt x="64" y="64"/>
                  </a:lnTo>
                  <a:lnTo>
                    <a:pt x="64" y="0"/>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45" name="Freeform 42">
              <a:extLst>
                <a:ext uri="{FF2B5EF4-FFF2-40B4-BE49-F238E27FC236}">
                  <a16:creationId xmlns:a16="http://schemas.microsoft.com/office/drawing/2014/main" xmlns="" id="{80DCD90F-9B3A-4882-A809-F17844271AE1}"/>
                </a:ext>
              </a:extLst>
            </p:cNvPr>
            <p:cNvSpPr>
              <a:spLocks/>
            </p:cNvSpPr>
            <p:nvPr/>
          </p:nvSpPr>
          <p:spPr bwMode="auto">
            <a:xfrm>
              <a:off x="7010400" y="2387600"/>
              <a:ext cx="28575" cy="26988"/>
            </a:xfrm>
            <a:custGeom>
              <a:avLst/>
              <a:gdLst>
                <a:gd name="T0" fmla="*/ 63 w 63"/>
                <a:gd name="T1" fmla="*/ 0 h 64"/>
                <a:gd name="T2" fmla="*/ 63 w 63"/>
                <a:gd name="T3" fmla="*/ 0 h 64"/>
                <a:gd name="T4" fmla="*/ 0 w 63"/>
                <a:gd name="T5" fmla="*/ 0 h 64"/>
                <a:gd name="T6" fmla="*/ 0 w 63"/>
                <a:gd name="T7" fmla="*/ 64 h 64"/>
                <a:gd name="T8" fmla="*/ 63 w 63"/>
                <a:gd name="T9" fmla="*/ 64 h 64"/>
                <a:gd name="T10" fmla="*/ 63 w 63"/>
                <a:gd name="T11" fmla="*/ 0 h 64"/>
              </a:gdLst>
              <a:ahLst/>
              <a:cxnLst>
                <a:cxn ang="0">
                  <a:pos x="T0" y="T1"/>
                </a:cxn>
                <a:cxn ang="0">
                  <a:pos x="T2" y="T3"/>
                </a:cxn>
                <a:cxn ang="0">
                  <a:pos x="T4" y="T5"/>
                </a:cxn>
                <a:cxn ang="0">
                  <a:pos x="T6" y="T7"/>
                </a:cxn>
                <a:cxn ang="0">
                  <a:pos x="T8" y="T9"/>
                </a:cxn>
                <a:cxn ang="0">
                  <a:pos x="T10" y="T11"/>
                </a:cxn>
              </a:cxnLst>
              <a:rect l="0" t="0" r="r" b="b"/>
              <a:pathLst>
                <a:path w="63" h="64">
                  <a:moveTo>
                    <a:pt x="63" y="0"/>
                  </a:moveTo>
                  <a:lnTo>
                    <a:pt x="63" y="0"/>
                  </a:lnTo>
                  <a:lnTo>
                    <a:pt x="0" y="0"/>
                  </a:lnTo>
                  <a:lnTo>
                    <a:pt x="0" y="64"/>
                  </a:lnTo>
                  <a:lnTo>
                    <a:pt x="63" y="64"/>
                  </a:lnTo>
                  <a:lnTo>
                    <a:pt x="63" y="0"/>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46" name="Freeform 43">
              <a:extLst>
                <a:ext uri="{FF2B5EF4-FFF2-40B4-BE49-F238E27FC236}">
                  <a16:creationId xmlns:a16="http://schemas.microsoft.com/office/drawing/2014/main" xmlns="" id="{8E8C3D0C-344C-4BA3-8364-7BF900CAFDB4}"/>
                </a:ext>
              </a:extLst>
            </p:cNvPr>
            <p:cNvSpPr>
              <a:spLocks/>
            </p:cNvSpPr>
            <p:nvPr/>
          </p:nvSpPr>
          <p:spPr bwMode="auto">
            <a:xfrm>
              <a:off x="6962775" y="2435225"/>
              <a:ext cx="28575" cy="26988"/>
            </a:xfrm>
            <a:custGeom>
              <a:avLst/>
              <a:gdLst>
                <a:gd name="T0" fmla="*/ 0 w 64"/>
                <a:gd name="T1" fmla="*/ 64 h 64"/>
                <a:gd name="T2" fmla="*/ 0 w 64"/>
                <a:gd name="T3" fmla="*/ 64 h 64"/>
                <a:gd name="T4" fmla="*/ 64 w 64"/>
                <a:gd name="T5" fmla="*/ 64 h 64"/>
                <a:gd name="T6" fmla="*/ 64 w 64"/>
                <a:gd name="T7" fmla="*/ 0 h 64"/>
                <a:gd name="T8" fmla="*/ 0 w 64"/>
                <a:gd name="T9" fmla="*/ 0 h 64"/>
                <a:gd name="T10" fmla="*/ 0 w 64"/>
                <a:gd name="T11" fmla="*/ 64 h 64"/>
              </a:gdLst>
              <a:ahLst/>
              <a:cxnLst>
                <a:cxn ang="0">
                  <a:pos x="T0" y="T1"/>
                </a:cxn>
                <a:cxn ang="0">
                  <a:pos x="T2" y="T3"/>
                </a:cxn>
                <a:cxn ang="0">
                  <a:pos x="T4" y="T5"/>
                </a:cxn>
                <a:cxn ang="0">
                  <a:pos x="T6" y="T7"/>
                </a:cxn>
                <a:cxn ang="0">
                  <a:pos x="T8" y="T9"/>
                </a:cxn>
                <a:cxn ang="0">
                  <a:pos x="T10" y="T11"/>
                </a:cxn>
              </a:cxnLst>
              <a:rect l="0" t="0" r="r" b="b"/>
              <a:pathLst>
                <a:path w="64" h="64">
                  <a:moveTo>
                    <a:pt x="0" y="64"/>
                  </a:moveTo>
                  <a:lnTo>
                    <a:pt x="0" y="64"/>
                  </a:lnTo>
                  <a:lnTo>
                    <a:pt x="64" y="64"/>
                  </a:lnTo>
                  <a:lnTo>
                    <a:pt x="64" y="0"/>
                  </a:lnTo>
                  <a:lnTo>
                    <a:pt x="0" y="0"/>
                  </a:lnTo>
                  <a:lnTo>
                    <a:pt x="0" y="64"/>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47" name="Freeform 44">
              <a:extLst>
                <a:ext uri="{FF2B5EF4-FFF2-40B4-BE49-F238E27FC236}">
                  <a16:creationId xmlns:a16="http://schemas.microsoft.com/office/drawing/2014/main" xmlns="" id="{A0805364-6430-4D04-B5FF-E75D8C9C4123}"/>
                </a:ext>
              </a:extLst>
            </p:cNvPr>
            <p:cNvSpPr>
              <a:spLocks/>
            </p:cNvSpPr>
            <p:nvPr/>
          </p:nvSpPr>
          <p:spPr bwMode="auto">
            <a:xfrm>
              <a:off x="7010400" y="2478088"/>
              <a:ext cx="28575" cy="26988"/>
            </a:xfrm>
            <a:custGeom>
              <a:avLst/>
              <a:gdLst>
                <a:gd name="T0" fmla="*/ 0 w 63"/>
                <a:gd name="T1" fmla="*/ 64 h 64"/>
                <a:gd name="T2" fmla="*/ 0 w 63"/>
                <a:gd name="T3" fmla="*/ 64 h 64"/>
                <a:gd name="T4" fmla="*/ 63 w 63"/>
                <a:gd name="T5" fmla="*/ 64 h 64"/>
                <a:gd name="T6" fmla="*/ 63 w 63"/>
                <a:gd name="T7" fmla="*/ 0 h 64"/>
                <a:gd name="T8" fmla="*/ 0 w 63"/>
                <a:gd name="T9" fmla="*/ 0 h 64"/>
                <a:gd name="T10" fmla="*/ 0 w 63"/>
                <a:gd name="T11" fmla="*/ 64 h 64"/>
              </a:gdLst>
              <a:ahLst/>
              <a:cxnLst>
                <a:cxn ang="0">
                  <a:pos x="T0" y="T1"/>
                </a:cxn>
                <a:cxn ang="0">
                  <a:pos x="T2" y="T3"/>
                </a:cxn>
                <a:cxn ang="0">
                  <a:pos x="T4" y="T5"/>
                </a:cxn>
                <a:cxn ang="0">
                  <a:pos x="T6" y="T7"/>
                </a:cxn>
                <a:cxn ang="0">
                  <a:pos x="T8" y="T9"/>
                </a:cxn>
                <a:cxn ang="0">
                  <a:pos x="T10" y="T11"/>
                </a:cxn>
              </a:cxnLst>
              <a:rect l="0" t="0" r="r" b="b"/>
              <a:pathLst>
                <a:path w="63" h="64">
                  <a:moveTo>
                    <a:pt x="0" y="64"/>
                  </a:moveTo>
                  <a:lnTo>
                    <a:pt x="0" y="64"/>
                  </a:lnTo>
                  <a:lnTo>
                    <a:pt x="63" y="64"/>
                  </a:lnTo>
                  <a:lnTo>
                    <a:pt x="63" y="0"/>
                  </a:lnTo>
                  <a:lnTo>
                    <a:pt x="0" y="0"/>
                  </a:lnTo>
                  <a:lnTo>
                    <a:pt x="0" y="64"/>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48" name="Freeform 45">
              <a:extLst>
                <a:ext uri="{FF2B5EF4-FFF2-40B4-BE49-F238E27FC236}">
                  <a16:creationId xmlns:a16="http://schemas.microsoft.com/office/drawing/2014/main" xmlns="" id="{5C69E606-A3C0-4DD6-BD6E-9D2EA0FDF48A}"/>
                </a:ext>
              </a:extLst>
            </p:cNvPr>
            <p:cNvSpPr>
              <a:spLocks/>
            </p:cNvSpPr>
            <p:nvPr/>
          </p:nvSpPr>
          <p:spPr bwMode="auto">
            <a:xfrm>
              <a:off x="7173913" y="2435225"/>
              <a:ext cx="9525" cy="20638"/>
            </a:xfrm>
            <a:custGeom>
              <a:avLst/>
              <a:gdLst>
                <a:gd name="T0" fmla="*/ 22 w 22"/>
                <a:gd name="T1" fmla="*/ 0 h 50"/>
                <a:gd name="T2" fmla="*/ 22 w 22"/>
                <a:gd name="T3" fmla="*/ 0 h 50"/>
                <a:gd name="T4" fmla="*/ 0 w 22"/>
                <a:gd name="T5" fmla="*/ 0 h 50"/>
                <a:gd name="T6" fmla="*/ 0 w 22"/>
                <a:gd name="T7" fmla="*/ 50 h 50"/>
                <a:gd name="T8" fmla="*/ 22 w 22"/>
                <a:gd name="T9" fmla="*/ 50 h 50"/>
                <a:gd name="T10" fmla="*/ 22 w 22"/>
                <a:gd name="T11" fmla="*/ 0 h 50"/>
              </a:gdLst>
              <a:ahLst/>
              <a:cxnLst>
                <a:cxn ang="0">
                  <a:pos x="T0" y="T1"/>
                </a:cxn>
                <a:cxn ang="0">
                  <a:pos x="T2" y="T3"/>
                </a:cxn>
                <a:cxn ang="0">
                  <a:pos x="T4" y="T5"/>
                </a:cxn>
                <a:cxn ang="0">
                  <a:pos x="T6" y="T7"/>
                </a:cxn>
                <a:cxn ang="0">
                  <a:pos x="T8" y="T9"/>
                </a:cxn>
                <a:cxn ang="0">
                  <a:pos x="T10" y="T11"/>
                </a:cxn>
              </a:cxnLst>
              <a:rect l="0" t="0" r="r" b="b"/>
              <a:pathLst>
                <a:path w="22" h="50">
                  <a:moveTo>
                    <a:pt x="22" y="0"/>
                  </a:moveTo>
                  <a:lnTo>
                    <a:pt x="22" y="0"/>
                  </a:lnTo>
                  <a:lnTo>
                    <a:pt x="0" y="0"/>
                  </a:lnTo>
                  <a:lnTo>
                    <a:pt x="0" y="50"/>
                  </a:lnTo>
                  <a:lnTo>
                    <a:pt x="22" y="50"/>
                  </a:lnTo>
                  <a:lnTo>
                    <a:pt x="22" y="0"/>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49" name="Freeform 46">
              <a:extLst>
                <a:ext uri="{FF2B5EF4-FFF2-40B4-BE49-F238E27FC236}">
                  <a16:creationId xmlns:a16="http://schemas.microsoft.com/office/drawing/2014/main" xmlns="" id="{964E4A53-CB4E-4FED-A3B5-D31F80D00035}"/>
                </a:ext>
              </a:extLst>
            </p:cNvPr>
            <p:cNvSpPr>
              <a:spLocks/>
            </p:cNvSpPr>
            <p:nvPr/>
          </p:nvSpPr>
          <p:spPr bwMode="auto">
            <a:xfrm>
              <a:off x="7227888" y="2435225"/>
              <a:ext cx="9525" cy="20638"/>
            </a:xfrm>
            <a:custGeom>
              <a:avLst/>
              <a:gdLst>
                <a:gd name="T0" fmla="*/ 0 w 22"/>
                <a:gd name="T1" fmla="*/ 50 h 50"/>
                <a:gd name="T2" fmla="*/ 0 w 22"/>
                <a:gd name="T3" fmla="*/ 50 h 50"/>
                <a:gd name="T4" fmla="*/ 22 w 22"/>
                <a:gd name="T5" fmla="*/ 50 h 50"/>
                <a:gd name="T6" fmla="*/ 22 w 22"/>
                <a:gd name="T7" fmla="*/ 0 h 50"/>
                <a:gd name="T8" fmla="*/ 0 w 22"/>
                <a:gd name="T9" fmla="*/ 0 h 50"/>
                <a:gd name="T10" fmla="*/ 0 w 22"/>
                <a:gd name="T11" fmla="*/ 50 h 50"/>
              </a:gdLst>
              <a:ahLst/>
              <a:cxnLst>
                <a:cxn ang="0">
                  <a:pos x="T0" y="T1"/>
                </a:cxn>
                <a:cxn ang="0">
                  <a:pos x="T2" y="T3"/>
                </a:cxn>
                <a:cxn ang="0">
                  <a:pos x="T4" y="T5"/>
                </a:cxn>
                <a:cxn ang="0">
                  <a:pos x="T6" y="T7"/>
                </a:cxn>
                <a:cxn ang="0">
                  <a:pos x="T8" y="T9"/>
                </a:cxn>
                <a:cxn ang="0">
                  <a:pos x="T10" y="T11"/>
                </a:cxn>
              </a:cxnLst>
              <a:rect l="0" t="0" r="r" b="b"/>
              <a:pathLst>
                <a:path w="22" h="50">
                  <a:moveTo>
                    <a:pt x="0" y="50"/>
                  </a:moveTo>
                  <a:lnTo>
                    <a:pt x="0" y="50"/>
                  </a:lnTo>
                  <a:lnTo>
                    <a:pt x="22" y="50"/>
                  </a:lnTo>
                  <a:lnTo>
                    <a:pt x="22" y="0"/>
                  </a:lnTo>
                  <a:lnTo>
                    <a:pt x="0" y="0"/>
                  </a:lnTo>
                  <a:lnTo>
                    <a:pt x="0" y="50"/>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50" name="Freeform 47">
              <a:extLst>
                <a:ext uri="{FF2B5EF4-FFF2-40B4-BE49-F238E27FC236}">
                  <a16:creationId xmlns:a16="http://schemas.microsoft.com/office/drawing/2014/main" xmlns="" id="{26B77486-A969-4FE4-AF4A-82D32039B8B6}"/>
                </a:ext>
              </a:extLst>
            </p:cNvPr>
            <p:cNvSpPr>
              <a:spLocks/>
            </p:cNvSpPr>
            <p:nvPr/>
          </p:nvSpPr>
          <p:spPr bwMode="auto">
            <a:xfrm>
              <a:off x="7196138" y="2435225"/>
              <a:ext cx="19050" cy="20638"/>
            </a:xfrm>
            <a:custGeom>
              <a:avLst/>
              <a:gdLst>
                <a:gd name="T0" fmla="*/ 43 w 43"/>
                <a:gd name="T1" fmla="*/ 0 h 50"/>
                <a:gd name="T2" fmla="*/ 43 w 43"/>
                <a:gd name="T3" fmla="*/ 0 h 50"/>
                <a:gd name="T4" fmla="*/ 0 w 43"/>
                <a:gd name="T5" fmla="*/ 0 h 50"/>
                <a:gd name="T6" fmla="*/ 0 w 43"/>
                <a:gd name="T7" fmla="*/ 50 h 50"/>
                <a:gd name="T8" fmla="*/ 43 w 43"/>
                <a:gd name="T9" fmla="*/ 50 h 50"/>
                <a:gd name="T10" fmla="*/ 43 w 43"/>
                <a:gd name="T11" fmla="*/ 0 h 50"/>
              </a:gdLst>
              <a:ahLst/>
              <a:cxnLst>
                <a:cxn ang="0">
                  <a:pos x="T0" y="T1"/>
                </a:cxn>
                <a:cxn ang="0">
                  <a:pos x="T2" y="T3"/>
                </a:cxn>
                <a:cxn ang="0">
                  <a:pos x="T4" y="T5"/>
                </a:cxn>
                <a:cxn ang="0">
                  <a:pos x="T6" y="T7"/>
                </a:cxn>
                <a:cxn ang="0">
                  <a:pos x="T8" y="T9"/>
                </a:cxn>
                <a:cxn ang="0">
                  <a:pos x="T10" y="T11"/>
                </a:cxn>
              </a:cxnLst>
              <a:rect l="0" t="0" r="r" b="b"/>
              <a:pathLst>
                <a:path w="43" h="50">
                  <a:moveTo>
                    <a:pt x="43" y="0"/>
                  </a:moveTo>
                  <a:lnTo>
                    <a:pt x="43" y="0"/>
                  </a:lnTo>
                  <a:lnTo>
                    <a:pt x="0" y="0"/>
                  </a:lnTo>
                  <a:lnTo>
                    <a:pt x="0" y="50"/>
                  </a:lnTo>
                  <a:lnTo>
                    <a:pt x="43" y="50"/>
                  </a:lnTo>
                  <a:lnTo>
                    <a:pt x="43" y="0"/>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51" name="Freeform 48">
              <a:extLst>
                <a:ext uri="{FF2B5EF4-FFF2-40B4-BE49-F238E27FC236}">
                  <a16:creationId xmlns:a16="http://schemas.microsoft.com/office/drawing/2014/main" xmlns="" id="{0F949C9D-32E6-460D-9DAF-5D74E64D93B6}"/>
                </a:ext>
              </a:extLst>
            </p:cNvPr>
            <p:cNvSpPr>
              <a:spLocks/>
            </p:cNvSpPr>
            <p:nvPr/>
          </p:nvSpPr>
          <p:spPr bwMode="auto">
            <a:xfrm>
              <a:off x="7359650" y="2214563"/>
              <a:ext cx="7938" cy="350838"/>
            </a:xfrm>
            <a:custGeom>
              <a:avLst/>
              <a:gdLst>
                <a:gd name="T0" fmla="*/ 0 w 18"/>
                <a:gd name="T1" fmla="*/ 802 h 802"/>
                <a:gd name="T2" fmla="*/ 0 w 18"/>
                <a:gd name="T3" fmla="*/ 802 h 802"/>
                <a:gd name="T4" fmla="*/ 18 w 18"/>
                <a:gd name="T5" fmla="*/ 802 h 802"/>
                <a:gd name="T6" fmla="*/ 18 w 18"/>
                <a:gd name="T7" fmla="*/ 0 h 802"/>
                <a:gd name="T8" fmla="*/ 0 w 18"/>
                <a:gd name="T9" fmla="*/ 0 h 802"/>
                <a:gd name="T10" fmla="*/ 0 w 18"/>
                <a:gd name="T11" fmla="*/ 802 h 802"/>
              </a:gdLst>
              <a:ahLst/>
              <a:cxnLst>
                <a:cxn ang="0">
                  <a:pos x="T0" y="T1"/>
                </a:cxn>
                <a:cxn ang="0">
                  <a:pos x="T2" y="T3"/>
                </a:cxn>
                <a:cxn ang="0">
                  <a:pos x="T4" y="T5"/>
                </a:cxn>
                <a:cxn ang="0">
                  <a:pos x="T6" y="T7"/>
                </a:cxn>
                <a:cxn ang="0">
                  <a:pos x="T8" y="T9"/>
                </a:cxn>
                <a:cxn ang="0">
                  <a:pos x="T10" y="T11"/>
                </a:cxn>
              </a:cxnLst>
              <a:rect l="0" t="0" r="r" b="b"/>
              <a:pathLst>
                <a:path w="18" h="802">
                  <a:moveTo>
                    <a:pt x="0" y="802"/>
                  </a:moveTo>
                  <a:lnTo>
                    <a:pt x="0" y="802"/>
                  </a:lnTo>
                  <a:lnTo>
                    <a:pt x="18" y="802"/>
                  </a:lnTo>
                  <a:lnTo>
                    <a:pt x="18" y="0"/>
                  </a:lnTo>
                  <a:lnTo>
                    <a:pt x="0" y="0"/>
                  </a:lnTo>
                  <a:lnTo>
                    <a:pt x="0" y="802"/>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52" name="Freeform 49">
              <a:extLst>
                <a:ext uri="{FF2B5EF4-FFF2-40B4-BE49-F238E27FC236}">
                  <a16:creationId xmlns:a16="http://schemas.microsoft.com/office/drawing/2014/main" xmlns="" id="{7EE6AB08-A372-4911-9A1C-18235F0E4B5A}"/>
                </a:ext>
              </a:extLst>
            </p:cNvPr>
            <p:cNvSpPr>
              <a:spLocks/>
            </p:cNvSpPr>
            <p:nvPr/>
          </p:nvSpPr>
          <p:spPr bwMode="auto">
            <a:xfrm>
              <a:off x="7381875" y="2214563"/>
              <a:ext cx="6350" cy="350838"/>
            </a:xfrm>
            <a:custGeom>
              <a:avLst/>
              <a:gdLst>
                <a:gd name="T0" fmla="*/ 0 w 18"/>
                <a:gd name="T1" fmla="*/ 802 h 802"/>
                <a:gd name="T2" fmla="*/ 0 w 18"/>
                <a:gd name="T3" fmla="*/ 802 h 802"/>
                <a:gd name="T4" fmla="*/ 18 w 18"/>
                <a:gd name="T5" fmla="*/ 802 h 802"/>
                <a:gd name="T6" fmla="*/ 18 w 18"/>
                <a:gd name="T7" fmla="*/ 0 h 802"/>
                <a:gd name="T8" fmla="*/ 0 w 18"/>
                <a:gd name="T9" fmla="*/ 0 h 802"/>
                <a:gd name="T10" fmla="*/ 0 w 18"/>
                <a:gd name="T11" fmla="*/ 802 h 802"/>
              </a:gdLst>
              <a:ahLst/>
              <a:cxnLst>
                <a:cxn ang="0">
                  <a:pos x="T0" y="T1"/>
                </a:cxn>
                <a:cxn ang="0">
                  <a:pos x="T2" y="T3"/>
                </a:cxn>
                <a:cxn ang="0">
                  <a:pos x="T4" y="T5"/>
                </a:cxn>
                <a:cxn ang="0">
                  <a:pos x="T6" y="T7"/>
                </a:cxn>
                <a:cxn ang="0">
                  <a:pos x="T8" y="T9"/>
                </a:cxn>
                <a:cxn ang="0">
                  <a:pos x="T10" y="T11"/>
                </a:cxn>
              </a:cxnLst>
              <a:rect l="0" t="0" r="r" b="b"/>
              <a:pathLst>
                <a:path w="18" h="802">
                  <a:moveTo>
                    <a:pt x="0" y="802"/>
                  </a:moveTo>
                  <a:lnTo>
                    <a:pt x="0" y="802"/>
                  </a:lnTo>
                  <a:lnTo>
                    <a:pt x="18" y="802"/>
                  </a:lnTo>
                  <a:lnTo>
                    <a:pt x="18" y="0"/>
                  </a:lnTo>
                  <a:lnTo>
                    <a:pt x="0" y="0"/>
                  </a:lnTo>
                  <a:lnTo>
                    <a:pt x="0" y="802"/>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53" name="Freeform 50">
              <a:extLst>
                <a:ext uri="{FF2B5EF4-FFF2-40B4-BE49-F238E27FC236}">
                  <a16:creationId xmlns:a16="http://schemas.microsoft.com/office/drawing/2014/main" xmlns="" id="{5516E6BD-6AB6-4276-A5F4-AB477FD8398B}"/>
                </a:ext>
              </a:extLst>
            </p:cNvPr>
            <p:cNvSpPr>
              <a:spLocks/>
            </p:cNvSpPr>
            <p:nvPr/>
          </p:nvSpPr>
          <p:spPr bwMode="auto">
            <a:xfrm>
              <a:off x="7402513" y="2214563"/>
              <a:ext cx="7938" cy="350838"/>
            </a:xfrm>
            <a:custGeom>
              <a:avLst/>
              <a:gdLst>
                <a:gd name="T0" fmla="*/ 0 w 17"/>
                <a:gd name="T1" fmla="*/ 802 h 802"/>
                <a:gd name="T2" fmla="*/ 0 w 17"/>
                <a:gd name="T3" fmla="*/ 802 h 802"/>
                <a:gd name="T4" fmla="*/ 17 w 17"/>
                <a:gd name="T5" fmla="*/ 802 h 802"/>
                <a:gd name="T6" fmla="*/ 17 w 17"/>
                <a:gd name="T7" fmla="*/ 0 h 802"/>
                <a:gd name="T8" fmla="*/ 0 w 17"/>
                <a:gd name="T9" fmla="*/ 0 h 802"/>
                <a:gd name="T10" fmla="*/ 0 w 17"/>
                <a:gd name="T11" fmla="*/ 802 h 802"/>
              </a:gdLst>
              <a:ahLst/>
              <a:cxnLst>
                <a:cxn ang="0">
                  <a:pos x="T0" y="T1"/>
                </a:cxn>
                <a:cxn ang="0">
                  <a:pos x="T2" y="T3"/>
                </a:cxn>
                <a:cxn ang="0">
                  <a:pos x="T4" y="T5"/>
                </a:cxn>
                <a:cxn ang="0">
                  <a:pos x="T6" y="T7"/>
                </a:cxn>
                <a:cxn ang="0">
                  <a:pos x="T8" y="T9"/>
                </a:cxn>
                <a:cxn ang="0">
                  <a:pos x="T10" y="T11"/>
                </a:cxn>
              </a:cxnLst>
              <a:rect l="0" t="0" r="r" b="b"/>
              <a:pathLst>
                <a:path w="17" h="802">
                  <a:moveTo>
                    <a:pt x="0" y="802"/>
                  </a:moveTo>
                  <a:lnTo>
                    <a:pt x="0" y="802"/>
                  </a:lnTo>
                  <a:lnTo>
                    <a:pt x="17" y="802"/>
                  </a:lnTo>
                  <a:lnTo>
                    <a:pt x="17" y="0"/>
                  </a:lnTo>
                  <a:lnTo>
                    <a:pt x="0" y="0"/>
                  </a:lnTo>
                  <a:lnTo>
                    <a:pt x="0" y="802"/>
                  </a:ln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54" name="Freeform 51">
              <a:extLst>
                <a:ext uri="{FF2B5EF4-FFF2-40B4-BE49-F238E27FC236}">
                  <a16:creationId xmlns:a16="http://schemas.microsoft.com/office/drawing/2014/main" xmlns="" id="{A62E1358-1BA3-4E1E-8748-6F4C458080CB}"/>
                </a:ext>
              </a:extLst>
            </p:cNvPr>
            <p:cNvSpPr>
              <a:spLocks/>
            </p:cNvSpPr>
            <p:nvPr/>
          </p:nvSpPr>
          <p:spPr bwMode="auto">
            <a:xfrm>
              <a:off x="7151688" y="2233613"/>
              <a:ext cx="95250" cy="33338"/>
            </a:xfrm>
            <a:custGeom>
              <a:avLst/>
              <a:gdLst>
                <a:gd name="T0" fmla="*/ 0 w 222"/>
                <a:gd name="T1" fmla="*/ 39 h 77"/>
                <a:gd name="T2" fmla="*/ 0 w 222"/>
                <a:gd name="T3" fmla="*/ 39 h 77"/>
                <a:gd name="T4" fmla="*/ 38 w 222"/>
                <a:gd name="T5" fmla="*/ 77 h 77"/>
                <a:gd name="T6" fmla="*/ 111 w 222"/>
                <a:gd name="T7" fmla="*/ 53 h 77"/>
                <a:gd name="T8" fmla="*/ 184 w 222"/>
                <a:gd name="T9" fmla="*/ 77 h 77"/>
                <a:gd name="T10" fmla="*/ 222 w 222"/>
                <a:gd name="T11" fmla="*/ 39 h 77"/>
                <a:gd name="T12" fmla="*/ 111 w 222"/>
                <a:gd name="T13" fmla="*/ 0 h 77"/>
                <a:gd name="T14" fmla="*/ 0 w 222"/>
                <a:gd name="T15" fmla="*/ 39 h 7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22" h="77">
                  <a:moveTo>
                    <a:pt x="0" y="39"/>
                  </a:moveTo>
                  <a:lnTo>
                    <a:pt x="0" y="39"/>
                  </a:lnTo>
                  <a:lnTo>
                    <a:pt x="38" y="77"/>
                  </a:lnTo>
                  <a:cubicBezTo>
                    <a:pt x="52" y="62"/>
                    <a:pt x="81" y="53"/>
                    <a:pt x="111" y="53"/>
                  </a:cubicBezTo>
                  <a:cubicBezTo>
                    <a:pt x="142" y="53"/>
                    <a:pt x="170" y="62"/>
                    <a:pt x="184" y="77"/>
                  </a:cubicBezTo>
                  <a:lnTo>
                    <a:pt x="222" y="39"/>
                  </a:lnTo>
                  <a:cubicBezTo>
                    <a:pt x="198" y="15"/>
                    <a:pt x="157" y="0"/>
                    <a:pt x="111" y="0"/>
                  </a:cubicBezTo>
                  <a:cubicBezTo>
                    <a:pt x="66" y="0"/>
                    <a:pt x="24" y="15"/>
                    <a:pt x="0" y="39"/>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sp>
          <p:nvSpPr>
            <p:cNvPr id="55" name="Freeform 52">
              <a:extLst>
                <a:ext uri="{FF2B5EF4-FFF2-40B4-BE49-F238E27FC236}">
                  <a16:creationId xmlns:a16="http://schemas.microsoft.com/office/drawing/2014/main" xmlns="" id="{B249D853-5742-4C73-82CE-34B858FB4788}"/>
                </a:ext>
              </a:extLst>
            </p:cNvPr>
            <p:cNvSpPr>
              <a:spLocks/>
            </p:cNvSpPr>
            <p:nvPr/>
          </p:nvSpPr>
          <p:spPr bwMode="auto">
            <a:xfrm>
              <a:off x="7116763" y="2184400"/>
              <a:ext cx="165100" cy="42863"/>
            </a:xfrm>
            <a:custGeom>
              <a:avLst/>
              <a:gdLst>
                <a:gd name="T0" fmla="*/ 190 w 380"/>
                <a:gd name="T1" fmla="*/ 53 h 99"/>
                <a:gd name="T2" fmla="*/ 190 w 380"/>
                <a:gd name="T3" fmla="*/ 53 h 99"/>
                <a:gd name="T4" fmla="*/ 344 w 380"/>
                <a:gd name="T5" fmla="*/ 98 h 99"/>
                <a:gd name="T6" fmla="*/ 380 w 380"/>
                <a:gd name="T7" fmla="*/ 59 h 99"/>
                <a:gd name="T8" fmla="*/ 190 w 380"/>
                <a:gd name="T9" fmla="*/ 0 h 99"/>
                <a:gd name="T10" fmla="*/ 0 w 380"/>
                <a:gd name="T11" fmla="*/ 59 h 99"/>
                <a:gd name="T12" fmla="*/ 36 w 380"/>
                <a:gd name="T13" fmla="*/ 99 h 99"/>
                <a:gd name="T14" fmla="*/ 190 w 380"/>
                <a:gd name="T15" fmla="*/ 53 h 9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80" h="99">
                  <a:moveTo>
                    <a:pt x="190" y="53"/>
                  </a:moveTo>
                  <a:lnTo>
                    <a:pt x="190" y="53"/>
                  </a:lnTo>
                  <a:cubicBezTo>
                    <a:pt x="255" y="53"/>
                    <a:pt x="314" y="71"/>
                    <a:pt x="344" y="98"/>
                  </a:cubicBezTo>
                  <a:lnTo>
                    <a:pt x="380" y="59"/>
                  </a:lnTo>
                  <a:cubicBezTo>
                    <a:pt x="339" y="22"/>
                    <a:pt x="268" y="0"/>
                    <a:pt x="190" y="0"/>
                  </a:cubicBezTo>
                  <a:cubicBezTo>
                    <a:pt x="112" y="0"/>
                    <a:pt x="41" y="22"/>
                    <a:pt x="0" y="59"/>
                  </a:cubicBezTo>
                  <a:lnTo>
                    <a:pt x="36" y="99"/>
                  </a:lnTo>
                  <a:cubicBezTo>
                    <a:pt x="67" y="71"/>
                    <a:pt x="126" y="53"/>
                    <a:pt x="190" y="53"/>
                  </a:cubicBezTo>
                  <a:close/>
                </a:path>
              </a:pathLst>
            </a:custGeom>
            <a:grpFill/>
            <a:ln w="0">
              <a:noFill/>
              <a:prstDash val="solid"/>
              <a:round/>
              <a:headEnd/>
              <a:tailEnd/>
            </a:ln>
          </p:spPr>
          <p:txBody>
            <a:bodyPr/>
            <a:lstStyle/>
            <a:p>
              <a:pPr defTabSz="511816">
                <a:defRPr/>
              </a:pPr>
              <a:endParaRPr lang="zh-CN" altLang="en-US">
                <a:cs typeface="+mn-ea"/>
                <a:sym typeface="Huawei Sans" panose="020C0503030203020204" pitchFamily="34" charset="0"/>
              </a:endParaRPr>
            </a:p>
          </p:txBody>
        </p:sp>
      </p:grpSp>
      <p:sp>
        <p:nvSpPr>
          <p:cNvPr id="33" name="矩形 32">
            <a:extLst>
              <a:ext uri="{FF2B5EF4-FFF2-40B4-BE49-F238E27FC236}">
                <a16:creationId xmlns:a16="http://schemas.microsoft.com/office/drawing/2014/main" xmlns="" id="{9A05A9CD-4A08-453A-991B-1F3D682DE154}"/>
              </a:ext>
            </a:extLst>
          </p:cNvPr>
          <p:cNvSpPr/>
          <p:nvPr/>
        </p:nvSpPr>
        <p:spPr>
          <a:xfrm>
            <a:off x="7009297" y="3453329"/>
            <a:ext cx="1290268" cy="338554"/>
          </a:xfrm>
          <a:prstGeom prst="rect">
            <a:avLst/>
          </a:prstGeom>
          <a:noFill/>
        </p:spPr>
        <p:txBody>
          <a:bodyPr wrap="square" anchor="ctr">
            <a:spAutoFit/>
          </a:bodyPr>
          <a:lstStyle/>
          <a:p>
            <a:pPr lvl="0" algn="r" defTabSz="914400">
              <a:defRPr/>
            </a:pPr>
            <a:r>
              <a:rPr lang="en-US" altLang="zh-CN" sz="1600" b="1" dirty="0">
                <a:cs typeface="+mn-ea"/>
                <a:sym typeface="Huawei Sans" panose="020C0503030203020204" pitchFamily="34" charset="0"/>
              </a:rPr>
              <a:t>SD-WAN</a:t>
            </a:r>
          </a:p>
        </p:txBody>
      </p:sp>
      <p:sp>
        <p:nvSpPr>
          <p:cNvPr id="35" name="矩形 34">
            <a:extLst>
              <a:ext uri="{FF2B5EF4-FFF2-40B4-BE49-F238E27FC236}">
                <a16:creationId xmlns:a16="http://schemas.microsoft.com/office/drawing/2014/main" xmlns="" id="{85F9EF80-41A8-4902-99BB-AD01D76C0C58}"/>
              </a:ext>
            </a:extLst>
          </p:cNvPr>
          <p:cNvSpPr/>
          <p:nvPr/>
        </p:nvSpPr>
        <p:spPr>
          <a:xfrm>
            <a:off x="8060675" y="3434803"/>
            <a:ext cx="2622074" cy="338554"/>
          </a:xfrm>
          <a:prstGeom prst="rect">
            <a:avLst/>
          </a:prstGeom>
          <a:noFill/>
        </p:spPr>
        <p:txBody>
          <a:bodyPr wrap="square">
            <a:spAutoFit/>
          </a:bodyPr>
          <a:lstStyle/>
          <a:p>
            <a:pPr lvl="0" algn="ctr" defTabSz="914400">
              <a:defRPr/>
            </a:pPr>
            <a:r>
              <a:rPr lang="en-US" altLang="zh-CN" sz="1600" b="1" err="1">
                <a:cs typeface="+mn-ea"/>
                <a:sym typeface="Huawei Sans" panose="020C0503030203020204" pitchFamily="34" charset="0"/>
              </a:rPr>
              <a:t>iMaster</a:t>
            </a:r>
            <a:r>
              <a:rPr lang="en-US" altLang="zh-CN" sz="1600" b="1">
                <a:cs typeface="+mn-ea"/>
                <a:sym typeface="Huawei Sans" panose="020C0503030203020204" pitchFamily="34" charset="0"/>
              </a:rPr>
              <a:t> NCE-WAN</a:t>
            </a:r>
            <a:r>
              <a:rPr lang="zh-CN" altLang="en-US" sz="1600" b="1">
                <a:cs typeface="+mn-ea"/>
                <a:sym typeface="Huawei Sans" panose="020C0503030203020204" pitchFamily="34" charset="0"/>
              </a:rPr>
              <a:t> </a:t>
            </a:r>
            <a:r>
              <a:rPr lang="zh-CN" altLang="en-US" sz="1600" b="1">
                <a:solidFill>
                  <a:srgbClr val="EC7061"/>
                </a:solidFill>
                <a:cs typeface="+mn-ea"/>
                <a:sym typeface="Huawei Sans" panose="020C0503030203020204" pitchFamily="34" charset="0"/>
              </a:rPr>
              <a:t> </a:t>
            </a:r>
            <a:endParaRPr lang="en-US" altLang="zh-CN" sz="1600" b="1" dirty="0">
              <a:solidFill>
                <a:srgbClr val="EC7061"/>
              </a:solidFill>
              <a:cs typeface="+mn-ea"/>
              <a:sym typeface="Huawei Sans" panose="020C0503030203020204" pitchFamily="34" charset="0"/>
            </a:endParaRPr>
          </a:p>
        </p:txBody>
      </p:sp>
      <p:grpSp>
        <p:nvGrpSpPr>
          <p:cNvPr id="56" name="组合 318">
            <a:extLst>
              <a:ext uri="{FF2B5EF4-FFF2-40B4-BE49-F238E27FC236}">
                <a16:creationId xmlns:a16="http://schemas.microsoft.com/office/drawing/2014/main" xmlns="" id="{E96D0777-5EE0-4CC8-8156-598B267A3E94}"/>
              </a:ext>
            </a:extLst>
          </p:cNvPr>
          <p:cNvGrpSpPr>
            <a:grpSpLocks/>
          </p:cNvGrpSpPr>
          <p:nvPr/>
        </p:nvGrpSpPr>
        <p:grpSpPr bwMode="auto">
          <a:xfrm>
            <a:off x="6486650" y="3449330"/>
            <a:ext cx="541815" cy="313586"/>
            <a:chOff x="6519863" y="1038226"/>
            <a:chExt cx="736600" cy="461963"/>
          </a:xfrm>
        </p:grpSpPr>
        <p:sp>
          <p:nvSpPr>
            <p:cNvPr id="57" name="Freeform 69">
              <a:extLst>
                <a:ext uri="{FF2B5EF4-FFF2-40B4-BE49-F238E27FC236}">
                  <a16:creationId xmlns:a16="http://schemas.microsoft.com/office/drawing/2014/main" xmlns="" id="{0AAE9186-0362-4162-89DE-F400CD858034}"/>
                </a:ext>
              </a:extLst>
            </p:cNvPr>
            <p:cNvSpPr>
              <a:spLocks/>
            </p:cNvSpPr>
            <p:nvPr/>
          </p:nvSpPr>
          <p:spPr bwMode="auto">
            <a:xfrm>
              <a:off x="6899275" y="1441451"/>
              <a:ext cx="57150"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70"/>
                  </a:cubicBezTo>
                  <a:cubicBezTo>
                    <a:pt x="0" y="32"/>
                    <a:pt x="31" y="0"/>
                    <a:pt x="69" y="0"/>
                  </a:cubicBezTo>
                  <a:cubicBezTo>
                    <a:pt x="108" y="0"/>
                    <a:pt x="139" y="32"/>
                    <a:pt x="139" y="70"/>
                  </a:cubicBezTo>
                  <a:cubicBezTo>
                    <a:pt x="139" y="108"/>
                    <a:pt x="108" y="139"/>
                    <a:pt x="69" y="139"/>
                  </a:cubicBezTo>
                  <a:close/>
                </a:path>
              </a:pathLst>
            </a:custGeom>
            <a:solidFill>
              <a:srgbClr val="00B0F0"/>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ym typeface="Huawei Sans" panose="020C0503030203020204" pitchFamily="34" charset="0"/>
              </a:endParaRPr>
            </a:p>
          </p:txBody>
        </p:sp>
        <p:sp>
          <p:nvSpPr>
            <p:cNvPr id="58" name="Freeform 70">
              <a:extLst>
                <a:ext uri="{FF2B5EF4-FFF2-40B4-BE49-F238E27FC236}">
                  <a16:creationId xmlns:a16="http://schemas.microsoft.com/office/drawing/2014/main" xmlns="" id="{E80537B2-D58A-431A-BE89-E662E69156C1}"/>
                </a:ext>
              </a:extLst>
            </p:cNvPr>
            <p:cNvSpPr>
              <a:spLocks/>
            </p:cNvSpPr>
            <p:nvPr/>
          </p:nvSpPr>
          <p:spPr bwMode="auto">
            <a:xfrm>
              <a:off x="6988175" y="1441451"/>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70"/>
                  </a:cubicBezTo>
                  <a:cubicBezTo>
                    <a:pt x="0" y="32"/>
                    <a:pt x="31" y="0"/>
                    <a:pt x="69" y="0"/>
                  </a:cubicBezTo>
                  <a:cubicBezTo>
                    <a:pt x="108" y="0"/>
                    <a:pt x="139" y="32"/>
                    <a:pt x="139" y="70"/>
                  </a:cubicBezTo>
                  <a:cubicBezTo>
                    <a:pt x="139" y="108"/>
                    <a:pt x="108" y="139"/>
                    <a:pt x="69" y="139"/>
                  </a:cubicBezTo>
                  <a:close/>
                </a:path>
              </a:pathLst>
            </a:custGeom>
            <a:solidFill>
              <a:srgbClr val="00B0F0"/>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ym typeface="Huawei Sans" panose="020C0503030203020204" pitchFamily="34" charset="0"/>
              </a:endParaRPr>
            </a:p>
          </p:txBody>
        </p:sp>
        <p:sp>
          <p:nvSpPr>
            <p:cNvPr id="59" name="Freeform 71">
              <a:extLst>
                <a:ext uri="{FF2B5EF4-FFF2-40B4-BE49-F238E27FC236}">
                  <a16:creationId xmlns:a16="http://schemas.microsoft.com/office/drawing/2014/main" xmlns="" id="{806A545C-C07A-4EBF-B0C1-925D0896FAF6}"/>
                </a:ext>
              </a:extLst>
            </p:cNvPr>
            <p:cNvSpPr>
              <a:spLocks/>
            </p:cNvSpPr>
            <p:nvPr/>
          </p:nvSpPr>
          <p:spPr bwMode="auto">
            <a:xfrm>
              <a:off x="6519863" y="1038226"/>
              <a:ext cx="736600" cy="446088"/>
            </a:xfrm>
            <a:custGeom>
              <a:avLst/>
              <a:gdLst>
                <a:gd name="T0" fmla="*/ 2147483646 w 1754"/>
                <a:gd name="T1" fmla="*/ 2147483646 h 1065"/>
                <a:gd name="T2" fmla="*/ 2147483646 w 1754"/>
                <a:gd name="T3" fmla="*/ 2147483646 h 1065"/>
                <a:gd name="T4" fmla="*/ 2147483646 w 1754"/>
                <a:gd name="T5" fmla="*/ 2147483646 h 1065"/>
                <a:gd name="T6" fmla="*/ 2147483646 w 1754"/>
                <a:gd name="T7" fmla="*/ 2147483646 h 1065"/>
                <a:gd name="T8" fmla="*/ 2147483646 w 1754"/>
                <a:gd name="T9" fmla="*/ 2147483646 h 1065"/>
                <a:gd name="T10" fmla="*/ 2147483646 w 1754"/>
                <a:gd name="T11" fmla="*/ 2147483646 h 1065"/>
                <a:gd name="T12" fmla="*/ 2147483646 w 1754"/>
                <a:gd name="T13" fmla="*/ 2147483646 h 1065"/>
                <a:gd name="T14" fmla="*/ 2147483646 w 1754"/>
                <a:gd name="T15" fmla="*/ 2147483646 h 1065"/>
                <a:gd name="T16" fmla="*/ 2147483646 w 1754"/>
                <a:gd name="T17" fmla="*/ 2147483646 h 1065"/>
                <a:gd name="T18" fmla="*/ 2147483646 w 1754"/>
                <a:gd name="T19" fmla="*/ 2147483646 h 1065"/>
                <a:gd name="T20" fmla="*/ 2147483646 w 1754"/>
                <a:gd name="T21" fmla="*/ 2147483646 h 1065"/>
                <a:gd name="T22" fmla="*/ 2147483646 w 1754"/>
                <a:gd name="T23" fmla="*/ 2147483646 h 1065"/>
                <a:gd name="T24" fmla="*/ 2147483646 w 1754"/>
                <a:gd name="T25" fmla="*/ 2147483646 h 1065"/>
                <a:gd name="T26" fmla="*/ 2147483646 w 1754"/>
                <a:gd name="T27" fmla="*/ 2147483646 h 1065"/>
                <a:gd name="T28" fmla="*/ 2147483646 w 1754"/>
                <a:gd name="T29" fmla="*/ 2147483646 h 1065"/>
                <a:gd name="T30" fmla="*/ 2147483646 w 1754"/>
                <a:gd name="T31" fmla="*/ 2147483646 h 1065"/>
                <a:gd name="T32" fmla="*/ 2147483646 w 1754"/>
                <a:gd name="T33" fmla="*/ 2147483646 h 1065"/>
                <a:gd name="T34" fmla="*/ 2147483646 w 1754"/>
                <a:gd name="T35" fmla="*/ 2147483646 h 1065"/>
                <a:gd name="T36" fmla="*/ 2147483646 w 1754"/>
                <a:gd name="T37" fmla="*/ 2147483646 h 1065"/>
                <a:gd name="T38" fmla="*/ 2147483646 w 1754"/>
                <a:gd name="T39" fmla="*/ 2147483646 h 1065"/>
                <a:gd name="T40" fmla="*/ 2147483646 w 1754"/>
                <a:gd name="T41" fmla="*/ 2147483646 h 1065"/>
                <a:gd name="T42" fmla="*/ 2147483646 w 1754"/>
                <a:gd name="T43" fmla="*/ 2147483646 h 1065"/>
                <a:gd name="T44" fmla="*/ 2147483646 w 1754"/>
                <a:gd name="T45" fmla="*/ 2147483646 h 1065"/>
                <a:gd name="T46" fmla="*/ 2147483646 w 1754"/>
                <a:gd name="T47" fmla="*/ 2147483646 h 1065"/>
                <a:gd name="T48" fmla="*/ 2147483646 w 1754"/>
                <a:gd name="T49" fmla="*/ 2147483646 h 1065"/>
                <a:gd name="T50" fmla="*/ 2147483646 w 1754"/>
                <a:gd name="T51" fmla="*/ 2147483646 h 1065"/>
                <a:gd name="T52" fmla="*/ 2147483646 w 1754"/>
                <a:gd name="T53" fmla="*/ 2147483646 h 1065"/>
                <a:gd name="T54" fmla="*/ 2147483646 w 1754"/>
                <a:gd name="T55" fmla="*/ 2147483646 h 1065"/>
                <a:gd name="T56" fmla="*/ 2147483646 w 1754"/>
                <a:gd name="T57" fmla="*/ 2147483646 h 1065"/>
                <a:gd name="T58" fmla="*/ 2147483646 w 1754"/>
                <a:gd name="T59" fmla="*/ 2147483646 h 1065"/>
                <a:gd name="T60" fmla="*/ 2147483646 w 1754"/>
                <a:gd name="T61" fmla="*/ 2147483646 h 1065"/>
                <a:gd name="T62" fmla="*/ 2147483646 w 1754"/>
                <a:gd name="T63" fmla="*/ 2147483646 h 1065"/>
                <a:gd name="T64" fmla="*/ 2147483646 w 1754"/>
                <a:gd name="T65" fmla="*/ 2147483646 h 1065"/>
                <a:gd name="T66" fmla="*/ 2147483646 w 1754"/>
                <a:gd name="T67" fmla="*/ 2147483646 h 1065"/>
                <a:gd name="T68" fmla="*/ 2147483646 w 1754"/>
                <a:gd name="T69" fmla="*/ 2147483646 h 1065"/>
                <a:gd name="T70" fmla="*/ 2147483646 w 1754"/>
                <a:gd name="T71" fmla="*/ 2147483646 h 1065"/>
                <a:gd name="T72" fmla="*/ 2147483646 w 1754"/>
                <a:gd name="T73" fmla="*/ 2147483646 h 1065"/>
                <a:gd name="T74" fmla="*/ 2147483646 w 1754"/>
                <a:gd name="T75" fmla="*/ 2147483646 h 1065"/>
                <a:gd name="T76" fmla="*/ 2147483646 w 1754"/>
                <a:gd name="T77" fmla="*/ 2147483646 h 1065"/>
                <a:gd name="T78" fmla="*/ 2147483646 w 1754"/>
                <a:gd name="T79" fmla="*/ 2147483646 h 1065"/>
                <a:gd name="T80" fmla="*/ 2147483646 w 1754"/>
                <a:gd name="T81" fmla="*/ 2147483646 h 1065"/>
                <a:gd name="T82" fmla="*/ 2147483646 w 1754"/>
                <a:gd name="T83" fmla="*/ 2147483646 h 1065"/>
                <a:gd name="T84" fmla="*/ 0 w 1754"/>
                <a:gd name="T85" fmla="*/ 2147483646 h 1065"/>
                <a:gd name="T86" fmla="*/ 2147483646 w 1754"/>
                <a:gd name="T87" fmla="*/ 2147483646 h 1065"/>
                <a:gd name="T88" fmla="*/ 2147483646 w 1754"/>
                <a:gd name="T89" fmla="*/ 0 h 1065"/>
                <a:gd name="T90" fmla="*/ 2147483646 w 1754"/>
                <a:gd name="T91" fmla="*/ 2147483646 h 1065"/>
                <a:gd name="T92" fmla="*/ 2147483646 w 1754"/>
                <a:gd name="T93" fmla="*/ 2147483646 h 1065"/>
                <a:gd name="T94" fmla="*/ 2147483646 w 1754"/>
                <a:gd name="T95" fmla="*/ 2147483646 h 1065"/>
                <a:gd name="T96" fmla="*/ 2147483646 w 1754"/>
                <a:gd name="T97" fmla="*/ 2147483646 h 1065"/>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1754"/>
                <a:gd name="T148" fmla="*/ 0 h 1065"/>
                <a:gd name="T149" fmla="*/ 1754 w 1754"/>
                <a:gd name="T150" fmla="*/ 1065 h 1065"/>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1754" h="1065">
                  <a:moveTo>
                    <a:pt x="1493" y="1065"/>
                  </a:moveTo>
                  <a:lnTo>
                    <a:pt x="1493" y="1065"/>
                  </a:lnTo>
                  <a:lnTo>
                    <a:pt x="1184" y="1065"/>
                  </a:lnTo>
                  <a:lnTo>
                    <a:pt x="1184" y="999"/>
                  </a:lnTo>
                  <a:lnTo>
                    <a:pt x="1493" y="999"/>
                  </a:lnTo>
                  <a:cubicBezTo>
                    <a:pt x="1519" y="999"/>
                    <a:pt x="1541" y="992"/>
                    <a:pt x="1554" y="981"/>
                  </a:cubicBezTo>
                  <a:cubicBezTo>
                    <a:pt x="1639" y="912"/>
                    <a:pt x="1688" y="813"/>
                    <a:pt x="1688" y="710"/>
                  </a:cubicBezTo>
                  <a:cubicBezTo>
                    <a:pt x="1688" y="522"/>
                    <a:pt x="1535" y="368"/>
                    <a:pt x="1347" y="366"/>
                  </a:cubicBezTo>
                  <a:cubicBezTo>
                    <a:pt x="1335" y="366"/>
                    <a:pt x="1324" y="359"/>
                    <a:pt x="1319" y="349"/>
                  </a:cubicBezTo>
                  <a:cubicBezTo>
                    <a:pt x="1221" y="175"/>
                    <a:pt x="1037" y="66"/>
                    <a:pt x="838" y="66"/>
                  </a:cubicBezTo>
                  <a:cubicBezTo>
                    <a:pt x="588" y="66"/>
                    <a:pt x="370" y="235"/>
                    <a:pt x="307" y="478"/>
                  </a:cubicBezTo>
                  <a:cubicBezTo>
                    <a:pt x="304" y="490"/>
                    <a:pt x="293" y="500"/>
                    <a:pt x="280" y="502"/>
                  </a:cubicBezTo>
                  <a:cubicBezTo>
                    <a:pt x="158" y="520"/>
                    <a:pt x="67" y="626"/>
                    <a:pt x="67" y="749"/>
                  </a:cubicBezTo>
                  <a:cubicBezTo>
                    <a:pt x="67" y="887"/>
                    <a:pt x="179" y="999"/>
                    <a:pt x="316" y="999"/>
                  </a:cubicBezTo>
                  <a:lnTo>
                    <a:pt x="604" y="999"/>
                  </a:lnTo>
                  <a:lnTo>
                    <a:pt x="604" y="661"/>
                  </a:lnTo>
                  <a:lnTo>
                    <a:pt x="522" y="661"/>
                  </a:lnTo>
                  <a:cubicBezTo>
                    <a:pt x="510" y="661"/>
                    <a:pt x="498" y="654"/>
                    <a:pt x="493" y="643"/>
                  </a:cubicBezTo>
                  <a:cubicBezTo>
                    <a:pt x="487" y="632"/>
                    <a:pt x="488" y="619"/>
                    <a:pt x="495" y="609"/>
                  </a:cubicBezTo>
                  <a:lnTo>
                    <a:pt x="689" y="332"/>
                  </a:lnTo>
                  <a:cubicBezTo>
                    <a:pt x="695" y="323"/>
                    <a:pt x="705" y="318"/>
                    <a:pt x="716" y="318"/>
                  </a:cubicBezTo>
                  <a:cubicBezTo>
                    <a:pt x="727" y="318"/>
                    <a:pt x="737" y="323"/>
                    <a:pt x="744" y="332"/>
                  </a:cubicBezTo>
                  <a:lnTo>
                    <a:pt x="931" y="605"/>
                  </a:lnTo>
                  <a:cubicBezTo>
                    <a:pt x="938" y="615"/>
                    <a:pt x="938" y="628"/>
                    <a:pt x="933" y="639"/>
                  </a:cubicBezTo>
                  <a:cubicBezTo>
                    <a:pt x="927" y="650"/>
                    <a:pt x="915" y="657"/>
                    <a:pt x="903" y="657"/>
                  </a:cubicBezTo>
                  <a:lnTo>
                    <a:pt x="819" y="657"/>
                  </a:lnTo>
                  <a:lnTo>
                    <a:pt x="819" y="999"/>
                  </a:lnTo>
                  <a:lnTo>
                    <a:pt x="979" y="999"/>
                  </a:lnTo>
                  <a:lnTo>
                    <a:pt x="979" y="1065"/>
                  </a:lnTo>
                  <a:lnTo>
                    <a:pt x="786" y="1065"/>
                  </a:lnTo>
                  <a:cubicBezTo>
                    <a:pt x="767" y="1065"/>
                    <a:pt x="752" y="1050"/>
                    <a:pt x="752" y="1032"/>
                  </a:cubicBezTo>
                  <a:lnTo>
                    <a:pt x="752" y="623"/>
                  </a:lnTo>
                  <a:cubicBezTo>
                    <a:pt x="752" y="605"/>
                    <a:pt x="767" y="590"/>
                    <a:pt x="786" y="590"/>
                  </a:cubicBezTo>
                  <a:lnTo>
                    <a:pt x="840" y="590"/>
                  </a:lnTo>
                  <a:lnTo>
                    <a:pt x="716" y="409"/>
                  </a:lnTo>
                  <a:lnTo>
                    <a:pt x="586" y="595"/>
                  </a:lnTo>
                  <a:lnTo>
                    <a:pt x="637" y="595"/>
                  </a:lnTo>
                  <a:cubicBezTo>
                    <a:pt x="656" y="595"/>
                    <a:pt x="671" y="610"/>
                    <a:pt x="671" y="628"/>
                  </a:cubicBezTo>
                  <a:lnTo>
                    <a:pt x="671" y="1032"/>
                  </a:lnTo>
                  <a:cubicBezTo>
                    <a:pt x="671" y="1050"/>
                    <a:pt x="656" y="1065"/>
                    <a:pt x="637" y="1065"/>
                  </a:cubicBezTo>
                  <a:lnTo>
                    <a:pt x="316" y="1065"/>
                  </a:lnTo>
                  <a:cubicBezTo>
                    <a:pt x="142" y="1065"/>
                    <a:pt x="0" y="923"/>
                    <a:pt x="0" y="749"/>
                  </a:cubicBezTo>
                  <a:cubicBezTo>
                    <a:pt x="0" y="601"/>
                    <a:pt x="105" y="472"/>
                    <a:pt x="248" y="440"/>
                  </a:cubicBezTo>
                  <a:cubicBezTo>
                    <a:pt x="325" y="180"/>
                    <a:pt x="565" y="0"/>
                    <a:pt x="838" y="0"/>
                  </a:cubicBezTo>
                  <a:cubicBezTo>
                    <a:pt x="1055" y="0"/>
                    <a:pt x="1256" y="114"/>
                    <a:pt x="1367" y="300"/>
                  </a:cubicBezTo>
                  <a:cubicBezTo>
                    <a:pt x="1582" y="313"/>
                    <a:pt x="1754" y="492"/>
                    <a:pt x="1754" y="710"/>
                  </a:cubicBezTo>
                  <a:cubicBezTo>
                    <a:pt x="1754" y="834"/>
                    <a:pt x="1697" y="951"/>
                    <a:pt x="1597" y="1033"/>
                  </a:cubicBezTo>
                  <a:cubicBezTo>
                    <a:pt x="1571" y="1054"/>
                    <a:pt x="1535" y="1065"/>
                    <a:pt x="1493" y="1065"/>
                  </a:cubicBezTo>
                  <a:close/>
                </a:path>
              </a:pathLst>
            </a:custGeom>
            <a:solidFill>
              <a:srgbClr val="00B0F0"/>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ym typeface="Huawei Sans" panose="020C0503030203020204" pitchFamily="34" charset="0"/>
              </a:endParaRPr>
            </a:p>
          </p:txBody>
        </p:sp>
        <p:sp>
          <p:nvSpPr>
            <p:cNvPr id="60" name="Freeform 72">
              <a:extLst>
                <a:ext uri="{FF2B5EF4-FFF2-40B4-BE49-F238E27FC236}">
                  <a16:creationId xmlns:a16="http://schemas.microsoft.com/office/drawing/2014/main" xmlns="" id="{C5733F60-A0F1-450F-A2A1-FBBB93D570C7}"/>
                </a:ext>
              </a:extLst>
            </p:cNvPr>
            <p:cNvSpPr>
              <a:spLocks/>
            </p:cNvSpPr>
            <p:nvPr/>
          </p:nvSpPr>
          <p:spPr bwMode="auto">
            <a:xfrm>
              <a:off x="6877050" y="1201738"/>
              <a:ext cx="190500" cy="271463"/>
            </a:xfrm>
            <a:custGeom>
              <a:avLst/>
              <a:gdLst>
                <a:gd name="T0" fmla="*/ 2147483646 w 452"/>
                <a:gd name="T1" fmla="*/ 2147483646 h 645"/>
                <a:gd name="T2" fmla="*/ 2147483646 w 452"/>
                <a:gd name="T3" fmla="*/ 2147483646 h 645"/>
                <a:gd name="T4" fmla="*/ 2147483646 w 452"/>
                <a:gd name="T5" fmla="*/ 2147483646 h 645"/>
                <a:gd name="T6" fmla="*/ 2147483646 w 452"/>
                <a:gd name="T7" fmla="*/ 2147483646 h 645"/>
                <a:gd name="T8" fmla="*/ 2147483646 w 452"/>
                <a:gd name="T9" fmla="*/ 2147483646 h 645"/>
                <a:gd name="T10" fmla="*/ 2147483646 w 452"/>
                <a:gd name="T11" fmla="*/ 2147483646 h 645"/>
                <a:gd name="T12" fmla="*/ 2147483646 w 452"/>
                <a:gd name="T13" fmla="*/ 2147483646 h 645"/>
                <a:gd name="T14" fmla="*/ 2147483646 w 452"/>
                <a:gd name="T15" fmla="*/ 2147483646 h 645"/>
                <a:gd name="T16" fmla="*/ 2147483646 w 452"/>
                <a:gd name="T17" fmla="*/ 2147483646 h 645"/>
                <a:gd name="T18" fmla="*/ 2147483646 w 452"/>
                <a:gd name="T19" fmla="*/ 2147483646 h 645"/>
                <a:gd name="T20" fmla="*/ 2147483646 w 452"/>
                <a:gd name="T21" fmla="*/ 2147483646 h 645"/>
                <a:gd name="T22" fmla="*/ 2147483646 w 452"/>
                <a:gd name="T23" fmla="*/ 2147483646 h 645"/>
                <a:gd name="T24" fmla="*/ 2147483646 w 452"/>
                <a:gd name="T25" fmla="*/ 2147483646 h 645"/>
                <a:gd name="T26" fmla="*/ 2147483646 w 452"/>
                <a:gd name="T27" fmla="*/ 2147483646 h 645"/>
                <a:gd name="T28" fmla="*/ 2147483646 w 452"/>
                <a:gd name="T29" fmla="*/ 2147483646 h 645"/>
                <a:gd name="T30" fmla="*/ 2147483646 w 452"/>
                <a:gd name="T31" fmla="*/ 2147483646 h 645"/>
                <a:gd name="T32" fmla="*/ 2147483646 w 452"/>
                <a:gd name="T33" fmla="*/ 2147483646 h 645"/>
                <a:gd name="T34" fmla="*/ 2147483646 w 452"/>
                <a:gd name="T35" fmla="*/ 2147483646 h 645"/>
                <a:gd name="T36" fmla="*/ 2147483646 w 452"/>
                <a:gd name="T37" fmla="*/ 0 h 645"/>
                <a:gd name="T38" fmla="*/ 2147483646 w 452"/>
                <a:gd name="T39" fmla="*/ 0 h 645"/>
                <a:gd name="T40" fmla="*/ 2147483646 w 452"/>
                <a:gd name="T41" fmla="*/ 2147483646 h 645"/>
                <a:gd name="T42" fmla="*/ 2147483646 w 452"/>
                <a:gd name="T43" fmla="*/ 2147483646 h 645"/>
                <a:gd name="T44" fmla="*/ 2147483646 w 452"/>
                <a:gd name="T45" fmla="*/ 2147483646 h 645"/>
                <a:gd name="T46" fmla="*/ 2147483646 w 452"/>
                <a:gd name="T47" fmla="*/ 2147483646 h 645"/>
                <a:gd name="T48" fmla="*/ 2147483646 w 452"/>
                <a:gd name="T49" fmla="*/ 2147483646 h 645"/>
                <a:gd name="T50" fmla="*/ 2147483646 w 452"/>
                <a:gd name="T51" fmla="*/ 2147483646 h 645"/>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452"/>
                <a:gd name="T79" fmla="*/ 0 h 645"/>
                <a:gd name="T80" fmla="*/ 452 w 452"/>
                <a:gd name="T81" fmla="*/ 645 h 645"/>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452" h="645">
                  <a:moveTo>
                    <a:pt x="328" y="645"/>
                  </a:moveTo>
                  <a:lnTo>
                    <a:pt x="328" y="645"/>
                  </a:lnTo>
                  <a:lnTo>
                    <a:pt x="273" y="606"/>
                  </a:lnTo>
                  <a:lnTo>
                    <a:pt x="352" y="493"/>
                  </a:lnTo>
                  <a:lnTo>
                    <a:pt x="301" y="493"/>
                  </a:lnTo>
                  <a:cubicBezTo>
                    <a:pt x="283" y="493"/>
                    <a:pt x="268" y="479"/>
                    <a:pt x="268" y="460"/>
                  </a:cubicBezTo>
                  <a:lnTo>
                    <a:pt x="268" y="66"/>
                  </a:lnTo>
                  <a:lnTo>
                    <a:pt x="186" y="66"/>
                  </a:lnTo>
                  <a:lnTo>
                    <a:pt x="186" y="465"/>
                  </a:lnTo>
                  <a:cubicBezTo>
                    <a:pt x="186" y="483"/>
                    <a:pt x="171" y="498"/>
                    <a:pt x="153" y="498"/>
                  </a:cubicBezTo>
                  <a:lnTo>
                    <a:pt x="99" y="498"/>
                  </a:lnTo>
                  <a:lnTo>
                    <a:pt x="171" y="604"/>
                  </a:lnTo>
                  <a:lnTo>
                    <a:pt x="116" y="641"/>
                  </a:lnTo>
                  <a:lnTo>
                    <a:pt x="8" y="484"/>
                  </a:lnTo>
                  <a:cubicBezTo>
                    <a:pt x="1" y="473"/>
                    <a:pt x="0" y="460"/>
                    <a:pt x="6" y="449"/>
                  </a:cubicBezTo>
                  <a:cubicBezTo>
                    <a:pt x="12" y="438"/>
                    <a:pt x="23" y="431"/>
                    <a:pt x="36" y="431"/>
                  </a:cubicBezTo>
                  <a:lnTo>
                    <a:pt x="120" y="431"/>
                  </a:lnTo>
                  <a:lnTo>
                    <a:pt x="120" y="33"/>
                  </a:lnTo>
                  <a:cubicBezTo>
                    <a:pt x="120" y="15"/>
                    <a:pt x="135" y="0"/>
                    <a:pt x="153" y="0"/>
                  </a:cubicBezTo>
                  <a:lnTo>
                    <a:pt x="301" y="0"/>
                  </a:lnTo>
                  <a:cubicBezTo>
                    <a:pt x="320" y="0"/>
                    <a:pt x="335" y="15"/>
                    <a:pt x="335" y="33"/>
                  </a:cubicBezTo>
                  <a:lnTo>
                    <a:pt x="335" y="427"/>
                  </a:lnTo>
                  <a:lnTo>
                    <a:pt x="416" y="427"/>
                  </a:lnTo>
                  <a:cubicBezTo>
                    <a:pt x="429" y="427"/>
                    <a:pt x="440" y="434"/>
                    <a:pt x="446" y="445"/>
                  </a:cubicBezTo>
                  <a:cubicBezTo>
                    <a:pt x="452" y="456"/>
                    <a:pt x="451" y="469"/>
                    <a:pt x="444" y="479"/>
                  </a:cubicBezTo>
                  <a:lnTo>
                    <a:pt x="328" y="645"/>
                  </a:lnTo>
                  <a:close/>
                </a:path>
              </a:pathLst>
            </a:custGeom>
            <a:solidFill>
              <a:srgbClr val="00B0F0"/>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ym typeface="Huawei Sans" panose="020C0503030203020204" pitchFamily="34" charset="0"/>
              </a:endParaRPr>
            </a:p>
          </p:txBody>
        </p:sp>
      </p:grpSp>
      <p:sp>
        <p:nvSpPr>
          <p:cNvPr id="36" name="矩形 35">
            <a:extLst>
              <a:ext uri="{FF2B5EF4-FFF2-40B4-BE49-F238E27FC236}">
                <a16:creationId xmlns:a16="http://schemas.microsoft.com/office/drawing/2014/main" xmlns="" id="{09BAF593-5B8F-4542-841B-973B139970B6}"/>
              </a:ext>
            </a:extLst>
          </p:cNvPr>
          <p:cNvSpPr/>
          <p:nvPr/>
        </p:nvSpPr>
        <p:spPr>
          <a:xfrm>
            <a:off x="6570678" y="4911782"/>
            <a:ext cx="1237533" cy="338554"/>
          </a:xfrm>
          <a:prstGeom prst="rect">
            <a:avLst/>
          </a:prstGeom>
          <a:noFill/>
        </p:spPr>
        <p:txBody>
          <a:bodyPr wrap="square" anchor="ctr">
            <a:spAutoFit/>
          </a:bodyPr>
          <a:lstStyle/>
          <a:p>
            <a:pPr lvl="0" algn="r" defTabSz="914400">
              <a:defRPr/>
            </a:pPr>
            <a:r>
              <a:rPr lang="zh-CN" altLang="en-US" sz="1600" b="1">
                <a:cs typeface="+mn-ea"/>
                <a:sym typeface="Huawei Sans" panose="020C0503030203020204" pitchFamily="34" charset="0"/>
              </a:rPr>
              <a:t>广域传输</a:t>
            </a:r>
            <a:endParaRPr lang="en-US" altLang="zh-CN" sz="1600" b="1" dirty="0">
              <a:cs typeface="+mn-ea"/>
              <a:sym typeface="Huawei Sans" panose="020C0503030203020204" pitchFamily="34" charset="0"/>
            </a:endParaRPr>
          </a:p>
        </p:txBody>
      </p:sp>
      <p:sp>
        <p:nvSpPr>
          <p:cNvPr id="38" name="矩形 37">
            <a:extLst>
              <a:ext uri="{FF2B5EF4-FFF2-40B4-BE49-F238E27FC236}">
                <a16:creationId xmlns:a16="http://schemas.microsoft.com/office/drawing/2014/main" xmlns="" id="{C83D3DC9-D6CC-4340-A9F7-EAE4B9CDC8A2}"/>
              </a:ext>
            </a:extLst>
          </p:cNvPr>
          <p:cNvSpPr/>
          <p:nvPr/>
        </p:nvSpPr>
        <p:spPr>
          <a:xfrm>
            <a:off x="7745812" y="4896392"/>
            <a:ext cx="2183703" cy="338554"/>
          </a:xfrm>
          <a:prstGeom prst="rect">
            <a:avLst/>
          </a:prstGeom>
        </p:spPr>
        <p:txBody>
          <a:bodyPr wrap="square">
            <a:spAutoFit/>
          </a:bodyPr>
          <a:lstStyle/>
          <a:p>
            <a:pPr lvl="0" algn="ctr" defTabSz="914400">
              <a:defRPr/>
            </a:pPr>
            <a:r>
              <a:rPr lang="en-US" altLang="zh-CN" sz="1600" b="1">
                <a:cs typeface="+mn-ea"/>
                <a:sym typeface="Huawei Sans" panose="020C0503030203020204" pitchFamily="34" charset="0"/>
              </a:rPr>
              <a:t>iMaster NCE-T</a:t>
            </a:r>
            <a:endParaRPr lang="en-US" altLang="zh-CN" sz="1600" b="1" dirty="0">
              <a:cs typeface="+mn-ea"/>
              <a:sym typeface="Huawei Sans" panose="020C0503030203020204" pitchFamily="34" charset="0"/>
            </a:endParaRPr>
          </a:p>
        </p:txBody>
      </p:sp>
      <p:grpSp>
        <p:nvGrpSpPr>
          <p:cNvPr id="61" name="组合 4">
            <a:extLst>
              <a:ext uri="{FF2B5EF4-FFF2-40B4-BE49-F238E27FC236}">
                <a16:creationId xmlns:a16="http://schemas.microsoft.com/office/drawing/2014/main" xmlns="" id="{6D327266-1BD6-4017-96E3-6376D7C4A24C}"/>
              </a:ext>
            </a:extLst>
          </p:cNvPr>
          <p:cNvGrpSpPr>
            <a:grpSpLocks/>
          </p:cNvGrpSpPr>
          <p:nvPr/>
        </p:nvGrpSpPr>
        <p:grpSpPr bwMode="auto">
          <a:xfrm>
            <a:off x="6194922" y="4892080"/>
            <a:ext cx="432456" cy="407514"/>
            <a:chOff x="4727639" y="2369879"/>
            <a:chExt cx="456831" cy="465563"/>
          </a:xfrm>
          <a:solidFill>
            <a:srgbClr val="00B0F0"/>
          </a:solidFill>
        </p:grpSpPr>
        <p:sp>
          <p:nvSpPr>
            <p:cNvPr id="62" name="Freeform 777">
              <a:extLst>
                <a:ext uri="{FF2B5EF4-FFF2-40B4-BE49-F238E27FC236}">
                  <a16:creationId xmlns:a16="http://schemas.microsoft.com/office/drawing/2014/main" xmlns="" id="{FC6A7864-7BB5-4125-8522-41867300303E}"/>
                </a:ext>
              </a:extLst>
            </p:cNvPr>
            <p:cNvSpPr>
              <a:spLocks/>
            </p:cNvSpPr>
            <p:nvPr/>
          </p:nvSpPr>
          <p:spPr bwMode="auto">
            <a:xfrm>
              <a:off x="4727639" y="2369879"/>
              <a:ext cx="456831" cy="456831"/>
            </a:xfrm>
            <a:custGeom>
              <a:avLst/>
              <a:gdLst>
                <a:gd name="T0" fmla="*/ 2147483646 w 1429"/>
                <a:gd name="T1" fmla="*/ 2147483646 h 1424"/>
                <a:gd name="T2" fmla="*/ 2147483646 w 1429"/>
                <a:gd name="T3" fmla="*/ 2147483646 h 1424"/>
                <a:gd name="T4" fmla="*/ 2147483646 w 1429"/>
                <a:gd name="T5" fmla="*/ 2147483646 h 1424"/>
                <a:gd name="T6" fmla="*/ 0 w 1429"/>
                <a:gd name="T7" fmla="*/ 2147483646 h 1424"/>
                <a:gd name="T8" fmla="*/ 2147483646 w 1429"/>
                <a:gd name="T9" fmla="*/ 0 h 1424"/>
                <a:gd name="T10" fmla="*/ 2147483646 w 1429"/>
                <a:gd name="T11" fmla="*/ 2147483646 h 1424"/>
                <a:gd name="T12" fmla="*/ 2147483646 w 1429"/>
                <a:gd name="T13" fmla="*/ 2147483646 h 1424"/>
                <a:gd name="T14" fmla="*/ 2147483646 w 1429"/>
                <a:gd name="T15" fmla="*/ 2147483646 h 1424"/>
                <a:gd name="T16" fmla="*/ 2147483646 w 1429"/>
                <a:gd name="T17" fmla="*/ 2147483646 h 1424"/>
                <a:gd name="T18" fmla="*/ 2147483646 w 1429"/>
                <a:gd name="T19" fmla="*/ 2147483646 h 1424"/>
                <a:gd name="T20" fmla="*/ 2147483646 w 1429"/>
                <a:gd name="T21" fmla="*/ 2147483646 h 1424"/>
                <a:gd name="T22" fmla="*/ 2147483646 w 1429"/>
                <a:gd name="T23" fmla="*/ 2147483646 h 1424"/>
                <a:gd name="T24" fmla="*/ 2147483646 w 1429"/>
                <a:gd name="T25" fmla="*/ 2147483646 h 1424"/>
                <a:gd name="T26" fmla="*/ 2147483646 w 1429"/>
                <a:gd name="T27" fmla="*/ 2147483646 h 1424"/>
                <a:gd name="T28" fmla="*/ 2147483646 w 1429"/>
                <a:gd name="T29" fmla="*/ 2147483646 h 1424"/>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429" h="1424">
                  <a:moveTo>
                    <a:pt x="612" y="1422"/>
                  </a:moveTo>
                  <a:lnTo>
                    <a:pt x="612" y="1422"/>
                  </a:lnTo>
                  <a:cubicBezTo>
                    <a:pt x="610" y="1422"/>
                    <a:pt x="609" y="1422"/>
                    <a:pt x="607" y="1422"/>
                  </a:cubicBezTo>
                  <a:cubicBezTo>
                    <a:pt x="261" y="1369"/>
                    <a:pt x="0" y="1066"/>
                    <a:pt x="0" y="715"/>
                  </a:cubicBezTo>
                  <a:cubicBezTo>
                    <a:pt x="0" y="321"/>
                    <a:pt x="320" y="0"/>
                    <a:pt x="714" y="0"/>
                  </a:cubicBezTo>
                  <a:cubicBezTo>
                    <a:pt x="1108" y="0"/>
                    <a:pt x="1429" y="321"/>
                    <a:pt x="1429" y="715"/>
                  </a:cubicBezTo>
                  <a:cubicBezTo>
                    <a:pt x="1429" y="1066"/>
                    <a:pt x="1168" y="1369"/>
                    <a:pt x="822" y="1422"/>
                  </a:cubicBezTo>
                  <a:cubicBezTo>
                    <a:pt x="803" y="1424"/>
                    <a:pt x="786" y="1412"/>
                    <a:pt x="784" y="1394"/>
                  </a:cubicBezTo>
                  <a:cubicBezTo>
                    <a:pt x="781" y="1375"/>
                    <a:pt x="794" y="1358"/>
                    <a:pt x="812" y="1356"/>
                  </a:cubicBezTo>
                  <a:cubicBezTo>
                    <a:pt x="1126" y="1308"/>
                    <a:pt x="1362" y="1033"/>
                    <a:pt x="1362" y="715"/>
                  </a:cubicBezTo>
                  <a:cubicBezTo>
                    <a:pt x="1362" y="357"/>
                    <a:pt x="1072" y="67"/>
                    <a:pt x="714" y="67"/>
                  </a:cubicBezTo>
                  <a:cubicBezTo>
                    <a:pt x="357" y="67"/>
                    <a:pt x="66" y="357"/>
                    <a:pt x="66" y="715"/>
                  </a:cubicBezTo>
                  <a:cubicBezTo>
                    <a:pt x="66" y="1033"/>
                    <a:pt x="303" y="1308"/>
                    <a:pt x="617" y="1356"/>
                  </a:cubicBezTo>
                  <a:cubicBezTo>
                    <a:pt x="635" y="1358"/>
                    <a:pt x="648" y="1375"/>
                    <a:pt x="645" y="1394"/>
                  </a:cubicBezTo>
                  <a:cubicBezTo>
                    <a:pt x="643" y="1410"/>
                    <a:pt x="628" y="1422"/>
                    <a:pt x="612" y="1422"/>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63" name="Freeform 778">
              <a:extLst>
                <a:ext uri="{FF2B5EF4-FFF2-40B4-BE49-F238E27FC236}">
                  <a16:creationId xmlns:a16="http://schemas.microsoft.com/office/drawing/2014/main" xmlns="" id="{199371F3-7ADA-4787-AFF4-E7D25D359219}"/>
                </a:ext>
              </a:extLst>
            </p:cNvPr>
            <p:cNvSpPr>
              <a:spLocks/>
            </p:cNvSpPr>
            <p:nvPr/>
          </p:nvSpPr>
          <p:spPr bwMode="auto">
            <a:xfrm>
              <a:off x="4899313" y="2791795"/>
              <a:ext cx="43645" cy="43647"/>
            </a:xfrm>
            <a:custGeom>
              <a:avLst/>
              <a:gdLst>
                <a:gd name="T0" fmla="*/ 2147483646 w 139"/>
                <a:gd name="T1" fmla="*/ 2147483646 h 138"/>
                <a:gd name="T2" fmla="*/ 2147483646 w 139"/>
                <a:gd name="T3" fmla="*/ 2147483646 h 138"/>
                <a:gd name="T4" fmla="*/ 0 w 139"/>
                <a:gd name="T5" fmla="*/ 2147483646 h 138"/>
                <a:gd name="T6" fmla="*/ 2147483646 w 139"/>
                <a:gd name="T7" fmla="*/ 0 h 138"/>
                <a:gd name="T8" fmla="*/ 2147483646 w 139"/>
                <a:gd name="T9" fmla="*/ 2147483646 h 138"/>
                <a:gd name="T10" fmla="*/ 2147483646 w 139"/>
                <a:gd name="T11" fmla="*/ 2147483646 h 13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8">
                  <a:moveTo>
                    <a:pt x="70" y="138"/>
                  </a:moveTo>
                  <a:lnTo>
                    <a:pt x="70" y="138"/>
                  </a:lnTo>
                  <a:cubicBezTo>
                    <a:pt x="31" y="138"/>
                    <a:pt x="0" y="107"/>
                    <a:pt x="0" y="69"/>
                  </a:cubicBezTo>
                  <a:cubicBezTo>
                    <a:pt x="0" y="31"/>
                    <a:pt x="31" y="0"/>
                    <a:pt x="70" y="0"/>
                  </a:cubicBezTo>
                  <a:cubicBezTo>
                    <a:pt x="108" y="0"/>
                    <a:pt x="139" y="31"/>
                    <a:pt x="139" y="69"/>
                  </a:cubicBezTo>
                  <a:cubicBezTo>
                    <a:pt x="139" y="107"/>
                    <a:pt x="108" y="138"/>
                    <a:pt x="70" y="138"/>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64" name="Freeform 779">
              <a:extLst>
                <a:ext uri="{FF2B5EF4-FFF2-40B4-BE49-F238E27FC236}">
                  <a16:creationId xmlns:a16="http://schemas.microsoft.com/office/drawing/2014/main" xmlns="" id="{8C08D653-DB7D-4496-86DE-11E3E7242783}"/>
                </a:ext>
              </a:extLst>
            </p:cNvPr>
            <p:cNvSpPr>
              <a:spLocks/>
            </p:cNvSpPr>
            <p:nvPr/>
          </p:nvSpPr>
          <p:spPr bwMode="auto">
            <a:xfrm>
              <a:off x="4966237" y="2791795"/>
              <a:ext cx="46556" cy="43647"/>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70" y="139"/>
                  </a:moveTo>
                  <a:lnTo>
                    <a:pt x="70" y="139"/>
                  </a:lnTo>
                  <a:cubicBezTo>
                    <a:pt x="31" y="139"/>
                    <a:pt x="0" y="107"/>
                    <a:pt x="0" y="69"/>
                  </a:cubicBezTo>
                  <a:cubicBezTo>
                    <a:pt x="0" y="31"/>
                    <a:pt x="31" y="0"/>
                    <a:pt x="70" y="0"/>
                  </a:cubicBezTo>
                  <a:cubicBezTo>
                    <a:pt x="108" y="0"/>
                    <a:pt x="139" y="31"/>
                    <a:pt x="139" y="69"/>
                  </a:cubicBezTo>
                  <a:cubicBezTo>
                    <a:pt x="139" y="107"/>
                    <a:pt x="108" y="139"/>
                    <a:pt x="70" y="139"/>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65" name="Freeform 780">
              <a:extLst>
                <a:ext uri="{FF2B5EF4-FFF2-40B4-BE49-F238E27FC236}">
                  <a16:creationId xmlns:a16="http://schemas.microsoft.com/office/drawing/2014/main" xmlns="" id="{94994A6A-5E1D-4134-82D5-1427EEA9603C}"/>
                </a:ext>
              </a:extLst>
            </p:cNvPr>
            <p:cNvSpPr>
              <a:spLocks noEditPoints="1"/>
            </p:cNvSpPr>
            <p:nvPr/>
          </p:nvSpPr>
          <p:spPr bwMode="auto">
            <a:xfrm>
              <a:off x="4910952" y="2559015"/>
              <a:ext cx="93112" cy="90203"/>
            </a:xfrm>
            <a:custGeom>
              <a:avLst/>
              <a:gdLst>
                <a:gd name="T0" fmla="*/ 2147483646 w 288"/>
                <a:gd name="T1" fmla="*/ 2147483646 h 287"/>
                <a:gd name="T2" fmla="*/ 2147483646 w 288"/>
                <a:gd name="T3" fmla="*/ 2147483646 h 287"/>
                <a:gd name="T4" fmla="*/ 2147483646 w 288"/>
                <a:gd name="T5" fmla="*/ 2147483646 h 287"/>
                <a:gd name="T6" fmla="*/ 2147483646 w 288"/>
                <a:gd name="T7" fmla="*/ 2147483646 h 287"/>
                <a:gd name="T8" fmla="*/ 2147483646 w 288"/>
                <a:gd name="T9" fmla="*/ 2147483646 h 287"/>
                <a:gd name="T10" fmla="*/ 2147483646 w 288"/>
                <a:gd name="T11" fmla="*/ 2147483646 h 287"/>
                <a:gd name="T12" fmla="*/ 2147483646 w 288"/>
                <a:gd name="T13" fmla="*/ 2147483646 h 287"/>
                <a:gd name="T14" fmla="*/ 2147483646 w 288"/>
                <a:gd name="T15" fmla="*/ 2147483646 h 287"/>
                <a:gd name="T16" fmla="*/ 0 w 288"/>
                <a:gd name="T17" fmla="*/ 2147483646 h 287"/>
                <a:gd name="T18" fmla="*/ 2147483646 w 288"/>
                <a:gd name="T19" fmla="*/ 0 h 287"/>
                <a:gd name="T20" fmla="*/ 2147483646 w 288"/>
                <a:gd name="T21" fmla="*/ 2147483646 h 287"/>
                <a:gd name="T22" fmla="*/ 2147483646 w 288"/>
                <a:gd name="T23" fmla="*/ 2147483646 h 28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288" h="287">
                  <a:moveTo>
                    <a:pt x="144" y="13"/>
                  </a:moveTo>
                  <a:lnTo>
                    <a:pt x="144" y="13"/>
                  </a:lnTo>
                  <a:cubicBezTo>
                    <a:pt x="72" y="13"/>
                    <a:pt x="14" y="72"/>
                    <a:pt x="14" y="144"/>
                  </a:cubicBezTo>
                  <a:cubicBezTo>
                    <a:pt x="14" y="215"/>
                    <a:pt x="72" y="274"/>
                    <a:pt x="144" y="274"/>
                  </a:cubicBezTo>
                  <a:cubicBezTo>
                    <a:pt x="216" y="274"/>
                    <a:pt x="274" y="215"/>
                    <a:pt x="274" y="144"/>
                  </a:cubicBezTo>
                  <a:cubicBezTo>
                    <a:pt x="274" y="72"/>
                    <a:pt x="216" y="13"/>
                    <a:pt x="144" y="13"/>
                  </a:cubicBezTo>
                  <a:close/>
                  <a:moveTo>
                    <a:pt x="144" y="287"/>
                  </a:moveTo>
                  <a:lnTo>
                    <a:pt x="144" y="287"/>
                  </a:lnTo>
                  <a:cubicBezTo>
                    <a:pt x="65" y="287"/>
                    <a:pt x="0" y="223"/>
                    <a:pt x="0" y="144"/>
                  </a:cubicBezTo>
                  <a:cubicBezTo>
                    <a:pt x="0" y="64"/>
                    <a:pt x="65" y="0"/>
                    <a:pt x="144" y="0"/>
                  </a:cubicBezTo>
                  <a:cubicBezTo>
                    <a:pt x="223" y="0"/>
                    <a:pt x="288" y="64"/>
                    <a:pt x="288" y="144"/>
                  </a:cubicBezTo>
                  <a:cubicBezTo>
                    <a:pt x="288" y="223"/>
                    <a:pt x="223" y="287"/>
                    <a:pt x="144" y="287"/>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66" name="Freeform 781">
              <a:extLst>
                <a:ext uri="{FF2B5EF4-FFF2-40B4-BE49-F238E27FC236}">
                  <a16:creationId xmlns:a16="http://schemas.microsoft.com/office/drawing/2014/main" xmlns="" id="{6CFDA31A-C12F-4E7F-A85A-D8744E418776}"/>
                </a:ext>
              </a:extLst>
            </p:cNvPr>
            <p:cNvSpPr>
              <a:spLocks/>
            </p:cNvSpPr>
            <p:nvPr/>
          </p:nvSpPr>
          <p:spPr bwMode="auto">
            <a:xfrm>
              <a:off x="4945869" y="2430986"/>
              <a:ext cx="23278" cy="130940"/>
            </a:xfrm>
            <a:custGeom>
              <a:avLst/>
              <a:gdLst>
                <a:gd name="T0" fmla="*/ 0 w 70"/>
                <a:gd name="T1" fmla="*/ 0 h 410"/>
                <a:gd name="T2" fmla="*/ 0 w 70"/>
                <a:gd name="T3" fmla="*/ 0 h 410"/>
                <a:gd name="T4" fmla="*/ 2147483646 w 70"/>
                <a:gd name="T5" fmla="*/ 0 h 410"/>
                <a:gd name="T6" fmla="*/ 2147483646 w 70"/>
                <a:gd name="T7" fmla="*/ 2147483646 h 410"/>
                <a:gd name="T8" fmla="*/ 2147483646 w 70"/>
                <a:gd name="T9" fmla="*/ 2147483646 h 410"/>
                <a:gd name="T10" fmla="*/ 2147483646 w 70"/>
                <a:gd name="T11" fmla="*/ 2147483646 h 410"/>
                <a:gd name="T12" fmla="*/ 0 w 70"/>
                <a:gd name="T13" fmla="*/ 0 h 41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70" h="410">
                  <a:moveTo>
                    <a:pt x="0" y="0"/>
                  </a:moveTo>
                  <a:lnTo>
                    <a:pt x="0" y="0"/>
                  </a:lnTo>
                  <a:lnTo>
                    <a:pt x="70" y="0"/>
                  </a:lnTo>
                  <a:lnTo>
                    <a:pt x="61" y="410"/>
                  </a:lnTo>
                  <a:cubicBezTo>
                    <a:pt x="61" y="410"/>
                    <a:pt x="51" y="408"/>
                    <a:pt x="35" y="408"/>
                  </a:cubicBezTo>
                  <a:cubicBezTo>
                    <a:pt x="19" y="408"/>
                    <a:pt x="9" y="410"/>
                    <a:pt x="9" y="410"/>
                  </a:cubicBezTo>
                  <a:lnTo>
                    <a:pt x="0"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67" name="Freeform 782">
              <a:extLst>
                <a:ext uri="{FF2B5EF4-FFF2-40B4-BE49-F238E27FC236}">
                  <a16:creationId xmlns:a16="http://schemas.microsoft.com/office/drawing/2014/main" xmlns="" id="{27FC06CB-55F3-4E32-9EDF-FF5DBCC19885}"/>
                </a:ext>
              </a:extLst>
            </p:cNvPr>
            <p:cNvSpPr>
              <a:spLocks/>
            </p:cNvSpPr>
            <p:nvPr/>
          </p:nvSpPr>
          <p:spPr bwMode="auto">
            <a:xfrm>
              <a:off x="4966237" y="2515368"/>
              <a:ext cx="23278" cy="46556"/>
            </a:xfrm>
            <a:custGeom>
              <a:avLst/>
              <a:gdLst>
                <a:gd name="T0" fmla="*/ 2147483646 w 68"/>
                <a:gd name="T1" fmla="*/ 0 h 141"/>
                <a:gd name="T2" fmla="*/ 2147483646 w 68"/>
                <a:gd name="T3" fmla="*/ 0 h 141"/>
                <a:gd name="T4" fmla="*/ 2147483646 w 68"/>
                <a:gd name="T5" fmla="*/ 2147483646 h 141"/>
                <a:gd name="T6" fmla="*/ 2147483646 w 68"/>
                <a:gd name="T7" fmla="*/ 2147483646 h 141"/>
                <a:gd name="T8" fmla="*/ 2147483646 w 68"/>
                <a:gd name="T9" fmla="*/ 2147483646 h 141"/>
                <a:gd name="T10" fmla="*/ 0 w 68"/>
                <a:gd name="T11" fmla="*/ 2147483646 h 141"/>
                <a:gd name="T12" fmla="*/ 2147483646 w 68"/>
                <a:gd name="T13" fmla="*/ 0 h 14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68" h="141">
                  <a:moveTo>
                    <a:pt x="30" y="0"/>
                  </a:moveTo>
                  <a:lnTo>
                    <a:pt x="30" y="0"/>
                  </a:lnTo>
                  <a:lnTo>
                    <a:pt x="68" y="12"/>
                  </a:lnTo>
                  <a:lnTo>
                    <a:pt x="17" y="141"/>
                  </a:lnTo>
                  <a:cubicBezTo>
                    <a:pt x="17" y="141"/>
                    <a:pt x="14" y="139"/>
                    <a:pt x="9" y="137"/>
                  </a:cubicBezTo>
                  <a:cubicBezTo>
                    <a:pt x="4" y="136"/>
                    <a:pt x="0" y="136"/>
                    <a:pt x="0" y="136"/>
                  </a:cubicBezTo>
                  <a:lnTo>
                    <a:pt x="30"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68" name="Freeform 783">
              <a:extLst>
                <a:ext uri="{FF2B5EF4-FFF2-40B4-BE49-F238E27FC236}">
                  <a16:creationId xmlns:a16="http://schemas.microsoft.com/office/drawing/2014/main" xmlns="" id="{006C3C8E-A3C0-4DB9-9119-20EE3CF5006D}"/>
                </a:ext>
              </a:extLst>
            </p:cNvPr>
            <p:cNvSpPr>
              <a:spLocks/>
            </p:cNvSpPr>
            <p:nvPr/>
          </p:nvSpPr>
          <p:spPr bwMode="auto">
            <a:xfrm>
              <a:off x="4972056" y="2471722"/>
              <a:ext cx="69834" cy="98932"/>
            </a:xfrm>
            <a:custGeom>
              <a:avLst/>
              <a:gdLst>
                <a:gd name="T0" fmla="*/ 2147483646 w 217"/>
                <a:gd name="T1" fmla="*/ 0 h 309"/>
                <a:gd name="T2" fmla="*/ 2147483646 w 217"/>
                <a:gd name="T3" fmla="*/ 0 h 309"/>
                <a:gd name="T4" fmla="*/ 2147483646 w 217"/>
                <a:gd name="T5" fmla="*/ 2147483646 h 309"/>
                <a:gd name="T6" fmla="*/ 2147483646 w 217"/>
                <a:gd name="T7" fmla="*/ 2147483646 h 309"/>
                <a:gd name="T8" fmla="*/ 2147483646 w 217"/>
                <a:gd name="T9" fmla="*/ 2147483646 h 309"/>
                <a:gd name="T10" fmla="*/ 0 w 217"/>
                <a:gd name="T11" fmla="*/ 2147483646 h 309"/>
                <a:gd name="T12" fmla="*/ 2147483646 w 217"/>
                <a:gd name="T13" fmla="*/ 0 h 30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217" h="309">
                  <a:moveTo>
                    <a:pt x="156" y="0"/>
                  </a:moveTo>
                  <a:lnTo>
                    <a:pt x="156" y="0"/>
                  </a:lnTo>
                  <a:lnTo>
                    <a:pt x="217" y="35"/>
                  </a:lnTo>
                  <a:lnTo>
                    <a:pt x="45" y="309"/>
                  </a:lnTo>
                  <a:cubicBezTo>
                    <a:pt x="45" y="309"/>
                    <a:pt x="37" y="302"/>
                    <a:pt x="24" y="294"/>
                  </a:cubicBezTo>
                  <a:cubicBezTo>
                    <a:pt x="10" y="286"/>
                    <a:pt x="0" y="283"/>
                    <a:pt x="0" y="283"/>
                  </a:cubicBezTo>
                  <a:lnTo>
                    <a:pt x="156"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69" name="Freeform 784">
              <a:extLst>
                <a:ext uri="{FF2B5EF4-FFF2-40B4-BE49-F238E27FC236}">
                  <a16:creationId xmlns:a16="http://schemas.microsoft.com/office/drawing/2014/main" xmlns="" id="{BF2946F4-A2CE-4471-8E5D-7DCA1ADCC0D4}"/>
                </a:ext>
              </a:extLst>
            </p:cNvPr>
            <p:cNvSpPr>
              <a:spLocks/>
            </p:cNvSpPr>
            <p:nvPr/>
          </p:nvSpPr>
          <p:spPr bwMode="auto">
            <a:xfrm>
              <a:off x="4989515" y="2538646"/>
              <a:ext cx="37826" cy="34917"/>
            </a:xfrm>
            <a:custGeom>
              <a:avLst/>
              <a:gdLst>
                <a:gd name="T0" fmla="*/ 2147483646 w 121"/>
                <a:gd name="T1" fmla="*/ 0 h 115"/>
                <a:gd name="T2" fmla="*/ 2147483646 w 121"/>
                <a:gd name="T3" fmla="*/ 0 h 115"/>
                <a:gd name="T4" fmla="*/ 2147483646 w 121"/>
                <a:gd name="T5" fmla="*/ 2147483646 h 115"/>
                <a:gd name="T6" fmla="*/ 2147483646 w 121"/>
                <a:gd name="T7" fmla="*/ 2147483646 h 115"/>
                <a:gd name="T8" fmla="*/ 2147483646 w 121"/>
                <a:gd name="T9" fmla="*/ 2147483646 h 115"/>
                <a:gd name="T10" fmla="*/ 0 w 121"/>
                <a:gd name="T11" fmla="*/ 2147483646 h 115"/>
                <a:gd name="T12" fmla="*/ 2147483646 w 121"/>
                <a:gd name="T13" fmla="*/ 0 h 115"/>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21" h="115">
                  <a:moveTo>
                    <a:pt x="94" y="0"/>
                  </a:moveTo>
                  <a:lnTo>
                    <a:pt x="94" y="0"/>
                  </a:lnTo>
                  <a:lnTo>
                    <a:pt x="121" y="30"/>
                  </a:lnTo>
                  <a:lnTo>
                    <a:pt x="12" y="115"/>
                  </a:lnTo>
                  <a:cubicBezTo>
                    <a:pt x="12" y="115"/>
                    <a:pt x="10" y="112"/>
                    <a:pt x="6" y="108"/>
                  </a:cubicBezTo>
                  <a:cubicBezTo>
                    <a:pt x="3" y="104"/>
                    <a:pt x="0" y="102"/>
                    <a:pt x="0" y="102"/>
                  </a:cubicBezTo>
                  <a:lnTo>
                    <a:pt x="94"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0" name="Freeform 785">
              <a:extLst>
                <a:ext uri="{FF2B5EF4-FFF2-40B4-BE49-F238E27FC236}">
                  <a16:creationId xmlns:a16="http://schemas.microsoft.com/office/drawing/2014/main" xmlns="" id="{E5C250A1-6802-4EC9-84B4-28ACCDF75A74}"/>
                </a:ext>
              </a:extLst>
            </p:cNvPr>
            <p:cNvSpPr>
              <a:spLocks/>
            </p:cNvSpPr>
            <p:nvPr/>
          </p:nvSpPr>
          <p:spPr bwMode="auto">
            <a:xfrm>
              <a:off x="4992425" y="2521187"/>
              <a:ext cx="96021" cy="69834"/>
            </a:xfrm>
            <a:custGeom>
              <a:avLst/>
              <a:gdLst>
                <a:gd name="T0" fmla="*/ 2147483646 w 307"/>
                <a:gd name="T1" fmla="*/ 0 h 212"/>
                <a:gd name="T2" fmla="*/ 2147483646 w 307"/>
                <a:gd name="T3" fmla="*/ 0 h 212"/>
                <a:gd name="T4" fmla="*/ 2147483646 w 307"/>
                <a:gd name="T5" fmla="*/ 2147483646 h 212"/>
                <a:gd name="T6" fmla="*/ 2147483646 w 307"/>
                <a:gd name="T7" fmla="*/ 2147483646 h 212"/>
                <a:gd name="T8" fmla="*/ 2147483646 w 307"/>
                <a:gd name="T9" fmla="*/ 2147483646 h 212"/>
                <a:gd name="T10" fmla="*/ 0 w 307"/>
                <a:gd name="T11" fmla="*/ 2147483646 h 212"/>
                <a:gd name="T12" fmla="*/ 2147483646 w 307"/>
                <a:gd name="T13" fmla="*/ 0 h 212"/>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07" h="212">
                  <a:moveTo>
                    <a:pt x="273" y="0"/>
                  </a:moveTo>
                  <a:lnTo>
                    <a:pt x="273" y="0"/>
                  </a:lnTo>
                  <a:lnTo>
                    <a:pt x="307" y="61"/>
                  </a:lnTo>
                  <a:lnTo>
                    <a:pt x="25" y="212"/>
                  </a:lnTo>
                  <a:cubicBezTo>
                    <a:pt x="25" y="212"/>
                    <a:pt x="22" y="202"/>
                    <a:pt x="14" y="188"/>
                  </a:cubicBezTo>
                  <a:cubicBezTo>
                    <a:pt x="7" y="175"/>
                    <a:pt x="0" y="167"/>
                    <a:pt x="0" y="167"/>
                  </a:cubicBezTo>
                  <a:lnTo>
                    <a:pt x="273"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1" name="Freeform 786">
              <a:extLst>
                <a:ext uri="{FF2B5EF4-FFF2-40B4-BE49-F238E27FC236}">
                  <a16:creationId xmlns:a16="http://schemas.microsoft.com/office/drawing/2014/main" xmlns="" id="{9D502D8D-E35B-45A2-BE8A-D6A4A1610784}"/>
                </a:ext>
              </a:extLst>
            </p:cNvPr>
            <p:cNvSpPr>
              <a:spLocks/>
            </p:cNvSpPr>
            <p:nvPr/>
          </p:nvSpPr>
          <p:spPr bwMode="auto">
            <a:xfrm>
              <a:off x="5001154" y="2576473"/>
              <a:ext cx="43645" cy="17459"/>
            </a:xfrm>
            <a:custGeom>
              <a:avLst/>
              <a:gdLst>
                <a:gd name="T0" fmla="*/ 2147483646 w 140"/>
                <a:gd name="T1" fmla="*/ 0 h 58"/>
                <a:gd name="T2" fmla="*/ 2147483646 w 140"/>
                <a:gd name="T3" fmla="*/ 0 h 58"/>
                <a:gd name="T4" fmla="*/ 2147483646 w 140"/>
                <a:gd name="T5" fmla="*/ 2147483646 h 58"/>
                <a:gd name="T6" fmla="*/ 2147483646 w 140"/>
                <a:gd name="T7" fmla="*/ 2147483646 h 58"/>
                <a:gd name="T8" fmla="*/ 2147483646 w 140"/>
                <a:gd name="T9" fmla="*/ 2147483646 h 58"/>
                <a:gd name="T10" fmla="*/ 0 w 140"/>
                <a:gd name="T11" fmla="*/ 2147483646 h 58"/>
                <a:gd name="T12" fmla="*/ 2147483646 w 140"/>
                <a:gd name="T13" fmla="*/ 0 h 5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0" h="58">
                  <a:moveTo>
                    <a:pt x="132" y="0"/>
                  </a:moveTo>
                  <a:lnTo>
                    <a:pt x="132" y="0"/>
                  </a:lnTo>
                  <a:lnTo>
                    <a:pt x="140" y="39"/>
                  </a:lnTo>
                  <a:lnTo>
                    <a:pt x="3" y="58"/>
                  </a:lnTo>
                  <a:cubicBezTo>
                    <a:pt x="3" y="58"/>
                    <a:pt x="3" y="55"/>
                    <a:pt x="2" y="49"/>
                  </a:cubicBezTo>
                  <a:cubicBezTo>
                    <a:pt x="1" y="44"/>
                    <a:pt x="0" y="41"/>
                    <a:pt x="0" y="41"/>
                  </a:cubicBezTo>
                  <a:lnTo>
                    <a:pt x="132"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2" name="Freeform 787">
              <a:extLst>
                <a:ext uri="{FF2B5EF4-FFF2-40B4-BE49-F238E27FC236}">
                  <a16:creationId xmlns:a16="http://schemas.microsoft.com/office/drawing/2014/main" xmlns="" id="{3298EDA7-4B38-45B2-9BAC-14D7B4EFDC4E}"/>
                </a:ext>
              </a:extLst>
            </p:cNvPr>
            <p:cNvSpPr>
              <a:spLocks/>
            </p:cNvSpPr>
            <p:nvPr/>
          </p:nvSpPr>
          <p:spPr bwMode="auto">
            <a:xfrm>
              <a:off x="5001154" y="2593932"/>
              <a:ext cx="101841" cy="23278"/>
            </a:xfrm>
            <a:custGeom>
              <a:avLst/>
              <a:gdLst>
                <a:gd name="T0" fmla="*/ 2147483646 w 323"/>
                <a:gd name="T1" fmla="*/ 0 h 70"/>
                <a:gd name="T2" fmla="*/ 2147483646 w 323"/>
                <a:gd name="T3" fmla="*/ 0 h 70"/>
                <a:gd name="T4" fmla="*/ 2147483646 w 323"/>
                <a:gd name="T5" fmla="*/ 2147483646 h 70"/>
                <a:gd name="T6" fmla="*/ 0 w 323"/>
                <a:gd name="T7" fmla="*/ 2147483646 h 70"/>
                <a:gd name="T8" fmla="*/ 2147483646 w 323"/>
                <a:gd name="T9" fmla="*/ 2147483646 h 70"/>
                <a:gd name="T10" fmla="*/ 2147483646 w 323"/>
                <a:gd name="T11" fmla="*/ 2147483646 h 70"/>
                <a:gd name="T12" fmla="*/ 2147483646 w 323"/>
                <a:gd name="T13" fmla="*/ 0 h 7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23" h="70">
                  <a:moveTo>
                    <a:pt x="323" y="0"/>
                  </a:moveTo>
                  <a:lnTo>
                    <a:pt x="323" y="0"/>
                  </a:lnTo>
                  <a:lnTo>
                    <a:pt x="323" y="70"/>
                  </a:lnTo>
                  <a:lnTo>
                    <a:pt x="0" y="56"/>
                  </a:lnTo>
                  <a:cubicBezTo>
                    <a:pt x="0" y="56"/>
                    <a:pt x="3" y="46"/>
                    <a:pt x="3" y="30"/>
                  </a:cubicBezTo>
                  <a:cubicBezTo>
                    <a:pt x="3" y="14"/>
                    <a:pt x="1" y="4"/>
                    <a:pt x="1" y="4"/>
                  </a:cubicBezTo>
                  <a:lnTo>
                    <a:pt x="323"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3" name="Freeform 788">
              <a:extLst>
                <a:ext uri="{FF2B5EF4-FFF2-40B4-BE49-F238E27FC236}">
                  <a16:creationId xmlns:a16="http://schemas.microsoft.com/office/drawing/2014/main" xmlns="" id="{0F7DFDF7-DFFF-42D4-83E6-E6B2E9F67AD8}"/>
                </a:ext>
              </a:extLst>
            </p:cNvPr>
            <p:cNvSpPr>
              <a:spLocks/>
            </p:cNvSpPr>
            <p:nvPr/>
          </p:nvSpPr>
          <p:spPr bwMode="auto">
            <a:xfrm>
              <a:off x="5001154" y="2614299"/>
              <a:ext cx="43645" cy="20369"/>
            </a:xfrm>
            <a:custGeom>
              <a:avLst/>
              <a:gdLst>
                <a:gd name="T0" fmla="*/ 2147483646 w 141"/>
                <a:gd name="T1" fmla="*/ 2147483646 h 69"/>
                <a:gd name="T2" fmla="*/ 2147483646 w 141"/>
                <a:gd name="T3" fmla="*/ 2147483646 h 69"/>
                <a:gd name="T4" fmla="*/ 2147483646 w 141"/>
                <a:gd name="T5" fmla="*/ 2147483646 h 69"/>
                <a:gd name="T6" fmla="*/ 0 w 141"/>
                <a:gd name="T7" fmla="*/ 2147483646 h 69"/>
                <a:gd name="T8" fmla="*/ 2147483646 w 141"/>
                <a:gd name="T9" fmla="*/ 2147483646 h 69"/>
                <a:gd name="T10" fmla="*/ 2147483646 w 141"/>
                <a:gd name="T11" fmla="*/ 0 h 69"/>
                <a:gd name="T12" fmla="*/ 2147483646 w 141"/>
                <a:gd name="T13" fmla="*/ 2147483646 h 6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1" h="69">
                  <a:moveTo>
                    <a:pt x="141" y="31"/>
                  </a:moveTo>
                  <a:lnTo>
                    <a:pt x="141" y="31"/>
                  </a:lnTo>
                  <a:lnTo>
                    <a:pt x="128" y="69"/>
                  </a:lnTo>
                  <a:lnTo>
                    <a:pt x="0" y="16"/>
                  </a:lnTo>
                  <a:cubicBezTo>
                    <a:pt x="0" y="16"/>
                    <a:pt x="2" y="13"/>
                    <a:pt x="4" y="8"/>
                  </a:cubicBezTo>
                  <a:cubicBezTo>
                    <a:pt x="5" y="3"/>
                    <a:pt x="6" y="0"/>
                    <a:pt x="6" y="0"/>
                  </a:cubicBezTo>
                  <a:lnTo>
                    <a:pt x="141" y="31"/>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4" name="Freeform 789">
              <a:extLst>
                <a:ext uri="{FF2B5EF4-FFF2-40B4-BE49-F238E27FC236}">
                  <a16:creationId xmlns:a16="http://schemas.microsoft.com/office/drawing/2014/main" xmlns="" id="{C1CD9A23-DBBE-4A9C-AD3B-C399BAE80F7F}"/>
                </a:ext>
              </a:extLst>
            </p:cNvPr>
            <p:cNvSpPr>
              <a:spLocks/>
            </p:cNvSpPr>
            <p:nvPr/>
          </p:nvSpPr>
          <p:spPr bwMode="auto">
            <a:xfrm>
              <a:off x="4992425" y="2620119"/>
              <a:ext cx="96021" cy="69834"/>
            </a:xfrm>
            <a:custGeom>
              <a:avLst/>
              <a:gdLst>
                <a:gd name="T0" fmla="*/ 2147483646 w 309"/>
                <a:gd name="T1" fmla="*/ 2147483646 h 219"/>
                <a:gd name="T2" fmla="*/ 2147483646 w 309"/>
                <a:gd name="T3" fmla="*/ 2147483646 h 219"/>
                <a:gd name="T4" fmla="*/ 2147483646 w 309"/>
                <a:gd name="T5" fmla="*/ 2147483646 h 219"/>
                <a:gd name="T6" fmla="*/ 0 w 309"/>
                <a:gd name="T7" fmla="*/ 2147483646 h 219"/>
                <a:gd name="T8" fmla="*/ 2147483646 w 309"/>
                <a:gd name="T9" fmla="*/ 2147483646 h 219"/>
                <a:gd name="T10" fmla="*/ 2147483646 w 309"/>
                <a:gd name="T11" fmla="*/ 0 h 219"/>
                <a:gd name="T12" fmla="*/ 2147483646 w 309"/>
                <a:gd name="T13" fmla="*/ 2147483646 h 21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09" h="219">
                  <a:moveTo>
                    <a:pt x="309" y="159"/>
                  </a:moveTo>
                  <a:lnTo>
                    <a:pt x="309" y="159"/>
                  </a:lnTo>
                  <a:lnTo>
                    <a:pt x="273" y="219"/>
                  </a:lnTo>
                  <a:lnTo>
                    <a:pt x="0" y="44"/>
                  </a:lnTo>
                  <a:cubicBezTo>
                    <a:pt x="0" y="44"/>
                    <a:pt x="7" y="37"/>
                    <a:pt x="15" y="24"/>
                  </a:cubicBezTo>
                  <a:cubicBezTo>
                    <a:pt x="23" y="10"/>
                    <a:pt x="26" y="0"/>
                    <a:pt x="26" y="0"/>
                  </a:cubicBezTo>
                  <a:lnTo>
                    <a:pt x="309" y="159"/>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5" name="Freeform 790">
              <a:extLst>
                <a:ext uri="{FF2B5EF4-FFF2-40B4-BE49-F238E27FC236}">
                  <a16:creationId xmlns:a16="http://schemas.microsoft.com/office/drawing/2014/main" xmlns="" id="{1C4D5BA3-7C6C-4276-BABC-7FC8982197B5}"/>
                </a:ext>
              </a:extLst>
            </p:cNvPr>
            <p:cNvSpPr>
              <a:spLocks/>
            </p:cNvSpPr>
            <p:nvPr/>
          </p:nvSpPr>
          <p:spPr bwMode="auto">
            <a:xfrm>
              <a:off x="4986606" y="2634669"/>
              <a:ext cx="37826" cy="37828"/>
            </a:xfrm>
            <a:custGeom>
              <a:avLst/>
              <a:gdLst>
                <a:gd name="T0" fmla="*/ 2147483646 w 115"/>
                <a:gd name="T1" fmla="*/ 2147483646 h 121"/>
                <a:gd name="T2" fmla="*/ 2147483646 w 115"/>
                <a:gd name="T3" fmla="*/ 2147483646 h 121"/>
                <a:gd name="T4" fmla="*/ 2147483646 w 115"/>
                <a:gd name="T5" fmla="*/ 2147483646 h 121"/>
                <a:gd name="T6" fmla="*/ 0 w 115"/>
                <a:gd name="T7" fmla="*/ 2147483646 h 121"/>
                <a:gd name="T8" fmla="*/ 2147483646 w 115"/>
                <a:gd name="T9" fmla="*/ 2147483646 h 121"/>
                <a:gd name="T10" fmla="*/ 2147483646 w 115"/>
                <a:gd name="T11" fmla="*/ 0 h 121"/>
                <a:gd name="T12" fmla="*/ 2147483646 w 115"/>
                <a:gd name="T13" fmla="*/ 2147483646 h 12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15" h="121">
                  <a:moveTo>
                    <a:pt x="115" y="94"/>
                  </a:moveTo>
                  <a:lnTo>
                    <a:pt x="115" y="94"/>
                  </a:lnTo>
                  <a:lnTo>
                    <a:pt x="85" y="121"/>
                  </a:lnTo>
                  <a:lnTo>
                    <a:pt x="0" y="11"/>
                  </a:lnTo>
                  <a:cubicBezTo>
                    <a:pt x="0" y="11"/>
                    <a:pt x="3" y="10"/>
                    <a:pt x="8" y="6"/>
                  </a:cubicBezTo>
                  <a:cubicBezTo>
                    <a:pt x="12" y="3"/>
                    <a:pt x="14" y="0"/>
                    <a:pt x="14" y="0"/>
                  </a:cubicBezTo>
                  <a:lnTo>
                    <a:pt x="115" y="94"/>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6" name="Freeform 791">
              <a:extLst>
                <a:ext uri="{FF2B5EF4-FFF2-40B4-BE49-F238E27FC236}">
                  <a16:creationId xmlns:a16="http://schemas.microsoft.com/office/drawing/2014/main" xmlns="" id="{A889FFB8-03A8-4042-B5A3-3D74040AFE12}"/>
                </a:ext>
              </a:extLst>
            </p:cNvPr>
            <p:cNvSpPr>
              <a:spLocks/>
            </p:cNvSpPr>
            <p:nvPr/>
          </p:nvSpPr>
          <p:spPr bwMode="auto">
            <a:xfrm>
              <a:off x="4972056" y="2637577"/>
              <a:ext cx="69834" cy="101842"/>
            </a:xfrm>
            <a:custGeom>
              <a:avLst/>
              <a:gdLst>
                <a:gd name="T0" fmla="*/ 2147483646 w 221"/>
                <a:gd name="T1" fmla="*/ 2147483646 h 318"/>
                <a:gd name="T2" fmla="*/ 2147483646 w 221"/>
                <a:gd name="T3" fmla="*/ 2147483646 h 318"/>
                <a:gd name="T4" fmla="*/ 2147483646 w 221"/>
                <a:gd name="T5" fmla="*/ 2147483646 h 318"/>
                <a:gd name="T6" fmla="*/ 0 w 221"/>
                <a:gd name="T7" fmla="*/ 2147483646 h 318"/>
                <a:gd name="T8" fmla="*/ 2147483646 w 221"/>
                <a:gd name="T9" fmla="*/ 2147483646 h 318"/>
                <a:gd name="T10" fmla="*/ 2147483646 w 221"/>
                <a:gd name="T11" fmla="*/ 0 h 318"/>
                <a:gd name="T12" fmla="*/ 2147483646 w 221"/>
                <a:gd name="T13" fmla="*/ 2147483646 h 31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221" h="318">
                  <a:moveTo>
                    <a:pt x="221" y="284"/>
                  </a:moveTo>
                  <a:lnTo>
                    <a:pt x="221" y="284"/>
                  </a:lnTo>
                  <a:lnTo>
                    <a:pt x="159" y="318"/>
                  </a:lnTo>
                  <a:lnTo>
                    <a:pt x="0" y="26"/>
                  </a:lnTo>
                  <a:cubicBezTo>
                    <a:pt x="0" y="26"/>
                    <a:pt x="10" y="23"/>
                    <a:pt x="24" y="15"/>
                  </a:cubicBezTo>
                  <a:cubicBezTo>
                    <a:pt x="38" y="7"/>
                    <a:pt x="45" y="0"/>
                    <a:pt x="45" y="0"/>
                  </a:cubicBezTo>
                  <a:lnTo>
                    <a:pt x="221" y="284"/>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7" name="Freeform 792">
              <a:extLst>
                <a:ext uri="{FF2B5EF4-FFF2-40B4-BE49-F238E27FC236}">
                  <a16:creationId xmlns:a16="http://schemas.microsoft.com/office/drawing/2014/main" xmlns="" id="{F32C988E-C436-4458-BCEB-676574482C95}"/>
                </a:ext>
              </a:extLst>
            </p:cNvPr>
            <p:cNvSpPr>
              <a:spLocks/>
            </p:cNvSpPr>
            <p:nvPr/>
          </p:nvSpPr>
          <p:spPr bwMode="auto">
            <a:xfrm>
              <a:off x="4966237" y="2646308"/>
              <a:ext cx="17459" cy="46556"/>
            </a:xfrm>
            <a:custGeom>
              <a:avLst/>
              <a:gdLst>
                <a:gd name="T0" fmla="*/ 2147483646 w 58"/>
                <a:gd name="T1" fmla="*/ 2147483646 h 141"/>
                <a:gd name="T2" fmla="*/ 2147483646 w 58"/>
                <a:gd name="T3" fmla="*/ 2147483646 h 141"/>
                <a:gd name="T4" fmla="*/ 2147483646 w 58"/>
                <a:gd name="T5" fmla="*/ 2147483646 h 141"/>
                <a:gd name="T6" fmla="*/ 0 w 58"/>
                <a:gd name="T7" fmla="*/ 2147483646 h 141"/>
                <a:gd name="T8" fmla="*/ 2147483646 w 58"/>
                <a:gd name="T9" fmla="*/ 2147483646 h 141"/>
                <a:gd name="T10" fmla="*/ 2147483646 w 58"/>
                <a:gd name="T11" fmla="*/ 0 h 141"/>
                <a:gd name="T12" fmla="*/ 2147483646 w 58"/>
                <a:gd name="T13" fmla="*/ 2147483646 h 14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58" h="141">
                  <a:moveTo>
                    <a:pt x="58" y="133"/>
                  </a:moveTo>
                  <a:lnTo>
                    <a:pt x="58" y="133"/>
                  </a:lnTo>
                  <a:lnTo>
                    <a:pt x="19" y="141"/>
                  </a:lnTo>
                  <a:lnTo>
                    <a:pt x="0" y="4"/>
                  </a:lnTo>
                  <a:cubicBezTo>
                    <a:pt x="0" y="4"/>
                    <a:pt x="4" y="4"/>
                    <a:pt x="9" y="3"/>
                  </a:cubicBezTo>
                  <a:cubicBezTo>
                    <a:pt x="14" y="2"/>
                    <a:pt x="17" y="0"/>
                    <a:pt x="17" y="0"/>
                  </a:cubicBezTo>
                  <a:lnTo>
                    <a:pt x="58" y="133"/>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8" name="Freeform 793">
              <a:extLst>
                <a:ext uri="{FF2B5EF4-FFF2-40B4-BE49-F238E27FC236}">
                  <a16:creationId xmlns:a16="http://schemas.microsoft.com/office/drawing/2014/main" xmlns="" id="{89CFE798-E16D-4F6E-BA2A-6B0F57517A89}"/>
                </a:ext>
              </a:extLst>
            </p:cNvPr>
            <p:cNvSpPr>
              <a:spLocks/>
            </p:cNvSpPr>
            <p:nvPr/>
          </p:nvSpPr>
          <p:spPr bwMode="auto">
            <a:xfrm>
              <a:off x="4942959" y="2646308"/>
              <a:ext cx="23278" cy="104751"/>
            </a:xfrm>
            <a:custGeom>
              <a:avLst/>
              <a:gdLst>
                <a:gd name="T0" fmla="*/ 2147483646 w 70"/>
                <a:gd name="T1" fmla="*/ 2147483646 h 323"/>
                <a:gd name="T2" fmla="*/ 2147483646 w 70"/>
                <a:gd name="T3" fmla="*/ 2147483646 h 323"/>
                <a:gd name="T4" fmla="*/ 0 w 70"/>
                <a:gd name="T5" fmla="*/ 2147483646 h 323"/>
                <a:gd name="T6" fmla="*/ 2147483646 w 70"/>
                <a:gd name="T7" fmla="*/ 0 h 323"/>
                <a:gd name="T8" fmla="*/ 2147483646 w 70"/>
                <a:gd name="T9" fmla="*/ 2147483646 h 323"/>
                <a:gd name="T10" fmla="*/ 2147483646 w 70"/>
                <a:gd name="T11" fmla="*/ 0 h 323"/>
                <a:gd name="T12" fmla="*/ 2147483646 w 70"/>
                <a:gd name="T13" fmla="*/ 2147483646 h 323"/>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70" h="323">
                  <a:moveTo>
                    <a:pt x="70" y="323"/>
                  </a:moveTo>
                  <a:lnTo>
                    <a:pt x="70" y="323"/>
                  </a:lnTo>
                  <a:lnTo>
                    <a:pt x="0" y="322"/>
                  </a:lnTo>
                  <a:lnTo>
                    <a:pt x="15" y="0"/>
                  </a:lnTo>
                  <a:cubicBezTo>
                    <a:pt x="15" y="0"/>
                    <a:pt x="25" y="2"/>
                    <a:pt x="41" y="2"/>
                  </a:cubicBezTo>
                  <a:cubicBezTo>
                    <a:pt x="57" y="3"/>
                    <a:pt x="67" y="0"/>
                    <a:pt x="67" y="0"/>
                  </a:cubicBezTo>
                  <a:lnTo>
                    <a:pt x="70" y="323"/>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79" name="Freeform 794">
              <a:extLst>
                <a:ext uri="{FF2B5EF4-FFF2-40B4-BE49-F238E27FC236}">
                  <a16:creationId xmlns:a16="http://schemas.microsoft.com/office/drawing/2014/main" xmlns="" id="{889CB323-A0F6-41AA-8696-C44F3042BAA9}"/>
                </a:ext>
              </a:extLst>
            </p:cNvPr>
            <p:cNvSpPr>
              <a:spLocks/>
            </p:cNvSpPr>
            <p:nvPr/>
          </p:nvSpPr>
          <p:spPr bwMode="auto">
            <a:xfrm>
              <a:off x="4925500" y="2646308"/>
              <a:ext cx="23278" cy="43647"/>
            </a:xfrm>
            <a:custGeom>
              <a:avLst/>
              <a:gdLst>
                <a:gd name="T0" fmla="*/ 2147483646 w 69"/>
                <a:gd name="T1" fmla="*/ 2147483646 h 141"/>
                <a:gd name="T2" fmla="*/ 2147483646 w 69"/>
                <a:gd name="T3" fmla="*/ 2147483646 h 141"/>
                <a:gd name="T4" fmla="*/ 0 w 69"/>
                <a:gd name="T5" fmla="*/ 2147483646 h 141"/>
                <a:gd name="T6" fmla="*/ 2147483646 w 69"/>
                <a:gd name="T7" fmla="*/ 0 h 141"/>
                <a:gd name="T8" fmla="*/ 2147483646 w 69"/>
                <a:gd name="T9" fmla="*/ 2147483646 h 141"/>
                <a:gd name="T10" fmla="*/ 2147483646 w 69"/>
                <a:gd name="T11" fmla="*/ 2147483646 h 141"/>
                <a:gd name="T12" fmla="*/ 2147483646 w 69"/>
                <a:gd name="T13" fmla="*/ 2147483646 h 14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69" h="141">
                  <a:moveTo>
                    <a:pt x="38" y="141"/>
                  </a:moveTo>
                  <a:lnTo>
                    <a:pt x="38" y="141"/>
                  </a:lnTo>
                  <a:lnTo>
                    <a:pt x="0" y="129"/>
                  </a:lnTo>
                  <a:lnTo>
                    <a:pt x="53" y="0"/>
                  </a:lnTo>
                  <a:cubicBezTo>
                    <a:pt x="53" y="0"/>
                    <a:pt x="56" y="2"/>
                    <a:pt x="61" y="4"/>
                  </a:cubicBezTo>
                  <a:cubicBezTo>
                    <a:pt x="66" y="6"/>
                    <a:pt x="69" y="6"/>
                    <a:pt x="69" y="6"/>
                  </a:cubicBezTo>
                  <a:lnTo>
                    <a:pt x="38" y="141"/>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0" name="Freeform 795">
              <a:extLst>
                <a:ext uri="{FF2B5EF4-FFF2-40B4-BE49-F238E27FC236}">
                  <a16:creationId xmlns:a16="http://schemas.microsoft.com/office/drawing/2014/main" xmlns="" id="{A7DFCA17-D267-418E-870B-BE304C1A5853}"/>
                </a:ext>
              </a:extLst>
            </p:cNvPr>
            <p:cNvSpPr>
              <a:spLocks/>
            </p:cNvSpPr>
            <p:nvPr/>
          </p:nvSpPr>
          <p:spPr bwMode="auto">
            <a:xfrm>
              <a:off x="4873124" y="2637577"/>
              <a:ext cx="69834" cy="101842"/>
            </a:xfrm>
            <a:custGeom>
              <a:avLst/>
              <a:gdLst>
                <a:gd name="T0" fmla="*/ 2147483646 w 218"/>
                <a:gd name="T1" fmla="*/ 2147483646 h 320"/>
                <a:gd name="T2" fmla="*/ 2147483646 w 218"/>
                <a:gd name="T3" fmla="*/ 2147483646 h 320"/>
                <a:gd name="T4" fmla="*/ 0 w 218"/>
                <a:gd name="T5" fmla="*/ 2147483646 h 320"/>
                <a:gd name="T6" fmla="*/ 2147483646 w 218"/>
                <a:gd name="T7" fmla="*/ 0 h 320"/>
                <a:gd name="T8" fmla="*/ 2147483646 w 218"/>
                <a:gd name="T9" fmla="*/ 2147483646 h 320"/>
                <a:gd name="T10" fmla="*/ 2147483646 w 218"/>
                <a:gd name="T11" fmla="*/ 2147483646 h 320"/>
                <a:gd name="T12" fmla="*/ 2147483646 w 218"/>
                <a:gd name="T13" fmla="*/ 2147483646 h 32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218" h="320">
                  <a:moveTo>
                    <a:pt x="60" y="320"/>
                  </a:moveTo>
                  <a:lnTo>
                    <a:pt x="60" y="320"/>
                  </a:lnTo>
                  <a:lnTo>
                    <a:pt x="0" y="284"/>
                  </a:lnTo>
                  <a:lnTo>
                    <a:pt x="174" y="0"/>
                  </a:lnTo>
                  <a:cubicBezTo>
                    <a:pt x="174" y="0"/>
                    <a:pt x="181" y="7"/>
                    <a:pt x="195" y="15"/>
                  </a:cubicBezTo>
                  <a:cubicBezTo>
                    <a:pt x="208" y="23"/>
                    <a:pt x="218" y="26"/>
                    <a:pt x="218" y="26"/>
                  </a:cubicBezTo>
                  <a:lnTo>
                    <a:pt x="60" y="32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1" name="Freeform 796">
              <a:extLst>
                <a:ext uri="{FF2B5EF4-FFF2-40B4-BE49-F238E27FC236}">
                  <a16:creationId xmlns:a16="http://schemas.microsoft.com/office/drawing/2014/main" xmlns="" id="{B8A45F8A-AF5B-4968-B5CB-C2D68E5E36ED}"/>
                </a:ext>
              </a:extLst>
            </p:cNvPr>
            <p:cNvSpPr>
              <a:spLocks/>
            </p:cNvSpPr>
            <p:nvPr/>
          </p:nvSpPr>
          <p:spPr bwMode="auto">
            <a:xfrm>
              <a:off x="4887674" y="2631758"/>
              <a:ext cx="40737" cy="37828"/>
            </a:xfrm>
            <a:custGeom>
              <a:avLst/>
              <a:gdLst>
                <a:gd name="T0" fmla="*/ 2147483646 w 122"/>
                <a:gd name="T1" fmla="*/ 2147483646 h 115"/>
                <a:gd name="T2" fmla="*/ 2147483646 w 122"/>
                <a:gd name="T3" fmla="*/ 2147483646 h 115"/>
                <a:gd name="T4" fmla="*/ 0 w 122"/>
                <a:gd name="T5" fmla="*/ 2147483646 h 115"/>
                <a:gd name="T6" fmla="*/ 2147483646 w 122"/>
                <a:gd name="T7" fmla="*/ 0 h 115"/>
                <a:gd name="T8" fmla="*/ 2147483646 w 122"/>
                <a:gd name="T9" fmla="*/ 2147483646 h 115"/>
                <a:gd name="T10" fmla="*/ 2147483646 w 122"/>
                <a:gd name="T11" fmla="*/ 2147483646 h 115"/>
                <a:gd name="T12" fmla="*/ 2147483646 w 122"/>
                <a:gd name="T13" fmla="*/ 2147483646 h 115"/>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22" h="115">
                  <a:moveTo>
                    <a:pt x="27" y="115"/>
                  </a:moveTo>
                  <a:lnTo>
                    <a:pt x="27" y="115"/>
                  </a:lnTo>
                  <a:lnTo>
                    <a:pt x="0" y="85"/>
                  </a:lnTo>
                  <a:lnTo>
                    <a:pt x="110" y="0"/>
                  </a:lnTo>
                  <a:cubicBezTo>
                    <a:pt x="110" y="0"/>
                    <a:pt x="111" y="4"/>
                    <a:pt x="115" y="8"/>
                  </a:cubicBezTo>
                  <a:cubicBezTo>
                    <a:pt x="119" y="12"/>
                    <a:pt x="122" y="14"/>
                    <a:pt x="122" y="14"/>
                  </a:cubicBezTo>
                  <a:lnTo>
                    <a:pt x="27" y="115"/>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2" name="Freeform 797">
              <a:extLst>
                <a:ext uri="{FF2B5EF4-FFF2-40B4-BE49-F238E27FC236}">
                  <a16:creationId xmlns:a16="http://schemas.microsoft.com/office/drawing/2014/main" xmlns="" id="{A5595EAA-64C9-450F-BE1E-BD11F51C29AF}"/>
                </a:ext>
              </a:extLst>
            </p:cNvPr>
            <p:cNvSpPr>
              <a:spLocks/>
            </p:cNvSpPr>
            <p:nvPr/>
          </p:nvSpPr>
          <p:spPr bwMode="auto">
            <a:xfrm>
              <a:off x="4820749" y="2617210"/>
              <a:ext cx="104751" cy="69834"/>
            </a:xfrm>
            <a:custGeom>
              <a:avLst/>
              <a:gdLst>
                <a:gd name="T0" fmla="*/ 2147483646 w 320"/>
                <a:gd name="T1" fmla="*/ 2147483646 h 218"/>
                <a:gd name="T2" fmla="*/ 2147483646 w 320"/>
                <a:gd name="T3" fmla="*/ 2147483646 h 218"/>
                <a:gd name="T4" fmla="*/ 0 w 320"/>
                <a:gd name="T5" fmla="*/ 2147483646 h 218"/>
                <a:gd name="T6" fmla="*/ 2147483646 w 320"/>
                <a:gd name="T7" fmla="*/ 0 h 218"/>
                <a:gd name="T8" fmla="*/ 2147483646 w 320"/>
                <a:gd name="T9" fmla="*/ 2147483646 h 218"/>
                <a:gd name="T10" fmla="*/ 2147483646 w 320"/>
                <a:gd name="T11" fmla="*/ 2147483646 h 218"/>
                <a:gd name="T12" fmla="*/ 2147483646 w 320"/>
                <a:gd name="T13" fmla="*/ 2147483646 h 21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20" h="218">
                  <a:moveTo>
                    <a:pt x="34" y="218"/>
                  </a:moveTo>
                  <a:lnTo>
                    <a:pt x="34" y="218"/>
                  </a:lnTo>
                  <a:lnTo>
                    <a:pt x="0" y="156"/>
                  </a:lnTo>
                  <a:lnTo>
                    <a:pt x="295" y="0"/>
                  </a:lnTo>
                  <a:cubicBezTo>
                    <a:pt x="295" y="0"/>
                    <a:pt x="298" y="10"/>
                    <a:pt x="305" y="24"/>
                  </a:cubicBezTo>
                  <a:cubicBezTo>
                    <a:pt x="313" y="38"/>
                    <a:pt x="320" y="45"/>
                    <a:pt x="320" y="45"/>
                  </a:cubicBezTo>
                  <a:lnTo>
                    <a:pt x="34" y="218"/>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3" name="Freeform 798">
              <a:extLst>
                <a:ext uri="{FF2B5EF4-FFF2-40B4-BE49-F238E27FC236}">
                  <a16:creationId xmlns:a16="http://schemas.microsoft.com/office/drawing/2014/main" xmlns="" id="{E4480D40-C53E-4464-A8DB-E5357228906D}"/>
                </a:ext>
              </a:extLst>
            </p:cNvPr>
            <p:cNvSpPr>
              <a:spLocks/>
            </p:cNvSpPr>
            <p:nvPr/>
          </p:nvSpPr>
          <p:spPr bwMode="auto">
            <a:xfrm>
              <a:off x="4870216" y="2611391"/>
              <a:ext cx="43645" cy="17459"/>
            </a:xfrm>
            <a:custGeom>
              <a:avLst/>
              <a:gdLst>
                <a:gd name="T0" fmla="*/ 2147483646 w 141"/>
                <a:gd name="T1" fmla="*/ 2147483646 h 57"/>
                <a:gd name="T2" fmla="*/ 2147483646 w 141"/>
                <a:gd name="T3" fmla="*/ 2147483646 h 57"/>
                <a:gd name="T4" fmla="*/ 0 w 141"/>
                <a:gd name="T5" fmla="*/ 2147483646 h 57"/>
                <a:gd name="T6" fmla="*/ 2147483646 w 141"/>
                <a:gd name="T7" fmla="*/ 0 h 57"/>
                <a:gd name="T8" fmla="*/ 2147483646 w 141"/>
                <a:gd name="T9" fmla="*/ 2147483646 h 57"/>
                <a:gd name="T10" fmla="*/ 2147483646 w 141"/>
                <a:gd name="T11" fmla="*/ 2147483646 h 57"/>
                <a:gd name="T12" fmla="*/ 2147483646 w 141"/>
                <a:gd name="T13" fmla="*/ 2147483646 h 57"/>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1" h="57">
                  <a:moveTo>
                    <a:pt x="8" y="57"/>
                  </a:moveTo>
                  <a:lnTo>
                    <a:pt x="8" y="57"/>
                  </a:lnTo>
                  <a:lnTo>
                    <a:pt x="0" y="18"/>
                  </a:lnTo>
                  <a:lnTo>
                    <a:pt x="138" y="0"/>
                  </a:lnTo>
                  <a:cubicBezTo>
                    <a:pt x="138" y="0"/>
                    <a:pt x="137" y="4"/>
                    <a:pt x="138" y="9"/>
                  </a:cubicBezTo>
                  <a:cubicBezTo>
                    <a:pt x="140" y="14"/>
                    <a:pt x="141" y="17"/>
                    <a:pt x="141" y="17"/>
                  </a:cubicBezTo>
                  <a:lnTo>
                    <a:pt x="8" y="5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4" name="Freeform 799">
              <a:extLst>
                <a:ext uri="{FF2B5EF4-FFF2-40B4-BE49-F238E27FC236}">
                  <a16:creationId xmlns:a16="http://schemas.microsoft.com/office/drawing/2014/main" xmlns="" id="{BC6545C8-4881-498E-B1C1-AD37A95CFCE4}"/>
                </a:ext>
              </a:extLst>
            </p:cNvPr>
            <p:cNvSpPr>
              <a:spLocks/>
            </p:cNvSpPr>
            <p:nvPr/>
          </p:nvSpPr>
          <p:spPr bwMode="auto">
            <a:xfrm>
              <a:off x="4812020" y="2588112"/>
              <a:ext cx="101841" cy="23278"/>
            </a:xfrm>
            <a:custGeom>
              <a:avLst/>
              <a:gdLst>
                <a:gd name="T0" fmla="*/ 0 w 320"/>
                <a:gd name="T1" fmla="*/ 2147483646 h 70"/>
                <a:gd name="T2" fmla="*/ 0 w 320"/>
                <a:gd name="T3" fmla="*/ 2147483646 h 70"/>
                <a:gd name="T4" fmla="*/ 2147483646 w 320"/>
                <a:gd name="T5" fmla="*/ 0 h 70"/>
                <a:gd name="T6" fmla="*/ 2147483646 w 320"/>
                <a:gd name="T7" fmla="*/ 2147483646 h 70"/>
                <a:gd name="T8" fmla="*/ 2147483646 w 320"/>
                <a:gd name="T9" fmla="*/ 2147483646 h 70"/>
                <a:gd name="T10" fmla="*/ 2147483646 w 320"/>
                <a:gd name="T11" fmla="*/ 2147483646 h 70"/>
                <a:gd name="T12" fmla="*/ 0 w 320"/>
                <a:gd name="T13" fmla="*/ 2147483646 h 7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20" h="70">
                  <a:moveTo>
                    <a:pt x="0" y="70"/>
                  </a:moveTo>
                  <a:lnTo>
                    <a:pt x="0" y="70"/>
                  </a:lnTo>
                  <a:lnTo>
                    <a:pt x="2" y="0"/>
                  </a:lnTo>
                  <a:lnTo>
                    <a:pt x="320" y="17"/>
                  </a:lnTo>
                  <a:cubicBezTo>
                    <a:pt x="320" y="17"/>
                    <a:pt x="317" y="27"/>
                    <a:pt x="317" y="43"/>
                  </a:cubicBezTo>
                  <a:cubicBezTo>
                    <a:pt x="317" y="59"/>
                    <a:pt x="319" y="69"/>
                    <a:pt x="319" y="69"/>
                  </a:cubicBezTo>
                  <a:lnTo>
                    <a:pt x="0" y="7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5" name="Freeform 800">
              <a:extLst>
                <a:ext uri="{FF2B5EF4-FFF2-40B4-BE49-F238E27FC236}">
                  <a16:creationId xmlns:a16="http://schemas.microsoft.com/office/drawing/2014/main" xmlns="" id="{F68FD85E-746A-4D65-8A8A-65518C8960EB}"/>
                </a:ext>
              </a:extLst>
            </p:cNvPr>
            <p:cNvSpPr>
              <a:spLocks/>
            </p:cNvSpPr>
            <p:nvPr/>
          </p:nvSpPr>
          <p:spPr bwMode="auto">
            <a:xfrm>
              <a:off x="4870216" y="2570654"/>
              <a:ext cx="46556" cy="23278"/>
            </a:xfrm>
            <a:custGeom>
              <a:avLst/>
              <a:gdLst>
                <a:gd name="T0" fmla="*/ 0 w 140"/>
                <a:gd name="T1" fmla="*/ 2147483646 h 69"/>
                <a:gd name="T2" fmla="*/ 0 w 140"/>
                <a:gd name="T3" fmla="*/ 2147483646 h 69"/>
                <a:gd name="T4" fmla="*/ 2147483646 w 140"/>
                <a:gd name="T5" fmla="*/ 0 h 69"/>
                <a:gd name="T6" fmla="*/ 2147483646 w 140"/>
                <a:gd name="T7" fmla="*/ 2147483646 h 69"/>
                <a:gd name="T8" fmla="*/ 2147483646 w 140"/>
                <a:gd name="T9" fmla="*/ 2147483646 h 69"/>
                <a:gd name="T10" fmla="*/ 2147483646 w 140"/>
                <a:gd name="T11" fmla="*/ 2147483646 h 69"/>
                <a:gd name="T12" fmla="*/ 0 w 140"/>
                <a:gd name="T13" fmla="*/ 2147483646 h 6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0" h="69">
                  <a:moveTo>
                    <a:pt x="0" y="37"/>
                  </a:moveTo>
                  <a:lnTo>
                    <a:pt x="0" y="37"/>
                  </a:lnTo>
                  <a:lnTo>
                    <a:pt x="12" y="0"/>
                  </a:lnTo>
                  <a:lnTo>
                    <a:pt x="140" y="53"/>
                  </a:lnTo>
                  <a:cubicBezTo>
                    <a:pt x="140" y="53"/>
                    <a:pt x="138" y="56"/>
                    <a:pt x="137" y="61"/>
                  </a:cubicBezTo>
                  <a:cubicBezTo>
                    <a:pt x="135" y="66"/>
                    <a:pt x="135" y="69"/>
                    <a:pt x="135" y="69"/>
                  </a:cubicBezTo>
                  <a:lnTo>
                    <a:pt x="0" y="3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6" name="Freeform 801">
              <a:extLst>
                <a:ext uri="{FF2B5EF4-FFF2-40B4-BE49-F238E27FC236}">
                  <a16:creationId xmlns:a16="http://schemas.microsoft.com/office/drawing/2014/main" xmlns="" id="{DEDB50E1-284D-446F-92B1-DC61A24FD051}"/>
                </a:ext>
              </a:extLst>
            </p:cNvPr>
            <p:cNvSpPr>
              <a:spLocks/>
            </p:cNvSpPr>
            <p:nvPr/>
          </p:nvSpPr>
          <p:spPr bwMode="auto">
            <a:xfrm>
              <a:off x="4826568" y="2521187"/>
              <a:ext cx="98932" cy="66925"/>
            </a:xfrm>
            <a:custGeom>
              <a:avLst/>
              <a:gdLst>
                <a:gd name="T0" fmla="*/ 0 w 306"/>
                <a:gd name="T1" fmla="*/ 2147483646 h 211"/>
                <a:gd name="T2" fmla="*/ 0 w 306"/>
                <a:gd name="T3" fmla="*/ 2147483646 h 211"/>
                <a:gd name="T4" fmla="*/ 2147483646 w 306"/>
                <a:gd name="T5" fmla="*/ 0 h 211"/>
                <a:gd name="T6" fmla="*/ 2147483646 w 306"/>
                <a:gd name="T7" fmla="*/ 2147483646 h 211"/>
                <a:gd name="T8" fmla="*/ 2147483646 w 306"/>
                <a:gd name="T9" fmla="*/ 2147483646 h 211"/>
                <a:gd name="T10" fmla="*/ 2147483646 w 306"/>
                <a:gd name="T11" fmla="*/ 2147483646 h 211"/>
                <a:gd name="T12" fmla="*/ 0 w 306"/>
                <a:gd name="T13" fmla="*/ 2147483646 h 21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06" h="211">
                  <a:moveTo>
                    <a:pt x="0" y="60"/>
                  </a:moveTo>
                  <a:lnTo>
                    <a:pt x="0" y="60"/>
                  </a:lnTo>
                  <a:lnTo>
                    <a:pt x="37" y="0"/>
                  </a:lnTo>
                  <a:lnTo>
                    <a:pt x="306" y="167"/>
                  </a:lnTo>
                  <a:cubicBezTo>
                    <a:pt x="306" y="167"/>
                    <a:pt x="299" y="174"/>
                    <a:pt x="291" y="188"/>
                  </a:cubicBezTo>
                  <a:cubicBezTo>
                    <a:pt x="283" y="201"/>
                    <a:pt x="280" y="211"/>
                    <a:pt x="280" y="211"/>
                  </a:cubicBezTo>
                  <a:lnTo>
                    <a:pt x="0" y="6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7" name="Freeform 802">
              <a:extLst>
                <a:ext uri="{FF2B5EF4-FFF2-40B4-BE49-F238E27FC236}">
                  <a16:creationId xmlns:a16="http://schemas.microsoft.com/office/drawing/2014/main" xmlns="" id="{06D8C44B-BB89-428E-8EC6-2DF59E61BF2D}"/>
                </a:ext>
              </a:extLst>
            </p:cNvPr>
            <p:cNvSpPr>
              <a:spLocks/>
            </p:cNvSpPr>
            <p:nvPr/>
          </p:nvSpPr>
          <p:spPr bwMode="auto">
            <a:xfrm>
              <a:off x="4893494" y="2535737"/>
              <a:ext cx="34917" cy="37828"/>
            </a:xfrm>
            <a:custGeom>
              <a:avLst/>
              <a:gdLst>
                <a:gd name="T0" fmla="*/ 0 w 114"/>
                <a:gd name="T1" fmla="*/ 2147483646 h 122"/>
                <a:gd name="T2" fmla="*/ 0 w 114"/>
                <a:gd name="T3" fmla="*/ 2147483646 h 122"/>
                <a:gd name="T4" fmla="*/ 2147483646 w 114"/>
                <a:gd name="T5" fmla="*/ 0 h 122"/>
                <a:gd name="T6" fmla="*/ 2147483646 w 114"/>
                <a:gd name="T7" fmla="*/ 2147483646 h 122"/>
                <a:gd name="T8" fmla="*/ 2147483646 w 114"/>
                <a:gd name="T9" fmla="*/ 2147483646 h 122"/>
                <a:gd name="T10" fmla="*/ 2147483646 w 114"/>
                <a:gd name="T11" fmla="*/ 2147483646 h 122"/>
                <a:gd name="T12" fmla="*/ 0 w 114"/>
                <a:gd name="T13" fmla="*/ 2147483646 h 122"/>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14" h="122">
                  <a:moveTo>
                    <a:pt x="0" y="26"/>
                  </a:moveTo>
                  <a:lnTo>
                    <a:pt x="0" y="26"/>
                  </a:lnTo>
                  <a:lnTo>
                    <a:pt x="29" y="0"/>
                  </a:lnTo>
                  <a:lnTo>
                    <a:pt x="114" y="110"/>
                  </a:lnTo>
                  <a:cubicBezTo>
                    <a:pt x="114" y="110"/>
                    <a:pt x="110" y="112"/>
                    <a:pt x="106" y="115"/>
                  </a:cubicBezTo>
                  <a:cubicBezTo>
                    <a:pt x="102" y="119"/>
                    <a:pt x="100" y="122"/>
                    <a:pt x="100" y="122"/>
                  </a:cubicBezTo>
                  <a:lnTo>
                    <a:pt x="0" y="2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8" name="Freeform 803">
              <a:extLst>
                <a:ext uri="{FF2B5EF4-FFF2-40B4-BE49-F238E27FC236}">
                  <a16:creationId xmlns:a16="http://schemas.microsoft.com/office/drawing/2014/main" xmlns="" id="{E3B9A480-2751-44B7-90C4-E46837904216}"/>
                </a:ext>
              </a:extLst>
            </p:cNvPr>
            <p:cNvSpPr>
              <a:spLocks/>
            </p:cNvSpPr>
            <p:nvPr/>
          </p:nvSpPr>
          <p:spPr bwMode="auto">
            <a:xfrm>
              <a:off x="4878944" y="2471722"/>
              <a:ext cx="66923" cy="98932"/>
            </a:xfrm>
            <a:custGeom>
              <a:avLst/>
              <a:gdLst>
                <a:gd name="T0" fmla="*/ 0 w 205"/>
                <a:gd name="T1" fmla="*/ 2147483646 h 306"/>
                <a:gd name="T2" fmla="*/ 0 w 205"/>
                <a:gd name="T3" fmla="*/ 2147483646 h 306"/>
                <a:gd name="T4" fmla="*/ 2147483646 w 205"/>
                <a:gd name="T5" fmla="*/ 0 h 306"/>
                <a:gd name="T6" fmla="*/ 2147483646 w 205"/>
                <a:gd name="T7" fmla="*/ 2147483646 h 306"/>
                <a:gd name="T8" fmla="*/ 2147483646 w 205"/>
                <a:gd name="T9" fmla="*/ 2147483646 h 306"/>
                <a:gd name="T10" fmla="*/ 2147483646 w 205"/>
                <a:gd name="T11" fmla="*/ 2147483646 h 306"/>
                <a:gd name="T12" fmla="*/ 0 w 205"/>
                <a:gd name="T13" fmla="*/ 2147483646 h 306"/>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205" h="306">
                  <a:moveTo>
                    <a:pt x="0" y="34"/>
                  </a:moveTo>
                  <a:lnTo>
                    <a:pt x="0" y="34"/>
                  </a:lnTo>
                  <a:lnTo>
                    <a:pt x="62" y="0"/>
                  </a:lnTo>
                  <a:lnTo>
                    <a:pt x="205" y="281"/>
                  </a:lnTo>
                  <a:cubicBezTo>
                    <a:pt x="205" y="281"/>
                    <a:pt x="195" y="284"/>
                    <a:pt x="181" y="291"/>
                  </a:cubicBezTo>
                  <a:cubicBezTo>
                    <a:pt x="167" y="299"/>
                    <a:pt x="160" y="306"/>
                    <a:pt x="160" y="306"/>
                  </a:cubicBezTo>
                  <a:lnTo>
                    <a:pt x="0" y="34"/>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89" name="Freeform 804">
              <a:extLst>
                <a:ext uri="{FF2B5EF4-FFF2-40B4-BE49-F238E27FC236}">
                  <a16:creationId xmlns:a16="http://schemas.microsoft.com/office/drawing/2014/main" xmlns="" id="{8DE31F1B-A2E0-434C-9374-D2C93A7E9C4C}"/>
                </a:ext>
              </a:extLst>
            </p:cNvPr>
            <p:cNvSpPr>
              <a:spLocks/>
            </p:cNvSpPr>
            <p:nvPr/>
          </p:nvSpPr>
          <p:spPr bwMode="auto">
            <a:xfrm>
              <a:off x="4931319" y="2515368"/>
              <a:ext cx="17459" cy="46556"/>
            </a:xfrm>
            <a:custGeom>
              <a:avLst/>
              <a:gdLst>
                <a:gd name="T0" fmla="*/ 0 w 57"/>
                <a:gd name="T1" fmla="*/ 2147483646 h 140"/>
                <a:gd name="T2" fmla="*/ 0 w 57"/>
                <a:gd name="T3" fmla="*/ 2147483646 h 140"/>
                <a:gd name="T4" fmla="*/ 2147483646 w 57"/>
                <a:gd name="T5" fmla="*/ 0 h 140"/>
                <a:gd name="T6" fmla="*/ 2147483646 w 57"/>
                <a:gd name="T7" fmla="*/ 2147483646 h 140"/>
                <a:gd name="T8" fmla="*/ 2147483646 w 57"/>
                <a:gd name="T9" fmla="*/ 2147483646 h 140"/>
                <a:gd name="T10" fmla="*/ 2147483646 w 57"/>
                <a:gd name="T11" fmla="*/ 2147483646 h 140"/>
                <a:gd name="T12" fmla="*/ 0 w 57"/>
                <a:gd name="T13" fmla="*/ 2147483646 h 14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57" h="140">
                  <a:moveTo>
                    <a:pt x="0" y="7"/>
                  </a:moveTo>
                  <a:lnTo>
                    <a:pt x="0" y="7"/>
                  </a:lnTo>
                  <a:lnTo>
                    <a:pt x="39" y="0"/>
                  </a:lnTo>
                  <a:lnTo>
                    <a:pt x="57" y="137"/>
                  </a:lnTo>
                  <a:cubicBezTo>
                    <a:pt x="57" y="137"/>
                    <a:pt x="54" y="137"/>
                    <a:pt x="48" y="138"/>
                  </a:cubicBezTo>
                  <a:cubicBezTo>
                    <a:pt x="43" y="139"/>
                    <a:pt x="40" y="140"/>
                    <a:pt x="40" y="140"/>
                  </a:cubicBezTo>
                  <a:lnTo>
                    <a:pt x="0" y="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grpSp>
      <p:sp>
        <p:nvSpPr>
          <p:cNvPr id="39" name="矩形 38">
            <a:extLst>
              <a:ext uri="{FF2B5EF4-FFF2-40B4-BE49-F238E27FC236}">
                <a16:creationId xmlns:a16="http://schemas.microsoft.com/office/drawing/2014/main" xmlns="" id="{7D55F3D2-E76E-4BF0-9082-F6BF341ABDEE}"/>
              </a:ext>
            </a:extLst>
          </p:cNvPr>
          <p:cNvSpPr/>
          <p:nvPr/>
        </p:nvSpPr>
        <p:spPr>
          <a:xfrm>
            <a:off x="6925345" y="4189543"/>
            <a:ext cx="1000222" cy="338554"/>
          </a:xfrm>
          <a:prstGeom prst="rect">
            <a:avLst/>
          </a:prstGeom>
          <a:noFill/>
        </p:spPr>
        <p:txBody>
          <a:bodyPr wrap="square" anchor="ctr">
            <a:spAutoFit/>
          </a:bodyPr>
          <a:lstStyle/>
          <a:p>
            <a:pPr lvl="0" algn="r" defTabSz="914400">
              <a:defRPr/>
            </a:pPr>
            <a:r>
              <a:rPr lang="zh-CN" altLang="en-US" sz="1600" b="1">
                <a:cs typeface="+mn-ea"/>
                <a:sym typeface="Huawei Sans" panose="020C0503030203020204" pitchFamily="34" charset="0"/>
              </a:rPr>
              <a:t>广域</a:t>
            </a:r>
            <a:r>
              <a:rPr lang="en-US" altLang="zh-CN" sz="1600" b="1">
                <a:cs typeface="+mn-ea"/>
                <a:sym typeface="Huawei Sans" panose="020C0503030203020204" pitchFamily="34" charset="0"/>
              </a:rPr>
              <a:t>IP</a:t>
            </a:r>
            <a:endParaRPr lang="en-US" altLang="zh-CN" sz="1600" b="1" dirty="0">
              <a:cs typeface="+mn-ea"/>
              <a:sym typeface="Huawei Sans" panose="020C0503030203020204" pitchFamily="34" charset="0"/>
            </a:endParaRPr>
          </a:p>
        </p:txBody>
      </p:sp>
      <p:sp>
        <p:nvSpPr>
          <p:cNvPr id="41" name="矩形 40">
            <a:extLst>
              <a:ext uri="{FF2B5EF4-FFF2-40B4-BE49-F238E27FC236}">
                <a16:creationId xmlns:a16="http://schemas.microsoft.com/office/drawing/2014/main" xmlns="" id="{0B51F27C-2BA6-4449-9CDB-BE6B7503BC0E}"/>
              </a:ext>
            </a:extLst>
          </p:cNvPr>
          <p:cNvSpPr/>
          <p:nvPr/>
        </p:nvSpPr>
        <p:spPr>
          <a:xfrm>
            <a:off x="7989764" y="4159968"/>
            <a:ext cx="2132701" cy="338554"/>
          </a:xfrm>
          <a:prstGeom prst="rect">
            <a:avLst/>
          </a:prstGeom>
        </p:spPr>
        <p:txBody>
          <a:bodyPr wrap="square">
            <a:spAutoFit/>
          </a:bodyPr>
          <a:lstStyle/>
          <a:p>
            <a:pPr lvl="0" algn="ctr" defTabSz="914400">
              <a:defRPr/>
            </a:pPr>
            <a:r>
              <a:rPr lang="en-US" altLang="zh-CN" sz="1600" b="1" dirty="0" err="1">
                <a:cs typeface="+mn-ea"/>
                <a:sym typeface="Huawei Sans" panose="020C0503030203020204" pitchFamily="34" charset="0"/>
              </a:rPr>
              <a:t>iMaster</a:t>
            </a:r>
            <a:r>
              <a:rPr lang="en-US" altLang="zh-CN" sz="1600" b="1" dirty="0">
                <a:cs typeface="+mn-ea"/>
                <a:sym typeface="Huawei Sans" panose="020C0503030203020204" pitchFamily="34" charset="0"/>
              </a:rPr>
              <a:t> </a:t>
            </a:r>
            <a:r>
              <a:rPr lang="en-US" altLang="zh-CN" sz="1600" b="1">
                <a:cs typeface="+mn-ea"/>
                <a:sym typeface="Huawei Sans" panose="020C0503030203020204" pitchFamily="34" charset="0"/>
              </a:rPr>
              <a:t>NCE-IP</a:t>
            </a:r>
            <a:r>
              <a:rPr lang="en-US" altLang="zh-CN" sz="1600" b="1">
                <a:solidFill>
                  <a:srgbClr val="EC7061"/>
                </a:solidFill>
                <a:cs typeface="+mn-ea"/>
                <a:sym typeface="Huawei Sans" panose="020C0503030203020204" pitchFamily="34" charset="0"/>
              </a:rPr>
              <a:t> </a:t>
            </a:r>
            <a:endParaRPr lang="en-US" altLang="zh-CN" sz="1600" b="1" dirty="0">
              <a:solidFill>
                <a:srgbClr val="EC7061"/>
              </a:solidFill>
              <a:cs typeface="+mn-ea"/>
              <a:sym typeface="Huawei Sans" panose="020C0503030203020204" pitchFamily="34" charset="0"/>
            </a:endParaRPr>
          </a:p>
        </p:txBody>
      </p:sp>
      <p:grpSp>
        <p:nvGrpSpPr>
          <p:cNvPr id="90" name="组合 3">
            <a:extLst>
              <a:ext uri="{FF2B5EF4-FFF2-40B4-BE49-F238E27FC236}">
                <a16:creationId xmlns:a16="http://schemas.microsoft.com/office/drawing/2014/main" xmlns="" id="{BF89261B-7CB8-45EE-B2D4-6A42234DB9E8}"/>
              </a:ext>
            </a:extLst>
          </p:cNvPr>
          <p:cNvGrpSpPr>
            <a:grpSpLocks/>
          </p:cNvGrpSpPr>
          <p:nvPr/>
        </p:nvGrpSpPr>
        <p:grpSpPr bwMode="auto">
          <a:xfrm>
            <a:off x="6463436" y="4188544"/>
            <a:ext cx="373971" cy="354562"/>
            <a:chOff x="3668486" y="2384430"/>
            <a:chExt cx="430644" cy="439372"/>
          </a:xfrm>
          <a:solidFill>
            <a:srgbClr val="00B0F0"/>
          </a:solidFill>
        </p:grpSpPr>
        <p:sp>
          <p:nvSpPr>
            <p:cNvPr id="91" name="Freeform 764">
              <a:extLst>
                <a:ext uri="{FF2B5EF4-FFF2-40B4-BE49-F238E27FC236}">
                  <a16:creationId xmlns:a16="http://schemas.microsoft.com/office/drawing/2014/main" xmlns="" id="{2BD3FB4E-667B-45DD-898C-21976924390A}"/>
                </a:ext>
              </a:extLst>
            </p:cNvPr>
            <p:cNvSpPr>
              <a:spLocks/>
            </p:cNvSpPr>
            <p:nvPr/>
          </p:nvSpPr>
          <p:spPr bwMode="auto">
            <a:xfrm>
              <a:off x="3668486" y="2384430"/>
              <a:ext cx="430644" cy="427735"/>
            </a:xfrm>
            <a:custGeom>
              <a:avLst/>
              <a:gdLst>
                <a:gd name="T0" fmla="*/ 2147483646 w 1343"/>
                <a:gd name="T1" fmla="*/ 2147483646 h 1338"/>
                <a:gd name="T2" fmla="*/ 2147483646 w 1343"/>
                <a:gd name="T3" fmla="*/ 2147483646 h 1338"/>
                <a:gd name="T4" fmla="*/ 2147483646 w 1343"/>
                <a:gd name="T5" fmla="*/ 2147483646 h 1338"/>
                <a:gd name="T6" fmla="*/ 0 w 1343"/>
                <a:gd name="T7" fmla="*/ 2147483646 h 1338"/>
                <a:gd name="T8" fmla="*/ 2147483646 w 1343"/>
                <a:gd name="T9" fmla="*/ 0 h 1338"/>
                <a:gd name="T10" fmla="*/ 2147483646 w 1343"/>
                <a:gd name="T11" fmla="*/ 2147483646 h 1338"/>
                <a:gd name="T12" fmla="*/ 2147483646 w 1343"/>
                <a:gd name="T13" fmla="*/ 2147483646 h 1338"/>
                <a:gd name="T14" fmla="*/ 2147483646 w 1343"/>
                <a:gd name="T15" fmla="*/ 2147483646 h 1338"/>
                <a:gd name="T16" fmla="*/ 2147483646 w 1343"/>
                <a:gd name="T17" fmla="*/ 2147483646 h 1338"/>
                <a:gd name="T18" fmla="*/ 2147483646 w 1343"/>
                <a:gd name="T19" fmla="*/ 2147483646 h 1338"/>
                <a:gd name="T20" fmla="*/ 2147483646 w 1343"/>
                <a:gd name="T21" fmla="*/ 2147483646 h 1338"/>
                <a:gd name="T22" fmla="*/ 2147483646 w 1343"/>
                <a:gd name="T23" fmla="*/ 2147483646 h 1338"/>
                <a:gd name="T24" fmla="*/ 2147483646 w 1343"/>
                <a:gd name="T25" fmla="*/ 2147483646 h 1338"/>
                <a:gd name="T26" fmla="*/ 2147483646 w 1343"/>
                <a:gd name="T27" fmla="*/ 2147483646 h 1338"/>
                <a:gd name="T28" fmla="*/ 2147483646 w 1343"/>
                <a:gd name="T29" fmla="*/ 2147483646 h 133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343" h="1338">
                  <a:moveTo>
                    <a:pt x="576" y="1336"/>
                  </a:moveTo>
                  <a:lnTo>
                    <a:pt x="576" y="1336"/>
                  </a:lnTo>
                  <a:cubicBezTo>
                    <a:pt x="574" y="1336"/>
                    <a:pt x="573" y="1335"/>
                    <a:pt x="571" y="1335"/>
                  </a:cubicBezTo>
                  <a:cubicBezTo>
                    <a:pt x="246" y="1286"/>
                    <a:pt x="0" y="1001"/>
                    <a:pt x="0" y="671"/>
                  </a:cubicBezTo>
                  <a:cubicBezTo>
                    <a:pt x="0" y="301"/>
                    <a:pt x="301" y="0"/>
                    <a:pt x="672" y="0"/>
                  </a:cubicBezTo>
                  <a:cubicBezTo>
                    <a:pt x="1042" y="0"/>
                    <a:pt x="1343" y="301"/>
                    <a:pt x="1343" y="671"/>
                  </a:cubicBezTo>
                  <a:cubicBezTo>
                    <a:pt x="1343" y="1001"/>
                    <a:pt x="1098" y="1286"/>
                    <a:pt x="772" y="1335"/>
                  </a:cubicBezTo>
                  <a:cubicBezTo>
                    <a:pt x="754" y="1338"/>
                    <a:pt x="737" y="1325"/>
                    <a:pt x="734" y="1307"/>
                  </a:cubicBezTo>
                  <a:cubicBezTo>
                    <a:pt x="732" y="1289"/>
                    <a:pt x="744" y="1272"/>
                    <a:pt x="762" y="1269"/>
                  </a:cubicBezTo>
                  <a:cubicBezTo>
                    <a:pt x="1055" y="1225"/>
                    <a:pt x="1276" y="968"/>
                    <a:pt x="1276" y="671"/>
                  </a:cubicBezTo>
                  <a:cubicBezTo>
                    <a:pt x="1276" y="338"/>
                    <a:pt x="1005" y="67"/>
                    <a:pt x="672" y="67"/>
                  </a:cubicBezTo>
                  <a:cubicBezTo>
                    <a:pt x="338" y="67"/>
                    <a:pt x="67" y="338"/>
                    <a:pt x="67" y="671"/>
                  </a:cubicBezTo>
                  <a:cubicBezTo>
                    <a:pt x="67" y="968"/>
                    <a:pt x="288" y="1225"/>
                    <a:pt x="581" y="1269"/>
                  </a:cubicBezTo>
                  <a:cubicBezTo>
                    <a:pt x="599" y="1272"/>
                    <a:pt x="612" y="1289"/>
                    <a:pt x="609" y="1307"/>
                  </a:cubicBezTo>
                  <a:cubicBezTo>
                    <a:pt x="606" y="1324"/>
                    <a:pt x="592" y="1336"/>
                    <a:pt x="576" y="1336"/>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92" name="Freeform 765">
              <a:extLst>
                <a:ext uri="{FF2B5EF4-FFF2-40B4-BE49-F238E27FC236}">
                  <a16:creationId xmlns:a16="http://schemas.microsoft.com/office/drawing/2014/main" xmlns="" id="{8D06CD32-BCA9-44BE-9B94-990E7C33B93E}"/>
                </a:ext>
              </a:extLst>
            </p:cNvPr>
            <p:cNvSpPr>
              <a:spLocks/>
            </p:cNvSpPr>
            <p:nvPr/>
          </p:nvSpPr>
          <p:spPr bwMode="auto">
            <a:xfrm>
              <a:off x="3825612" y="2777246"/>
              <a:ext cx="43645" cy="46556"/>
            </a:xfrm>
            <a:custGeom>
              <a:avLst/>
              <a:gdLst>
                <a:gd name="T0" fmla="*/ 2147483646 w 138"/>
                <a:gd name="T1" fmla="*/ 2147483646 h 138"/>
                <a:gd name="T2" fmla="*/ 2147483646 w 138"/>
                <a:gd name="T3" fmla="*/ 2147483646 h 138"/>
                <a:gd name="T4" fmla="*/ 0 w 138"/>
                <a:gd name="T5" fmla="*/ 2147483646 h 138"/>
                <a:gd name="T6" fmla="*/ 2147483646 w 138"/>
                <a:gd name="T7" fmla="*/ 0 h 138"/>
                <a:gd name="T8" fmla="*/ 2147483646 w 138"/>
                <a:gd name="T9" fmla="*/ 2147483646 h 138"/>
                <a:gd name="T10" fmla="*/ 2147483646 w 138"/>
                <a:gd name="T11" fmla="*/ 2147483646 h 13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8" h="138">
                  <a:moveTo>
                    <a:pt x="69" y="138"/>
                  </a:moveTo>
                  <a:lnTo>
                    <a:pt x="69" y="138"/>
                  </a:lnTo>
                  <a:cubicBezTo>
                    <a:pt x="30" y="138"/>
                    <a:pt x="0" y="107"/>
                    <a:pt x="0" y="69"/>
                  </a:cubicBezTo>
                  <a:cubicBezTo>
                    <a:pt x="0" y="31"/>
                    <a:pt x="30" y="0"/>
                    <a:pt x="69" y="0"/>
                  </a:cubicBezTo>
                  <a:cubicBezTo>
                    <a:pt x="107" y="0"/>
                    <a:pt x="138" y="31"/>
                    <a:pt x="138" y="69"/>
                  </a:cubicBezTo>
                  <a:cubicBezTo>
                    <a:pt x="138" y="107"/>
                    <a:pt x="107" y="138"/>
                    <a:pt x="69" y="138"/>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93" name="Freeform 766">
              <a:extLst>
                <a:ext uri="{FF2B5EF4-FFF2-40B4-BE49-F238E27FC236}">
                  <a16:creationId xmlns:a16="http://schemas.microsoft.com/office/drawing/2014/main" xmlns="" id="{1F6D6F5E-ED0D-4A5D-A2D2-33CB09C02799}"/>
                </a:ext>
              </a:extLst>
            </p:cNvPr>
            <p:cNvSpPr>
              <a:spLocks/>
            </p:cNvSpPr>
            <p:nvPr/>
          </p:nvSpPr>
          <p:spPr bwMode="auto">
            <a:xfrm>
              <a:off x="3898357" y="2777246"/>
              <a:ext cx="43645" cy="46556"/>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94" name="Freeform 767">
              <a:extLst>
                <a:ext uri="{FF2B5EF4-FFF2-40B4-BE49-F238E27FC236}">
                  <a16:creationId xmlns:a16="http://schemas.microsoft.com/office/drawing/2014/main" xmlns="" id="{D4E08FB4-86FA-45AD-87AF-658CF359AE3A}"/>
                </a:ext>
              </a:extLst>
            </p:cNvPr>
            <p:cNvSpPr>
              <a:spLocks/>
            </p:cNvSpPr>
            <p:nvPr/>
          </p:nvSpPr>
          <p:spPr bwMode="auto">
            <a:xfrm>
              <a:off x="3805245" y="2390249"/>
              <a:ext cx="180405" cy="395727"/>
            </a:xfrm>
            <a:custGeom>
              <a:avLst/>
              <a:gdLst>
                <a:gd name="T0" fmla="*/ 2147483646 w 572"/>
                <a:gd name="T1" fmla="*/ 2147483646 h 1242"/>
                <a:gd name="T2" fmla="*/ 2147483646 w 572"/>
                <a:gd name="T3" fmla="*/ 2147483646 h 1242"/>
                <a:gd name="T4" fmla="*/ 2147483646 w 572"/>
                <a:gd name="T5" fmla="*/ 2147483646 h 1242"/>
                <a:gd name="T6" fmla="*/ 2147483646 w 572"/>
                <a:gd name="T7" fmla="*/ 2147483646 h 1242"/>
                <a:gd name="T8" fmla="*/ 2147483646 w 572"/>
                <a:gd name="T9" fmla="*/ 2147483646 h 1242"/>
                <a:gd name="T10" fmla="*/ 2147483646 w 572"/>
                <a:gd name="T11" fmla="*/ 2147483646 h 1242"/>
                <a:gd name="T12" fmla="*/ 2147483646 w 572"/>
                <a:gd name="T13" fmla="*/ 2147483646 h 1242"/>
                <a:gd name="T14" fmla="*/ 2147483646 w 572"/>
                <a:gd name="T15" fmla="*/ 2147483646 h 1242"/>
                <a:gd name="T16" fmla="*/ 2147483646 w 572"/>
                <a:gd name="T17" fmla="*/ 2147483646 h 1242"/>
                <a:gd name="T18" fmla="*/ 2147483646 w 572"/>
                <a:gd name="T19" fmla="*/ 2147483646 h 1242"/>
                <a:gd name="T20" fmla="*/ 2147483646 w 572"/>
                <a:gd name="T21" fmla="*/ 2147483646 h 1242"/>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72" h="1242">
                  <a:moveTo>
                    <a:pt x="541" y="1242"/>
                  </a:moveTo>
                  <a:lnTo>
                    <a:pt x="541" y="1242"/>
                  </a:lnTo>
                  <a:cubicBezTo>
                    <a:pt x="537" y="1242"/>
                    <a:pt x="533" y="1241"/>
                    <a:pt x="529" y="1239"/>
                  </a:cubicBezTo>
                  <a:cubicBezTo>
                    <a:pt x="105" y="1016"/>
                    <a:pt x="10" y="695"/>
                    <a:pt x="5" y="466"/>
                  </a:cubicBezTo>
                  <a:cubicBezTo>
                    <a:pt x="0" y="218"/>
                    <a:pt x="94" y="27"/>
                    <a:pt x="98" y="19"/>
                  </a:cubicBezTo>
                  <a:cubicBezTo>
                    <a:pt x="104" y="6"/>
                    <a:pt x="120" y="0"/>
                    <a:pt x="134" y="7"/>
                  </a:cubicBezTo>
                  <a:cubicBezTo>
                    <a:pt x="147" y="13"/>
                    <a:pt x="152" y="29"/>
                    <a:pt x="146" y="42"/>
                  </a:cubicBezTo>
                  <a:cubicBezTo>
                    <a:pt x="145" y="44"/>
                    <a:pt x="53" y="232"/>
                    <a:pt x="59" y="467"/>
                  </a:cubicBezTo>
                  <a:cubicBezTo>
                    <a:pt x="66" y="778"/>
                    <a:pt x="232" y="1023"/>
                    <a:pt x="554" y="1192"/>
                  </a:cubicBezTo>
                  <a:cubicBezTo>
                    <a:pt x="567" y="1199"/>
                    <a:pt x="572" y="1215"/>
                    <a:pt x="565" y="1228"/>
                  </a:cubicBezTo>
                  <a:cubicBezTo>
                    <a:pt x="560" y="1237"/>
                    <a:pt x="551" y="1242"/>
                    <a:pt x="541" y="1242"/>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95" name="Freeform 768">
              <a:extLst>
                <a:ext uri="{FF2B5EF4-FFF2-40B4-BE49-F238E27FC236}">
                  <a16:creationId xmlns:a16="http://schemas.microsoft.com/office/drawing/2014/main" xmlns="" id="{517C9A7B-6DB9-4173-837A-3A8613127560}"/>
                </a:ext>
              </a:extLst>
            </p:cNvPr>
            <p:cNvSpPr>
              <a:spLocks/>
            </p:cNvSpPr>
            <p:nvPr/>
          </p:nvSpPr>
          <p:spPr bwMode="auto">
            <a:xfrm>
              <a:off x="3741230" y="2428075"/>
              <a:ext cx="337532" cy="261878"/>
            </a:xfrm>
            <a:custGeom>
              <a:avLst/>
              <a:gdLst>
                <a:gd name="T0" fmla="*/ 2147483646 w 1060"/>
                <a:gd name="T1" fmla="*/ 2147483646 h 821"/>
                <a:gd name="T2" fmla="*/ 2147483646 w 1060"/>
                <a:gd name="T3" fmla="*/ 2147483646 h 821"/>
                <a:gd name="T4" fmla="*/ 2147483646 w 1060"/>
                <a:gd name="T5" fmla="*/ 2147483646 h 821"/>
                <a:gd name="T6" fmla="*/ 2147483646 w 1060"/>
                <a:gd name="T7" fmla="*/ 2147483646 h 821"/>
                <a:gd name="T8" fmla="*/ 2147483646 w 1060"/>
                <a:gd name="T9" fmla="*/ 2147483646 h 821"/>
                <a:gd name="T10" fmla="*/ 2147483646 w 1060"/>
                <a:gd name="T11" fmla="*/ 2147483646 h 821"/>
                <a:gd name="T12" fmla="*/ 2147483646 w 1060"/>
                <a:gd name="T13" fmla="*/ 2147483646 h 821"/>
                <a:gd name="T14" fmla="*/ 2147483646 w 1060"/>
                <a:gd name="T15" fmla="*/ 2147483646 h 821"/>
                <a:gd name="T16" fmla="*/ 2147483646 w 1060"/>
                <a:gd name="T17" fmla="*/ 2147483646 h 821"/>
                <a:gd name="T18" fmla="*/ 2147483646 w 1060"/>
                <a:gd name="T19" fmla="*/ 2147483646 h 821"/>
                <a:gd name="T20" fmla="*/ 2147483646 w 1060"/>
                <a:gd name="T21" fmla="*/ 2147483646 h 821"/>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060" h="821">
                  <a:moveTo>
                    <a:pt x="1031" y="821"/>
                  </a:moveTo>
                  <a:lnTo>
                    <a:pt x="1031" y="821"/>
                  </a:lnTo>
                  <a:cubicBezTo>
                    <a:pt x="1018" y="821"/>
                    <a:pt x="1007" y="812"/>
                    <a:pt x="1004" y="799"/>
                  </a:cubicBezTo>
                  <a:cubicBezTo>
                    <a:pt x="938" y="464"/>
                    <a:pt x="768" y="241"/>
                    <a:pt x="500" y="136"/>
                  </a:cubicBezTo>
                  <a:cubicBezTo>
                    <a:pt x="291" y="54"/>
                    <a:pt x="89" y="72"/>
                    <a:pt x="32" y="79"/>
                  </a:cubicBezTo>
                  <a:cubicBezTo>
                    <a:pt x="17" y="81"/>
                    <a:pt x="4" y="71"/>
                    <a:pt x="2" y="56"/>
                  </a:cubicBezTo>
                  <a:cubicBezTo>
                    <a:pt x="0" y="41"/>
                    <a:pt x="10" y="28"/>
                    <a:pt x="25" y="26"/>
                  </a:cubicBezTo>
                  <a:cubicBezTo>
                    <a:pt x="85" y="18"/>
                    <a:pt x="299" y="0"/>
                    <a:pt x="520" y="87"/>
                  </a:cubicBezTo>
                  <a:cubicBezTo>
                    <a:pt x="806" y="199"/>
                    <a:pt x="986" y="435"/>
                    <a:pt x="1057" y="789"/>
                  </a:cubicBezTo>
                  <a:cubicBezTo>
                    <a:pt x="1060" y="803"/>
                    <a:pt x="1050" y="817"/>
                    <a:pt x="1036" y="820"/>
                  </a:cubicBezTo>
                  <a:cubicBezTo>
                    <a:pt x="1034" y="820"/>
                    <a:pt x="1032" y="821"/>
                    <a:pt x="1031" y="821"/>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96" name="Freeform 769">
              <a:extLst>
                <a:ext uri="{FF2B5EF4-FFF2-40B4-BE49-F238E27FC236}">
                  <a16:creationId xmlns:a16="http://schemas.microsoft.com/office/drawing/2014/main" xmlns="" id="{8507B847-9620-4830-A0D3-7A4AE0AD4E58}"/>
                </a:ext>
              </a:extLst>
            </p:cNvPr>
            <p:cNvSpPr>
              <a:spLocks/>
            </p:cNvSpPr>
            <p:nvPr/>
          </p:nvSpPr>
          <p:spPr bwMode="auto">
            <a:xfrm>
              <a:off x="3674305" y="2561924"/>
              <a:ext cx="421914" cy="128029"/>
            </a:xfrm>
            <a:custGeom>
              <a:avLst/>
              <a:gdLst>
                <a:gd name="T0" fmla="*/ 2147483646 w 1321"/>
                <a:gd name="T1" fmla="*/ 2147483646 h 397"/>
                <a:gd name="T2" fmla="*/ 2147483646 w 1321"/>
                <a:gd name="T3" fmla="*/ 2147483646 h 397"/>
                <a:gd name="T4" fmla="*/ 2147483646 w 1321"/>
                <a:gd name="T5" fmla="*/ 2147483646 h 397"/>
                <a:gd name="T6" fmla="*/ 2147483646 w 1321"/>
                <a:gd name="T7" fmla="*/ 2147483646 h 397"/>
                <a:gd name="T8" fmla="*/ 2147483646 w 1321"/>
                <a:gd name="T9" fmla="*/ 2147483646 h 397"/>
                <a:gd name="T10" fmla="*/ 2147483646 w 1321"/>
                <a:gd name="T11" fmla="*/ 2147483646 h 397"/>
                <a:gd name="T12" fmla="*/ 2147483646 w 1321"/>
                <a:gd name="T13" fmla="*/ 2147483646 h 397"/>
                <a:gd name="T14" fmla="*/ 2147483646 w 1321"/>
                <a:gd name="T15" fmla="*/ 2147483646 h 397"/>
                <a:gd name="T16" fmla="*/ 2147483646 w 1321"/>
                <a:gd name="T17" fmla="*/ 2147483646 h 397"/>
                <a:gd name="T18" fmla="*/ 2147483646 w 1321"/>
                <a:gd name="T19" fmla="*/ 2147483646 h 397"/>
                <a:gd name="T20" fmla="*/ 2147483646 w 1321"/>
                <a:gd name="T21" fmla="*/ 2147483646 h 397"/>
                <a:gd name="T22" fmla="*/ 2147483646 w 1321"/>
                <a:gd name="T23" fmla="*/ 2147483646 h 39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1321" h="397">
                  <a:moveTo>
                    <a:pt x="613" y="397"/>
                  </a:moveTo>
                  <a:lnTo>
                    <a:pt x="613" y="397"/>
                  </a:lnTo>
                  <a:cubicBezTo>
                    <a:pt x="261" y="397"/>
                    <a:pt x="20" y="154"/>
                    <a:pt x="10" y="143"/>
                  </a:cubicBezTo>
                  <a:cubicBezTo>
                    <a:pt x="0" y="133"/>
                    <a:pt x="0" y="116"/>
                    <a:pt x="10" y="106"/>
                  </a:cubicBezTo>
                  <a:cubicBezTo>
                    <a:pt x="21" y="95"/>
                    <a:pt x="38" y="96"/>
                    <a:pt x="48" y="106"/>
                  </a:cubicBezTo>
                  <a:cubicBezTo>
                    <a:pt x="50" y="109"/>
                    <a:pt x="284" y="344"/>
                    <a:pt x="613" y="344"/>
                  </a:cubicBezTo>
                  <a:cubicBezTo>
                    <a:pt x="615" y="344"/>
                    <a:pt x="617" y="344"/>
                    <a:pt x="619" y="344"/>
                  </a:cubicBezTo>
                  <a:cubicBezTo>
                    <a:pt x="846" y="342"/>
                    <a:pt x="1066" y="230"/>
                    <a:pt x="1272" y="11"/>
                  </a:cubicBezTo>
                  <a:cubicBezTo>
                    <a:pt x="1282" y="0"/>
                    <a:pt x="1299" y="0"/>
                    <a:pt x="1310" y="10"/>
                  </a:cubicBezTo>
                  <a:cubicBezTo>
                    <a:pt x="1321" y="20"/>
                    <a:pt x="1321" y="37"/>
                    <a:pt x="1311" y="47"/>
                  </a:cubicBezTo>
                  <a:cubicBezTo>
                    <a:pt x="1094" y="278"/>
                    <a:pt x="861" y="395"/>
                    <a:pt x="619" y="397"/>
                  </a:cubicBezTo>
                  <a:cubicBezTo>
                    <a:pt x="617" y="397"/>
                    <a:pt x="615" y="397"/>
                    <a:pt x="613" y="397"/>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97" name="Freeform 770">
              <a:extLst>
                <a:ext uri="{FF2B5EF4-FFF2-40B4-BE49-F238E27FC236}">
                  <a16:creationId xmlns:a16="http://schemas.microsoft.com/office/drawing/2014/main" xmlns="" id="{2EF3A0BA-F751-4DF0-BDCE-762FACFACC52}"/>
                </a:ext>
              </a:extLst>
            </p:cNvPr>
            <p:cNvSpPr>
              <a:spLocks/>
            </p:cNvSpPr>
            <p:nvPr/>
          </p:nvSpPr>
          <p:spPr bwMode="auto">
            <a:xfrm>
              <a:off x="3747050" y="2425166"/>
              <a:ext cx="267698" cy="343351"/>
            </a:xfrm>
            <a:custGeom>
              <a:avLst/>
              <a:gdLst>
                <a:gd name="T0" fmla="*/ 2147483646 w 832"/>
                <a:gd name="T1" fmla="*/ 2147483646 h 1073"/>
                <a:gd name="T2" fmla="*/ 2147483646 w 832"/>
                <a:gd name="T3" fmla="*/ 2147483646 h 1073"/>
                <a:gd name="T4" fmla="*/ 2147483646 w 832"/>
                <a:gd name="T5" fmla="*/ 2147483646 h 1073"/>
                <a:gd name="T6" fmla="*/ 2147483646 w 832"/>
                <a:gd name="T7" fmla="*/ 2147483646 h 1073"/>
                <a:gd name="T8" fmla="*/ 2147483646 w 832"/>
                <a:gd name="T9" fmla="*/ 2147483646 h 1073"/>
                <a:gd name="T10" fmla="*/ 2147483646 w 832"/>
                <a:gd name="T11" fmla="*/ 2147483646 h 1073"/>
                <a:gd name="T12" fmla="*/ 2147483646 w 832"/>
                <a:gd name="T13" fmla="*/ 2147483646 h 1073"/>
                <a:gd name="T14" fmla="*/ 2147483646 w 832"/>
                <a:gd name="T15" fmla="*/ 2147483646 h 1073"/>
                <a:gd name="T16" fmla="*/ 2147483646 w 832"/>
                <a:gd name="T17" fmla="*/ 2147483646 h 1073"/>
                <a:gd name="T18" fmla="*/ 2147483646 w 832"/>
                <a:gd name="T19" fmla="*/ 2147483646 h 1073"/>
                <a:gd name="T20" fmla="*/ 2147483646 w 832"/>
                <a:gd name="T21" fmla="*/ 2147483646 h 107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832" h="1073">
                  <a:moveTo>
                    <a:pt x="63" y="1073"/>
                  </a:moveTo>
                  <a:lnTo>
                    <a:pt x="63" y="1073"/>
                  </a:lnTo>
                  <a:cubicBezTo>
                    <a:pt x="51" y="1073"/>
                    <a:pt x="39" y="1064"/>
                    <a:pt x="37" y="1051"/>
                  </a:cubicBezTo>
                  <a:cubicBezTo>
                    <a:pt x="36" y="1042"/>
                    <a:pt x="0" y="832"/>
                    <a:pt x="75" y="596"/>
                  </a:cubicBezTo>
                  <a:cubicBezTo>
                    <a:pt x="145" y="377"/>
                    <a:pt x="327" y="97"/>
                    <a:pt x="797" y="3"/>
                  </a:cubicBezTo>
                  <a:cubicBezTo>
                    <a:pt x="812" y="0"/>
                    <a:pt x="826" y="10"/>
                    <a:pt x="829" y="24"/>
                  </a:cubicBezTo>
                  <a:cubicBezTo>
                    <a:pt x="832" y="39"/>
                    <a:pt x="822" y="53"/>
                    <a:pt x="808" y="56"/>
                  </a:cubicBezTo>
                  <a:cubicBezTo>
                    <a:pt x="451" y="127"/>
                    <a:pt x="221" y="314"/>
                    <a:pt x="126" y="612"/>
                  </a:cubicBezTo>
                  <a:cubicBezTo>
                    <a:pt x="55" y="836"/>
                    <a:pt x="89" y="1040"/>
                    <a:pt x="90" y="1042"/>
                  </a:cubicBezTo>
                  <a:cubicBezTo>
                    <a:pt x="92" y="1056"/>
                    <a:pt x="83" y="1070"/>
                    <a:pt x="68" y="1073"/>
                  </a:cubicBezTo>
                  <a:cubicBezTo>
                    <a:pt x="67" y="1073"/>
                    <a:pt x="65" y="1073"/>
                    <a:pt x="63" y="1073"/>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98" name="Freeform 771">
              <a:extLst>
                <a:ext uri="{FF2B5EF4-FFF2-40B4-BE49-F238E27FC236}">
                  <a16:creationId xmlns:a16="http://schemas.microsoft.com/office/drawing/2014/main" xmlns="" id="{F83F32A3-500C-4314-8189-D428EBC5E9BB}"/>
                </a:ext>
              </a:extLst>
            </p:cNvPr>
            <p:cNvSpPr>
              <a:spLocks/>
            </p:cNvSpPr>
            <p:nvPr/>
          </p:nvSpPr>
          <p:spPr bwMode="auto">
            <a:xfrm>
              <a:off x="3840162" y="2657947"/>
              <a:ext cx="40737" cy="4364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0"/>
                    <a:pt x="0" y="65"/>
                  </a:cubicBezTo>
                  <a:cubicBezTo>
                    <a:pt x="0" y="29"/>
                    <a:pt x="29" y="0"/>
                    <a:pt x="65" y="0"/>
                  </a:cubicBezTo>
                  <a:cubicBezTo>
                    <a:pt x="100" y="0"/>
                    <a:pt x="130" y="29"/>
                    <a:pt x="130" y="65"/>
                  </a:cubicBezTo>
                  <a:cubicBezTo>
                    <a:pt x="130" y="100"/>
                    <a:pt x="100"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99" name="Freeform 772">
              <a:extLst>
                <a:ext uri="{FF2B5EF4-FFF2-40B4-BE49-F238E27FC236}">
                  <a16:creationId xmlns:a16="http://schemas.microsoft.com/office/drawing/2014/main" xmlns="" id="{6005C602-0A4A-42E8-8822-989A436D6E0F}"/>
                </a:ext>
              </a:extLst>
            </p:cNvPr>
            <p:cNvSpPr>
              <a:spLocks/>
            </p:cNvSpPr>
            <p:nvPr/>
          </p:nvSpPr>
          <p:spPr bwMode="auto">
            <a:xfrm>
              <a:off x="4026386" y="2585202"/>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8" y="130"/>
                    <a:pt x="0" y="101"/>
                    <a:pt x="0" y="65"/>
                  </a:cubicBezTo>
                  <a:cubicBezTo>
                    <a:pt x="0" y="29"/>
                    <a:pt x="28" y="0"/>
                    <a:pt x="65" y="0"/>
                  </a:cubicBezTo>
                  <a:cubicBezTo>
                    <a:pt x="100" y="0"/>
                    <a:pt x="130" y="29"/>
                    <a:pt x="130" y="65"/>
                  </a:cubicBezTo>
                  <a:cubicBezTo>
                    <a:pt x="130" y="101"/>
                    <a:pt x="100"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100" name="Freeform 773">
              <a:extLst>
                <a:ext uri="{FF2B5EF4-FFF2-40B4-BE49-F238E27FC236}">
                  <a16:creationId xmlns:a16="http://schemas.microsoft.com/office/drawing/2014/main" xmlns="" id="{5DC32D33-64E0-49B6-8BEB-4AB7363C4E62}"/>
                </a:ext>
              </a:extLst>
            </p:cNvPr>
            <p:cNvSpPr>
              <a:spLocks/>
            </p:cNvSpPr>
            <p:nvPr/>
          </p:nvSpPr>
          <p:spPr bwMode="auto">
            <a:xfrm>
              <a:off x="3889627" y="2445534"/>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29"/>
                    <a:pt x="29" y="0"/>
                    <a:pt x="65" y="0"/>
                  </a:cubicBezTo>
                  <a:cubicBezTo>
                    <a:pt x="101" y="0"/>
                    <a:pt x="130" y="29"/>
                    <a:pt x="130" y="65"/>
                  </a:cubicBezTo>
                  <a:cubicBezTo>
                    <a:pt x="130" y="101"/>
                    <a:pt x="101"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101" name="Freeform 774">
              <a:extLst>
                <a:ext uri="{FF2B5EF4-FFF2-40B4-BE49-F238E27FC236}">
                  <a16:creationId xmlns:a16="http://schemas.microsoft.com/office/drawing/2014/main" xmlns="" id="{58350486-5193-43C3-93EF-3D4EBF5EDA4D}"/>
                </a:ext>
              </a:extLst>
            </p:cNvPr>
            <p:cNvSpPr>
              <a:spLocks/>
            </p:cNvSpPr>
            <p:nvPr/>
          </p:nvSpPr>
          <p:spPr bwMode="auto">
            <a:xfrm>
              <a:off x="3805245" y="2425166"/>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29"/>
                    <a:pt x="29" y="0"/>
                    <a:pt x="65" y="0"/>
                  </a:cubicBezTo>
                  <a:cubicBezTo>
                    <a:pt x="101" y="0"/>
                    <a:pt x="130" y="29"/>
                    <a:pt x="130" y="65"/>
                  </a:cubicBezTo>
                  <a:cubicBezTo>
                    <a:pt x="130" y="101"/>
                    <a:pt x="101"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102" name="Freeform 775">
              <a:extLst>
                <a:ext uri="{FF2B5EF4-FFF2-40B4-BE49-F238E27FC236}">
                  <a16:creationId xmlns:a16="http://schemas.microsoft.com/office/drawing/2014/main" xmlns="" id="{563E25C0-6B6A-4291-89EC-38B750C1A703}"/>
                </a:ext>
              </a:extLst>
            </p:cNvPr>
            <p:cNvSpPr>
              <a:spLocks/>
            </p:cNvSpPr>
            <p:nvPr/>
          </p:nvSpPr>
          <p:spPr bwMode="auto">
            <a:xfrm>
              <a:off x="3793606" y="2527007"/>
              <a:ext cx="40737" cy="4364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30"/>
                    <a:pt x="29" y="0"/>
                    <a:pt x="65" y="0"/>
                  </a:cubicBezTo>
                  <a:cubicBezTo>
                    <a:pt x="100" y="0"/>
                    <a:pt x="130" y="30"/>
                    <a:pt x="130" y="65"/>
                  </a:cubicBezTo>
                  <a:cubicBezTo>
                    <a:pt x="130" y="101"/>
                    <a:pt x="100"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sp>
          <p:nvSpPr>
            <p:cNvPr id="103" name="Freeform 776">
              <a:extLst>
                <a:ext uri="{FF2B5EF4-FFF2-40B4-BE49-F238E27FC236}">
                  <a16:creationId xmlns:a16="http://schemas.microsoft.com/office/drawing/2014/main" xmlns="" id="{E05B8343-F1D5-4DE3-A2E5-5CC56EDAF32D}"/>
                </a:ext>
              </a:extLst>
            </p:cNvPr>
            <p:cNvSpPr>
              <a:spLocks/>
            </p:cNvSpPr>
            <p:nvPr/>
          </p:nvSpPr>
          <p:spPr bwMode="auto">
            <a:xfrm>
              <a:off x="3749959" y="2637577"/>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0"/>
                    <a:pt x="0" y="65"/>
                  </a:cubicBezTo>
                  <a:cubicBezTo>
                    <a:pt x="0" y="29"/>
                    <a:pt x="29" y="0"/>
                    <a:pt x="65" y="0"/>
                  </a:cubicBezTo>
                  <a:cubicBezTo>
                    <a:pt x="101" y="0"/>
                    <a:pt x="130" y="29"/>
                    <a:pt x="130" y="65"/>
                  </a:cubicBezTo>
                  <a:cubicBezTo>
                    <a:pt x="130" y="100"/>
                    <a:pt x="101"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sym typeface="Huawei Sans" panose="020C0503030203020204" pitchFamily="34" charset="0"/>
              </a:endParaRPr>
            </a:p>
          </p:txBody>
        </p:sp>
      </p:grpSp>
      <p:sp>
        <p:nvSpPr>
          <p:cNvPr id="127" name="矩形 126">
            <a:extLst>
              <a:ext uri="{FF2B5EF4-FFF2-40B4-BE49-F238E27FC236}">
                <a16:creationId xmlns:a16="http://schemas.microsoft.com/office/drawing/2014/main" xmlns="" id="{A2DFCC5A-F6F4-4CFE-91C3-D3C8A5D9B3EE}"/>
              </a:ext>
            </a:extLst>
          </p:cNvPr>
          <p:cNvSpPr/>
          <p:nvPr/>
        </p:nvSpPr>
        <p:spPr>
          <a:xfrm>
            <a:off x="9813156" y="6031404"/>
            <a:ext cx="2479020" cy="307777"/>
          </a:xfrm>
          <a:prstGeom prst="rect">
            <a:avLst/>
          </a:prstGeom>
        </p:spPr>
        <p:txBody>
          <a:bodyPr wrap="square">
            <a:spAutoFit/>
          </a:bodyPr>
          <a:lstStyle/>
          <a:p>
            <a:pPr lvl="0" algn="ctr" defTabSz="914400">
              <a:defRPr/>
            </a:pPr>
            <a:r>
              <a:rPr lang="zh-CN" altLang="en-US" sz="1400" b="1">
                <a:solidFill>
                  <a:srgbClr val="FF0000"/>
                </a:solidFill>
                <a:cs typeface="+mn-ea"/>
                <a:sym typeface="Huawei Sans" panose="020C0503030203020204" pitchFamily="34" charset="0"/>
              </a:rPr>
              <a:t>*</a:t>
            </a:r>
            <a:r>
              <a:rPr lang="zh-CN" altLang="en-US" sz="1400">
                <a:solidFill>
                  <a:srgbClr val="FF0000"/>
                </a:solidFill>
                <a:cs typeface="+mn-ea"/>
                <a:sym typeface="Huawei Sans" panose="020C0503030203020204" pitchFamily="34" charset="0"/>
              </a:rPr>
              <a:t> </a:t>
            </a:r>
            <a:r>
              <a:rPr lang="zh-CN" altLang="en-US" sz="1400">
                <a:cs typeface="+mn-ea"/>
                <a:sym typeface="Huawei Sans" panose="020C0503030203020204" pitchFamily="34" charset="0"/>
              </a:rPr>
              <a:t>本课程介绍</a:t>
            </a:r>
            <a:endParaRPr lang="en-US" altLang="zh-CN" sz="1400" dirty="0">
              <a:cs typeface="+mn-ea"/>
              <a:sym typeface="Huawei Sans" panose="020C0503030203020204" pitchFamily="34" charset="0"/>
            </a:endParaRPr>
          </a:p>
        </p:txBody>
      </p:sp>
    </p:spTree>
    <p:extLst>
      <p:ext uri="{BB962C8B-B14F-4D97-AF65-F5344CB8AC3E}">
        <p14:creationId xmlns:p14="http://schemas.microsoft.com/office/powerpoint/2010/main" val="412089692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5365FCDB-CD88-4AB5-919B-FA528F4B9F1C}"/>
              </a:ext>
            </a:extLst>
          </p:cNvPr>
          <p:cNvSpPr>
            <a:spLocks noGrp="1"/>
          </p:cNvSpPr>
          <p:nvPr>
            <p:ph type="title"/>
          </p:nvPr>
        </p:nvSpPr>
        <p:spPr/>
        <p:txBody>
          <a:bodyPr/>
          <a:lstStyle/>
          <a:p>
            <a:r>
              <a:rPr lang="zh-CN" altLang="en-US"/>
              <a:t>华为数据中心</a:t>
            </a:r>
            <a:r>
              <a:rPr lang="en-US" altLang="zh-CN"/>
              <a:t>CloudFabric</a:t>
            </a:r>
            <a:r>
              <a:rPr lang="zh-CN" altLang="en-US"/>
              <a:t>自动驾驶解决方案</a:t>
            </a:r>
          </a:p>
        </p:txBody>
      </p:sp>
      <p:sp>
        <p:nvSpPr>
          <p:cNvPr id="4" name="Shape 1207" descr="Freeform 6">
            <a:extLst>
              <a:ext uri="{FF2B5EF4-FFF2-40B4-BE49-F238E27FC236}">
                <a16:creationId xmlns:a16="http://schemas.microsoft.com/office/drawing/2014/main" xmlns="" id="{053EFA87-1DC7-4B53-A5F2-5275F111563B}"/>
              </a:ext>
            </a:extLst>
          </p:cNvPr>
          <p:cNvSpPr/>
          <p:nvPr/>
        </p:nvSpPr>
        <p:spPr>
          <a:xfrm flipH="1">
            <a:off x="862164" y="2265557"/>
            <a:ext cx="4491333" cy="1945532"/>
          </a:xfrm>
          <a:custGeom>
            <a:avLst/>
            <a:gdLst/>
            <a:ahLst/>
            <a:cxnLst>
              <a:cxn ang="0">
                <a:pos x="wd2" y="hd2"/>
              </a:cxn>
              <a:cxn ang="5400000">
                <a:pos x="wd2" y="hd2"/>
              </a:cxn>
              <a:cxn ang="10800000">
                <a:pos x="wd2" y="hd2"/>
              </a:cxn>
              <a:cxn ang="16200000">
                <a:pos x="wd2" y="hd2"/>
              </a:cxn>
            </a:cxnLst>
            <a:rect l="0" t="0" r="r" b="b"/>
            <a:pathLst>
              <a:path w="21600" h="21600" extrusionOk="0">
                <a:moveTo>
                  <a:pt x="21600" y="16088"/>
                </a:moveTo>
                <a:cubicBezTo>
                  <a:pt x="21600" y="13059"/>
                  <a:pt x="20337" y="10577"/>
                  <a:pt x="18796" y="10577"/>
                </a:cubicBezTo>
                <a:cubicBezTo>
                  <a:pt x="18594" y="10577"/>
                  <a:pt x="18392" y="10626"/>
                  <a:pt x="18189" y="10726"/>
                </a:cubicBezTo>
                <a:cubicBezTo>
                  <a:pt x="18189" y="10577"/>
                  <a:pt x="18189" y="10428"/>
                  <a:pt x="18189" y="10279"/>
                </a:cubicBezTo>
                <a:cubicBezTo>
                  <a:pt x="18189" y="4618"/>
                  <a:pt x="15865" y="0"/>
                  <a:pt x="12960" y="0"/>
                </a:cubicBezTo>
                <a:cubicBezTo>
                  <a:pt x="10560" y="0"/>
                  <a:pt x="8539" y="3178"/>
                  <a:pt x="7907" y="7548"/>
                </a:cubicBezTo>
                <a:cubicBezTo>
                  <a:pt x="7200" y="6008"/>
                  <a:pt x="6164" y="5015"/>
                  <a:pt x="5002" y="5015"/>
                </a:cubicBezTo>
                <a:cubicBezTo>
                  <a:pt x="2829" y="5015"/>
                  <a:pt x="1061" y="8491"/>
                  <a:pt x="1061" y="12811"/>
                </a:cubicBezTo>
                <a:cubicBezTo>
                  <a:pt x="1061" y="13556"/>
                  <a:pt x="1112" y="14251"/>
                  <a:pt x="1213" y="14946"/>
                </a:cubicBezTo>
                <a:cubicBezTo>
                  <a:pt x="505" y="15393"/>
                  <a:pt x="0" y="16684"/>
                  <a:pt x="0" y="18174"/>
                </a:cubicBezTo>
                <a:cubicBezTo>
                  <a:pt x="0" y="20011"/>
                  <a:pt x="733" y="21501"/>
                  <a:pt x="1667" y="21600"/>
                </a:cubicBezTo>
                <a:cubicBezTo>
                  <a:pt x="1667" y="21600"/>
                  <a:pt x="1667" y="21600"/>
                  <a:pt x="1667" y="21600"/>
                </a:cubicBezTo>
                <a:cubicBezTo>
                  <a:pt x="18821" y="21600"/>
                  <a:pt x="18821" y="21600"/>
                  <a:pt x="18821" y="21600"/>
                </a:cubicBezTo>
                <a:cubicBezTo>
                  <a:pt x="18821" y="21600"/>
                  <a:pt x="18821" y="21600"/>
                  <a:pt x="18821" y="21600"/>
                </a:cubicBezTo>
                <a:cubicBezTo>
                  <a:pt x="20362" y="21550"/>
                  <a:pt x="21600" y="19117"/>
                  <a:pt x="21600" y="16088"/>
                </a:cubicBezTo>
                <a:close/>
              </a:path>
            </a:pathLst>
          </a:custGeom>
          <a:gradFill flip="none" rotWithShape="1">
            <a:gsLst>
              <a:gs pos="100000">
                <a:srgbClr val="FFFFFF">
                  <a:lumMod val="100000"/>
                </a:srgbClr>
              </a:gs>
              <a:gs pos="0">
                <a:sysClr val="window" lastClr="FFFFFF">
                  <a:lumMod val="85000"/>
                </a:sysClr>
              </a:gs>
            </a:gsLst>
            <a:lin ang="2700000" scaled="1"/>
            <a:tileRect/>
          </a:gradFill>
          <a:ln w="19050" cap="flat" cmpd="sng" algn="ctr">
            <a:noFill/>
            <a:prstDash val="solid"/>
            <a:miter lim="800000"/>
          </a:ln>
          <a:effectLst/>
        </p:spPr>
        <p:txBody>
          <a:bodyPr wrap="square" rtlCol="0" anchor="ctr">
            <a:noAutofit/>
          </a:bodyPr>
          <a:lstStyle/>
          <a:p>
            <a:pPr marL="0" marR="0" lvl="0" indent="0" algn="ctr" defTabSz="1219028" eaLnBrk="1" fontAlgn="ctr" latinLnBrk="0" hangingPunct="1">
              <a:spcBef>
                <a:spcPts val="0"/>
              </a:spcBef>
              <a:spcAft>
                <a:spcPts val="0"/>
              </a:spcAft>
              <a:buClrTx/>
              <a:buSzTx/>
              <a:buFontTx/>
              <a:buNone/>
              <a:tabLst/>
              <a:defRPr/>
            </a:pPr>
            <a:endParaRPr kumimoji="0" sz="1800" b="0" i="0" u="none" strike="noStrike" kern="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nvGrpSpPr>
          <p:cNvPr id="5" name="组合 4">
            <a:extLst>
              <a:ext uri="{FF2B5EF4-FFF2-40B4-BE49-F238E27FC236}">
                <a16:creationId xmlns:a16="http://schemas.microsoft.com/office/drawing/2014/main" xmlns="" id="{62D1CBC0-9CB1-459A-B7F6-68B86DCBC846}"/>
              </a:ext>
            </a:extLst>
          </p:cNvPr>
          <p:cNvGrpSpPr/>
          <p:nvPr/>
        </p:nvGrpSpPr>
        <p:grpSpPr>
          <a:xfrm>
            <a:off x="3080801" y="5776837"/>
            <a:ext cx="568329" cy="429761"/>
            <a:chOff x="4851745" y="5733460"/>
            <a:chExt cx="520767" cy="400640"/>
          </a:xfrm>
        </p:grpSpPr>
        <p:sp>
          <p:nvSpPr>
            <p:cNvPr id="283" name="Freeform 151">
              <a:extLst>
                <a:ext uri="{FF2B5EF4-FFF2-40B4-BE49-F238E27FC236}">
                  <a16:creationId xmlns:a16="http://schemas.microsoft.com/office/drawing/2014/main" xmlns="" id="{CC1689CE-33BC-4AB4-BE2C-E8A4B31DCACA}"/>
                </a:ext>
              </a:extLst>
            </p:cNvPr>
            <p:cNvSpPr>
              <a:spLocks noEditPoints="1"/>
            </p:cNvSpPr>
            <p:nvPr/>
          </p:nvSpPr>
          <p:spPr bwMode="auto">
            <a:xfrm>
              <a:off x="4851745" y="5756755"/>
              <a:ext cx="224482" cy="377345"/>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ysClr val="window" lastClr="FFFFFF">
                <a:lumMod val="75000"/>
              </a:sysClr>
            </a:solid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50" b="0" i="0" u="none" strike="noStrike" kern="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pic>
          <p:nvPicPr>
            <p:cNvPr id="284" name="Picture 4" descr="C:\Users\Administrator\Desktop\QQ图片20150909171344.png">
              <a:extLst>
                <a:ext uri="{FF2B5EF4-FFF2-40B4-BE49-F238E27FC236}">
                  <a16:creationId xmlns:a16="http://schemas.microsoft.com/office/drawing/2014/main" xmlns="" id="{07DD26BC-C787-42B4-8837-E11BEA50C602}"/>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8512" y="5733460"/>
              <a:ext cx="324000" cy="180000"/>
            </a:xfrm>
            <a:prstGeom prst="rect">
              <a:avLst/>
            </a:prstGeom>
            <a:noFill/>
            <a:scene3d>
              <a:camera prst="orthographicFront">
                <a:rot lat="0" lon="0" rev="0"/>
              </a:camera>
              <a:lightRig rig="threePt" dir="t"/>
            </a:scene3d>
          </p:spPr>
        </p:pic>
        <p:pic>
          <p:nvPicPr>
            <p:cNvPr id="285" name="Picture 4" descr="C:\Users\Administrator\Desktop\QQ图片20150909171344.png">
              <a:extLst>
                <a:ext uri="{FF2B5EF4-FFF2-40B4-BE49-F238E27FC236}">
                  <a16:creationId xmlns:a16="http://schemas.microsoft.com/office/drawing/2014/main" xmlns="" id="{5D4C5217-D7DB-4E24-87B8-95BFD516CEF8}"/>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6480" y="5954100"/>
              <a:ext cx="324000" cy="180000"/>
            </a:xfrm>
            <a:prstGeom prst="rect">
              <a:avLst/>
            </a:prstGeom>
            <a:noFill/>
            <a:scene3d>
              <a:camera prst="orthographicFront">
                <a:rot lat="0" lon="0" rev="0"/>
              </a:camera>
              <a:lightRig rig="threePt" dir="t"/>
            </a:scene3d>
          </p:spPr>
        </p:pic>
      </p:grpSp>
      <p:grpSp>
        <p:nvGrpSpPr>
          <p:cNvPr id="6" name="组合 220">
            <a:extLst>
              <a:ext uri="{FF2B5EF4-FFF2-40B4-BE49-F238E27FC236}">
                <a16:creationId xmlns:a16="http://schemas.microsoft.com/office/drawing/2014/main" xmlns="" id="{705D9009-E501-4568-BEBD-994EDB0A7839}"/>
              </a:ext>
            </a:extLst>
          </p:cNvPr>
          <p:cNvGrpSpPr>
            <a:grpSpLocks/>
          </p:cNvGrpSpPr>
          <p:nvPr/>
        </p:nvGrpSpPr>
        <p:grpSpPr bwMode="auto">
          <a:xfrm>
            <a:off x="1658668" y="5793250"/>
            <a:ext cx="551123" cy="409708"/>
            <a:chOff x="4115802" y="3709095"/>
            <a:chExt cx="274287" cy="310730"/>
          </a:xfrm>
          <a:solidFill>
            <a:sysClr val="window" lastClr="FFFFFF">
              <a:lumMod val="75000"/>
            </a:sysClr>
          </a:solidFill>
        </p:grpSpPr>
        <p:sp>
          <p:nvSpPr>
            <p:cNvPr id="279" name="圆角矩形 372">
              <a:extLst>
                <a:ext uri="{FF2B5EF4-FFF2-40B4-BE49-F238E27FC236}">
                  <a16:creationId xmlns:a16="http://schemas.microsoft.com/office/drawing/2014/main" xmlns="" id="{658C7574-A8F4-4FD4-A9E7-AF1759305AE9}"/>
                </a:ext>
              </a:extLst>
            </p:cNvPr>
            <p:cNvSpPr/>
            <p:nvPr/>
          </p:nvSpPr>
          <p:spPr bwMode="auto">
            <a:xfrm>
              <a:off x="4246138" y="3709095"/>
              <a:ext cx="143398" cy="90384"/>
            </a:xfrm>
            <a:prstGeom prst="roundRect">
              <a:avLst>
                <a:gd name="adj" fmla="val 10149"/>
              </a:avLst>
            </a:prstGeom>
            <a:grpFill/>
            <a:ln>
              <a:noFill/>
            </a:ln>
            <a:effectLst/>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kumimoji="0" lang="en-US" sz="700" b="0" i="0" u="none" strike="noStrike" cap="none" normalizeH="0" baseline="0" noProof="0">
                  <a:ln>
                    <a:noFill/>
                  </a:ln>
                  <a:solidFill>
                    <a:srgbClr val="000000"/>
                  </a:solidFill>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VM</a:t>
              </a:r>
            </a:p>
          </p:txBody>
        </p:sp>
        <p:sp>
          <p:nvSpPr>
            <p:cNvPr id="280" name="圆角矩形 208">
              <a:extLst>
                <a:ext uri="{FF2B5EF4-FFF2-40B4-BE49-F238E27FC236}">
                  <a16:creationId xmlns:a16="http://schemas.microsoft.com/office/drawing/2014/main" xmlns="" id="{D3411CE3-962E-4F34-81BC-FEA046A11F86}"/>
                </a:ext>
              </a:extLst>
            </p:cNvPr>
            <p:cNvSpPr>
              <a:spLocks noChangeArrowheads="1"/>
            </p:cNvSpPr>
            <p:nvPr/>
          </p:nvSpPr>
          <p:spPr bwMode="auto">
            <a:xfrm>
              <a:off x="4246089" y="3823111"/>
              <a:ext cx="144000" cy="90001"/>
            </a:xfrm>
            <a:prstGeom prst="roundRect">
              <a:avLst>
                <a:gd name="adj" fmla="val 10148"/>
              </a:avLst>
            </a:prstGeom>
            <a:grpFill/>
            <a:ln w="9525">
              <a:no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kumimoji="0" lang="en-US" sz="700" b="0" i="0" u="none" strike="noStrike" cap="none" normalizeH="0" baseline="0" noProof="0">
                  <a:ln>
                    <a:noFill/>
                  </a:ln>
                  <a:solidFill>
                    <a:srgbClr val="000000"/>
                  </a:solidFill>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VM</a:t>
              </a:r>
            </a:p>
          </p:txBody>
        </p:sp>
        <p:sp>
          <p:nvSpPr>
            <p:cNvPr id="281" name="圆角矩形 209">
              <a:extLst>
                <a:ext uri="{FF2B5EF4-FFF2-40B4-BE49-F238E27FC236}">
                  <a16:creationId xmlns:a16="http://schemas.microsoft.com/office/drawing/2014/main" xmlns="" id="{AA28D799-256E-46AD-9C7F-180D8CD61A98}"/>
                </a:ext>
              </a:extLst>
            </p:cNvPr>
            <p:cNvSpPr>
              <a:spLocks noChangeArrowheads="1"/>
            </p:cNvSpPr>
            <p:nvPr/>
          </p:nvSpPr>
          <p:spPr bwMode="auto">
            <a:xfrm>
              <a:off x="4245536" y="3929364"/>
              <a:ext cx="144000" cy="90000"/>
            </a:xfrm>
            <a:prstGeom prst="roundRect">
              <a:avLst>
                <a:gd name="adj" fmla="val 10148"/>
              </a:avLst>
            </a:prstGeom>
            <a:grpFill/>
            <a:ln w="9525">
              <a:no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kumimoji="0" lang="en-US" sz="700" b="0" i="0" u="none" strike="noStrike" cap="none" normalizeH="0" baseline="0" noProof="0">
                  <a:ln>
                    <a:noFill/>
                  </a:ln>
                  <a:solidFill>
                    <a:srgbClr val="000000"/>
                  </a:solidFill>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VM</a:t>
              </a:r>
            </a:p>
          </p:txBody>
        </p:sp>
        <p:sp>
          <p:nvSpPr>
            <p:cNvPr id="282" name="Freeform 151">
              <a:extLst>
                <a:ext uri="{FF2B5EF4-FFF2-40B4-BE49-F238E27FC236}">
                  <a16:creationId xmlns:a16="http://schemas.microsoft.com/office/drawing/2014/main" xmlns="" id="{7D69D122-AE48-4849-A3B1-DE2BFC689DE0}"/>
                </a:ext>
              </a:extLst>
            </p:cNvPr>
            <p:cNvSpPr>
              <a:spLocks noEditPoints="1"/>
            </p:cNvSpPr>
            <p:nvPr/>
          </p:nvSpPr>
          <p:spPr bwMode="auto">
            <a:xfrm>
              <a:off x="4115802" y="3712837"/>
              <a:ext cx="124279" cy="30698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50" b="0" i="0" u="none" strike="noStrike" kern="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grpSp>
        <p:nvGrpSpPr>
          <p:cNvPr id="7" name="组合 220">
            <a:extLst>
              <a:ext uri="{FF2B5EF4-FFF2-40B4-BE49-F238E27FC236}">
                <a16:creationId xmlns:a16="http://schemas.microsoft.com/office/drawing/2014/main" xmlns="" id="{ED78BC5D-AFFB-4A33-8FBC-19C1B9B01FD1}"/>
              </a:ext>
            </a:extLst>
          </p:cNvPr>
          <p:cNvGrpSpPr>
            <a:grpSpLocks/>
          </p:cNvGrpSpPr>
          <p:nvPr/>
        </p:nvGrpSpPr>
        <p:grpSpPr bwMode="auto">
          <a:xfrm>
            <a:off x="933624" y="5793250"/>
            <a:ext cx="551123" cy="409708"/>
            <a:chOff x="4115802" y="3709095"/>
            <a:chExt cx="274287" cy="310730"/>
          </a:xfrm>
          <a:solidFill>
            <a:sysClr val="window" lastClr="FFFFFF">
              <a:lumMod val="75000"/>
            </a:sysClr>
          </a:solidFill>
        </p:grpSpPr>
        <p:sp>
          <p:nvSpPr>
            <p:cNvPr id="275" name="圆角矩形 380">
              <a:extLst>
                <a:ext uri="{FF2B5EF4-FFF2-40B4-BE49-F238E27FC236}">
                  <a16:creationId xmlns:a16="http://schemas.microsoft.com/office/drawing/2014/main" xmlns="" id="{9D96382C-6918-4B73-ABCC-41C0CAD2775B}"/>
                </a:ext>
              </a:extLst>
            </p:cNvPr>
            <p:cNvSpPr/>
            <p:nvPr/>
          </p:nvSpPr>
          <p:spPr bwMode="auto">
            <a:xfrm>
              <a:off x="4246138" y="3709095"/>
              <a:ext cx="143398" cy="90384"/>
            </a:xfrm>
            <a:prstGeom prst="roundRect">
              <a:avLst>
                <a:gd name="adj" fmla="val 10149"/>
              </a:avLst>
            </a:prstGeom>
            <a:grpFill/>
            <a:ln>
              <a:solidFill>
                <a:sysClr val="window" lastClr="FFFFFF">
                  <a:lumMod val="85000"/>
                </a:sysClr>
              </a:solidFill>
            </a:ln>
            <a:effectLst/>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kumimoji="0" lang="en-US" sz="700" b="0" i="0" u="none" strike="noStrike" cap="none" normalizeH="0" baseline="0" noProof="0">
                  <a:ln>
                    <a:noFill/>
                  </a:ln>
                  <a:solidFill>
                    <a:srgbClr val="000000"/>
                  </a:solidFill>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VM</a:t>
              </a:r>
            </a:p>
          </p:txBody>
        </p:sp>
        <p:sp>
          <p:nvSpPr>
            <p:cNvPr id="276" name="圆角矩形 208">
              <a:extLst>
                <a:ext uri="{FF2B5EF4-FFF2-40B4-BE49-F238E27FC236}">
                  <a16:creationId xmlns:a16="http://schemas.microsoft.com/office/drawing/2014/main" xmlns="" id="{EFA4EF54-41F0-4096-94AC-74E811776010}"/>
                </a:ext>
              </a:extLst>
            </p:cNvPr>
            <p:cNvSpPr>
              <a:spLocks noChangeArrowheads="1"/>
            </p:cNvSpPr>
            <p:nvPr/>
          </p:nvSpPr>
          <p:spPr bwMode="auto">
            <a:xfrm>
              <a:off x="4246089" y="3823111"/>
              <a:ext cx="144000" cy="90001"/>
            </a:xfrm>
            <a:prstGeom prst="roundRect">
              <a:avLst>
                <a:gd name="adj" fmla="val 10148"/>
              </a:avLst>
            </a:prstGeom>
            <a:grpFill/>
            <a:ln w="9525">
              <a:solidFill>
                <a:sysClr val="window" lastClr="FFFFFF">
                  <a:lumMod val="85000"/>
                </a:sysClr>
              </a:solid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kumimoji="0" lang="en-US" sz="700" b="0" i="0" u="none" strike="noStrike" cap="none" normalizeH="0" baseline="0" noProof="0">
                  <a:ln>
                    <a:noFill/>
                  </a:ln>
                  <a:solidFill>
                    <a:srgbClr val="000000"/>
                  </a:solidFill>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VM</a:t>
              </a:r>
            </a:p>
          </p:txBody>
        </p:sp>
        <p:sp>
          <p:nvSpPr>
            <p:cNvPr id="277" name="圆角矩形 209">
              <a:extLst>
                <a:ext uri="{FF2B5EF4-FFF2-40B4-BE49-F238E27FC236}">
                  <a16:creationId xmlns:a16="http://schemas.microsoft.com/office/drawing/2014/main" xmlns="" id="{A2A44374-A77D-49DC-8E15-C847E0BB4266}"/>
                </a:ext>
              </a:extLst>
            </p:cNvPr>
            <p:cNvSpPr>
              <a:spLocks noChangeArrowheads="1"/>
            </p:cNvSpPr>
            <p:nvPr/>
          </p:nvSpPr>
          <p:spPr bwMode="auto">
            <a:xfrm>
              <a:off x="4245536" y="3929364"/>
              <a:ext cx="144000" cy="90000"/>
            </a:xfrm>
            <a:prstGeom prst="roundRect">
              <a:avLst>
                <a:gd name="adj" fmla="val 10148"/>
              </a:avLst>
            </a:prstGeom>
            <a:grpFill/>
            <a:ln w="9525">
              <a:solidFill>
                <a:sysClr val="window" lastClr="FFFFFF">
                  <a:lumMod val="85000"/>
                </a:sysClr>
              </a:solid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kumimoji="0" lang="en-US" sz="700" b="0" i="0" u="none" strike="noStrike" cap="none" normalizeH="0" baseline="0" noProof="0">
                  <a:ln>
                    <a:noFill/>
                  </a:ln>
                  <a:solidFill>
                    <a:srgbClr val="000000"/>
                  </a:solidFill>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VM</a:t>
              </a:r>
            </a:p>
          </p:txBody>
        </p:sp>
        <p:sp>
          <p:nvSpPr>
            <p:cNvPr id="278" name="Freeform 151">
              <a:extLst>
                <a:ext uri="{FF2B5EF4-FFF2-40B4-BE49-F238E27FC236}">
                  <a16:creationId xmlns:a16="http://schemas.microsoft.com/office/drawing/2014/main" xmlns="" id="{4DCADFDD-DF3A-44FC-9F6B-96C1D9536C1B}"/>
                </a:ext>
              </a:extLst>
            </p:cNvPr>
            <p:cNvSpPr>
              <a:spLocks noEditPoints="1"/>
            </p:cNvSpPr>
            <p:nvPr/>
          </p:nvSpPr>
          <p:spPr bwMode="auto">
            <a:xfrm>
              <a:off x="4115802" y="3712837"/>
              <a:ext cx="124279" cy="30698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50" b="0" i="0" u="none" strike="noStrike" kern="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grpSp>
        <p:nvGrpSpPr>
          <p:cNvPr id="8" name="组合 220">
            <a:extLst>
              <a:ext uri="{FF2B5EF4-FFF2-40B4-BE49-F238E27FC236}">
                <a16:creationId xmlns:a16="http://schemas.microsoft.com/office/drawing/2014/main" xmlns="" id="{BDCC0569-E600-4F3E-BE2C-83B59118BC0F}"/>
              </a:ext>
            </a:extLst>
          </p:cNvPr>
          <p:cNvGrpSpPr>
            <a:grpSpLocks/>
          </p:cNvGrpSpPr>
          <p:nvPr/>
        </p:nvGrpSpPr>
        <p:grpSpPr bwMode="auto">
          <a:xfrm>
            <a:off x="2364957" y="5793250"/>
            <a:ext cx="551123" cy="409708"/>
            <a:chOff x="4115802" y="3709095"/>
            <a:chExt cx="274287" cy="310730"/>
          </a:xfrm>
          <a:solidFill>
            <a:sysClr val="window" lastClr="FFFFFF">
              <a:lumMod val="75000"/>
            </a:sysClr>
          </a:solidFill>
        </p:grpSpPr>
        <p:sp>
          <p:nvSpPr>
            <p:cNvPr id="271" name="圆角矩形 387">
              <a:extLst>
                <a:ext uri="{FF2B5EF4-FFF2-40B4-BE49-F238E27FC236}">
                  <a16:creationId xmlns:a16="http://schemas.microsoft.com/office/drawing/2014/main" xmlns="" id="{8401DF54-90EA-4B74-88D4-C0F5554A3EFF}"/>
                </a:ext>
              </a:extLst>
            </p:cNvPr>
            <p:cNvSpPr/>
            <p:nvPr/>
          </p:nvSpPr>
          <p:spPr bwMode="auto">
            <a:xfrm>
              <a:off x="4246138" y="3709095"/>
              <a:ext cx="143398" cy="90384"/>
            </a:xfrm>
            <a:prstGeom prst="roundRect">
              <a:avLst>
                <a:gd name="adj" fmla="val 10149"/>
              </a:avLst>
            </a:prstGeom>
            <a:grpFill/>
            <a:ln>
              <a:noFill/>
            </a:ln>
            <a:effectLst/>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kumimoji="0" lang="en-US" sz="700" b="0" i="0" u="none" strike="noStrike" cap="none" normalizeH="0" baseline="0" noProof="0">
                  <a:ln>
                    <a:noFill/>
                  </a:ln>
                  <a:solidFill>
                    <a:srgbClr val="000000"/>
                  </a:solidFill>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VM</a:t>
              </a:r>
            </a:p>
          </p:txBody>
        </p:sp>
        <p:sp>
          <p:nvSpPr>
            <p:cNvPr id="272" name="圆角矩形 208">
              <a:extLst>
                <a:ext uri="{FF2B5EF4-FFF2-40B4-BE49-F238E27FC236}">
                  <a16:creationId xmlns:a16="http://schemas.microsoft.com/office/drawing/2014/main" xmlns="" id="{4B49370A-C04B-411D-A905-466F98041FB6}"/>
                </a:ext>
              </a:extLst>
            </p:cNvPr>
            <p:cNvSpPr>
              <a:spLocks noChangeArrowheads="1"/>
            </p:cNvSpPr>
            <p:nvPr/>
          </p:nvSpPr>
          <p:spPr bwMode="auto">
            <a:xfrm>
              <a:off x="4246089" y="3823111"/>
              <a:ext cx="144000" cy="90001"/>
            </a:xfrm>
            <a:prstGeom prst="roundRect">
              <a:avLst>
                <a:gd name="adj" fmla="val 10148"/>
              </a:avLst>
            </a:prstGeom>
            <a:grpFill/>
            <a:ln w="9525">
              <a:no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kumimoji="0" lang="en-US" sz="700" b="0" i="0" u="none" strike="noStrike" cap="none" normalizeH="0" baseline="0" noProof="0">
                  <a:ln>
                    <a:noFill/>
                  </a:ln>
                  <a:solidFill>
                    <a:srgbClr val="000000"/>
                  </a:solidFill>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VM</a:t>
              </a:r>
            </a:p>
          </p:txBody>
        </p:sp>
        <p:sp>
          <p:nvSpPr>
            <p:cNvPr id="273" name="圆角矩形 209">
              <a:extLst>
                <a:ext uri="{FF2B5EF4-FFF2-40B4-BE49-F238E27FC236}">
                  <a16:creationId xmlns:a16="http://schemas.microsoft.com/office/drawing/2014/main" xmlns="" id="{8EC78C38-A5BF-4EF8-9B59-B34DFB34EF0C}"/>
                </a:ext>
              </a:extLst>
            </p:cNvPr>
            <p:cNvSpPr>
              <a:spLocks noChangeArrowheads="1"/>
            </p:cNvSpPr>
            <p:nvPr/>
          </p:nvSpPr>
          <p:spPr bwMode="auto">
            <a:xfrm>
              <a:off x="4245536" y="3929364"/>
              <a:ext cx="144000" cy="90000"/>
            </a:xfrm>
            <a:prstGeom prst="roundRect">
              <a:avLst>
                <a:gd name="adj" fmla="val 10148"/>
              </a:avLst>
            </a:prstGeom>
            <a:grpFill/>
            <a:ln w="9525">
              <a:no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kumimoji="0" lang="en-US" sz="700" b="0" i="0" u="none" strike="noStrike" cap="none" normalizeH="0" baseline="0" noProof="0">
                  <a:ln>
                    <a:noFill/>
                  </a:ln>
                  <a:solidFill>
                    <a:srgbClr val="000000"/>
                  </a:solidFill>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VM</a:t>
              </a:r>
            </a:p>
          </p:txBody>
        </p:sp>
        <p:sp>
          <p:nvSpPr>
            <p:cNvPr id="274" name="Freeform 151">
              <a:extLst>
                <a:ext uri="{FF2B5EF4-FFF2-40B4-BE49-F238E27FC236}">
                  <a16:creationId xmlns:a16="http://schemas.microsoft.com/office/drawing/2014/main" xmlns="" id="{84AC9385-168C-4241-B340-A49B50DC061E}"/>
                </a:ext>
              </a:extLst>
            </p:cNvPr>
            <p:cNvSpPr>
              <a:spLocks noEditPoints="1"/>
            </p:cNvSpPr>
            <p:nvPr/>
          </p:nvSpPr>
          <p:spPr bwMode="auto">
            <a:xfrm>
              <a:off x="4115802" y="3712837"/>
              <a:ext cx="124279" cy="30698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50" b="0" i="0" u="none" strike="noStrike" kern="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grpSp>
        <p:nvGrpSpPr>
          <p:cNvPr id="9" name="组合 8">
            <a:extLst>
              <a:ext uri="{FF2B5EF4-FFF2-40B4-BE49-F238E27FC236}">
                <a16:creationId xmlns:a16="http://schemas.microsoft.com/office/drawing/2014/main" xmlns="" id="{EB7F66EC-A8F3-4C05-9D1F-EF206935D4F3}"/>
              </a:ext>
            </a:extLst>
          </p:cNvPr>
          <p:cNvGrpSpPr/>
          <p:nvPr/>
        </p:nvGrpSpPr>
        <p:grpSpPr>
          <a:xfrm>
            <a:off x="3721304" y="5776837"/>
            <a:ext cx="568329" cy="429761"/>
            <a:chOff x="4851745" y="5733460"/>
            <a:chExt cx="520767" cy="400640"/>
          </a:xfrm>
        </p:grpSpPr>
        <p:sp>
          <p:nvSpPr>
            <p:cNvPr id="268" name="Freeform 151">
              <a:extLst>
                <a:ext uri="{FF2B5EF4-FFF2-40B4-BE49-F238E27FC236}">
                  <a16:creationId xmlns:a16="http://schemas.microsoft.com/office/drawing/2014/main" xmlns="" id="{692D58C6-63EC-406D-BAB5-00C5BA3B2DE0}"/>
                </a:ext>
              </a:extLst>
            </p:cNvPr>
            <p:cNvSpPr>
              <a:spLocks noEditPoints="1"/>
            </p:cNvSpPr>
            <p:nvPr/>
          </p:nvSpPr>
          <p:spPr bwMode="auto">
            <a:xfrm>
              <a:off x="4851745" y="5756755"/>
              <a:ext cx="224482" cy="377345"/>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ysClr val="window" lastClr="FFFFFF">
                <a:lumMod val="75000"/>
              </a:sysClr>
            </a:solid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50" b="0" i="0" u="none" strike="noStrike" kern="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pic>
          <p:nvPicPr>
            <p:cNvPr id="269" name="Picture 4" descr="C:\Users\Administrator\Desktop\QQ图片20150909171344.png">
              <a:extLst>
                <a:ext uri="{FF2B5EF4-FFF2-40B4-BE49-F238E27FC236}">
                  <a16:creationId xmlns:a16="http://schemas.microsoft.com/office/drawing/2014/main" xmlns="" id="{17FFB643-0605-4C3A-9FF8-1FC45AC869D2}"/>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8512" y="5733460"/>
              <a:ext cx="324000" cy="180000"/>
            </a:xfrm>
            <a:prstGeom prst="rect">
              <a:avLst/>
            </a:prstGeom>
            <a:noFill/>
            <a:scene3d>
              <a:camera prst="orthographicFront">
                <a:rot lat="0" lon="0" rev="0"/>
              </a:camera>
              <a:lightRig rig="threePt" dir="t"/>
            </a:scene3d>
          </p:spPr>
        </p:pic>
        <p:pic>
          <p:nvPicPr>
            <p:cNvPr id="270" name="Picture 4" descr="C:\Users\Administrator\Desktop\QQ图片20150909171344.png">
              <a:extLst>
                <a:ext uri="{FF2B5EF4-FFF2-40B4-BE49-F238E27FC236}">
                  <a16:creationId xmlns:a16="http://schemas.microsoft.com/office/drawing/2014/main" xmlns="" id="{62265846-0282-40A7-A66D-FBCBBDD8D2AA}"/>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6480" y="5954100"/>
              <a:ext cx="324000" cy="180000"/>
            </a:xfrm>
            <a:prstGeom prst="rect">
              <a:avLst/>
            </a:prstGeom>
            <a:noFill/>
            <a:scene3d>
              <a:camera prst="orthographicFront">
                <a:rot lat="0" lon="0" rev="0"/>
              </a:camera>
              <a:lightRig rig="threePt" dir="t"/>
            </a:scene3d>
          </p:spPr>
        </p:pic>
      </p:grpSp>
      <p:grpSp>
        <p:nvGrpSpPr>
          <p:cNvPr id="10" name="组合 9">
            <a:extLst>
              <a:ext uri="{FF2B5EF4-FFF2-40B4-BE49-F238E27FC236}">
                <a16:creationId xmlns:a16="http://schemas.microsoft.com/office/drawing/2014/main" xmlns="" id="{E823B668-5EE5-4377-8B7D-003CDD6945AF}"/>
              </a:ext>
            </a:extLst>
          </p:cNvPr>
          <p:cNvGrpSpPr/>
          <p:nvPr/>
        </p:nvGrpSpPr>
        <p:grpSpPr>
          <a:xfrm>
            <a:off x="4353188" y="5770222"/>
            <a:ext cx="568329" cy="429761"/>
            <a:chOff x="4851745" y="5733460"/>
            <a:chExt cx="520767" cy="400640"/>
          </a:xfrm>
        </p:grpSpPr>
        <p:sp>
          <p:nvSpPr>
            <p:cNvPr id="265" name="Freeform 151">
              <a:extLst>
                <a:ext uri="{FF2B5EF4-FFF2-40B4-BE49-F238E27FC236}">
                  <a16:creationId xmlns:a16="http://schemas.microsoft.com/office/drawing/2014/main" xmlns="" id="{4E85BE87-657A-4A9D-B722-5B02CAC62835}"/>
                </a:ext>
              </a:extLst>
            </p:cNvPr>
            <p:cNvSpPr>
              <a:spLocks noEditPoints="1"/>
            </p:cNvSpPr>
            <p:nvPr/>
          </p:nvSpPr>
          <p:spPr bwMode="auto">
            <a:xfrm>
              <a:off x="4851745" y="5756755"/>
              <a:ext cx="224482" cy="377345"/>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ysClr val="window" lastClr="FFFFFF">
                <a:lumMod val="75000"/>
              </a:sysClr>
            </a:solid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50" b="0" i="0" u="none" strike="noStrike" kern="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pic>
          <p:nvPicPr>
            <p:cNvPr id="266" name="Picture 4" descr="C:\Users\Administrator\Desktop\QQ图片20150909171344.png">
              <a:extLst>
                <a:ext uri="{FF2B5EF4-FFF2-40B4-BE49-F238E27FC236}">
                  <a16:creationId xmlns:a16="http://schemas.microsoft.com/office/drawing/2014/main" xmlns="" id="{8FA46E51-7D5F-4674-B727-FB50EEE35A28}"/>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8512" y="5733460"/>
              <a:ext cx="324000" cy="180000"/>
            </a:xfrm>
            <a:prstGeom prst="rect">
              <a:avLst/>
            </a:prstGeom>
            <a:noFill/>
            <a:scene3d>
              <a:camera prst="orthographicFront">
                <a:rot lat="0" lon="0" rev="0"/>
              </a:camera>
              <a:lightRig rig="threePt" dir="t"/>
            </a:scene3d>
          </p:spPr>
        </p:pic>
        <p:pic>
          <p:nvPicPr>
            <p:cNvPr id="267" name="Picture 4" descr="C:\Users\Administrator\Desktop\QQ图片20150909171344.png">
              <a:extLst>
                <a:ext uri="{FF2B5EF4-FFF2-40B4-BE49-F238E27FC236}">
                  <a16:creationId xmlns:a16="http://schemas.microsoft.com/office/drawing/2014/main" xmlns="" id="{27EA4C3F-3A67-41DF-B4E1-FBAB55DFD97B}"/>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6480" y="5954100"/>
              <a:ext cx="324000" cy="180000"/>
            </a:xfrm>
            <a:prstGeom prst="rect">
              <a:avLst/>
            </a:prstGeom>
            <a:noFill/>
            <a:scene3d>
              <a:camera prst="orthographicFront">
                <a:rot lat="0" lon="0" rev="0"/>
              </a:camera>
              <a:lightRig rig="threePt" dir="t"/>
            </a:scene3d>
          </p:spPr>
        </p:pic>
      </p:grpSp>
      <p:grpSp>
        <p:nvGrpSpPr>
          <p:cNvPr id="11" name="组合 10">
            <a:extLst>
              <a:ext uri="{FF2B5EF4-FFF2-40B4-BE49-F238E27FC236}">
                <a16:creationId xmlns:a16="http://schemas.microsoft.com/office/drawing/2014/main" xmlns="" id="{F5F4076A-2E42-4EA9-B088-4231B65C454E}"/>
              </a:ext>
            </a:extLst>
          </p:cNvPr>
          <p:cNvGrpSpPr/>
          <p:nvPr/>
        </p:nvGrpSpPr>
        <p:grpSpPr>
          <a:xfrm>
            <a:off x="5034947" y="5755040"/>
            <a:ext cx="568329" cy="429761"/>
            <a:chOff x="4851745" y="5733460"/>
            <a:chExt cx="520767" cy="400640"/>
          </a:xfrm>
        </p:grpSpPr>
        <p:sp>
          <p:nvSpPr>
            <p:cNvPr id="262" name="Freeform 151">
              <a:extLst>
                <a:ext uri="{FF2B5EF4-FFF2-40B4-BE49-F238E27FC236}">
                  <a16:creationId xmlns:a16="http://schemas.microsoft.com/office/drawing/2014/main" xmlns="" id="{A24FC65A-E1CF-4166-9840-8D1F1C532868}"/>
                </a:ext>
              </a:extLst>
            </p:cNvPr>
            <p:cNvSpPr>
              <a:spLocks noEditPoints="1"/>
            </p:cNvSpPr>
            <p:nvPr/>
          </p:nvSpPr>
          <p:spPr bwMode="auto">
            <a:xfrm>
              <a:off x="4851745" y="5756755"/>
              <a:ext cx="224482" cy="377345"/>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ysClr val="window" lastClr="FFFFFF">
                <a:lumMod val="75000"/>
              </a:sysClr>
            </a:solid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50" b="0" i="0" u="none" strike="noStrike" kern="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pic>
          <p:nvPicPr>
            <p:cNvPr id="263" name="Picture 4" descr="C:\Users\Administrator\Desktop\QQ图片20150909171344.png">
              <a:extLst>
                <a:ext uri="{FF2B5EF4-FFF2-40B4-BE49-F238E27FC236}">
                  <a16:creationId xmlns:a16="http://schemas.microsoft.com/office/drawing/2014/main" xmlns="" id="{DBD5179E-01D1-4E49-ADEC-44141B4A7AA3}"/>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8512" y="5733460"/>
              <a:ext cx="324000" cy="180000"/>
            </a:xfrm>
            <a:prstGeom prst="rect">
              <a:avLst/>
            </a:prstGeom>
            <a:noFill/>
            <a:scene3d>
              <a:camera prst="orthographicFront">
                <a:rot lat="0" lon="0" rev="0"/>
              </a:camera>
              <a:lightRig rig="threePt" dir="t"/>
            </a:scene3d>
          </p:spPr>
        </p:pic>
        <p:pic>
          <p:nvPicPr>
            <p:cNvPr id="264" name="Picture 4" descr="C:\Users\Administrator\Desktop\QQ图片20150909171344.png">
              <a:extLst>
                <a:ext uri="{FF2B5EF4-FFF2-40B4-BE49-F238E27FC236}">
                  <a16:creationId xmlns:a16="http://schemas.microsoft.com/office/drawing/2014/main" xmlns="" id="{93601EE9-C3E4-42BD-BC4D-D038342590DE}"/>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6480" y="5954100"/>
              <a:ext cx="324000" cy="180000"/>
            </a:xfrm>
            <a:prstGeom prst="rect">
              <a:avLst/>
            </a:prstGeom>
            <a:noFill/>
            <a:scene3d>
              <a:camera prst="orthographicFront">
                <a:rot lat="0" lon="0" rev="0"/>
              </a:camera>
              <a:lightRig rig="threePt" dir="t"/>
            </a:scene3d>
          </p:spPr>
        </p:pic>
      </p:grpSp>
      <p:grpSp>
        <p:nvGrpSpPr>
          <p:cNvPr id="12" name="组合 6">
            <a:extLst>
              <a:ext uri="{FF2B5EF4-FFF2-40B4-BE49-F238E27FC236}">
                <a16:creationId xmlns:a16="http://schemas.microsoft.com/office/drawing/2014/main" xmlns="" id="{203C63C9-8981-41C1-B856-5E7EDE9CDC9E}"/>
              </a:ext>
            </a:extLst>
          </p:cNvPr>
          <p:cNvGrpSpPr>
            <a:grpSpLocks/>
          </p:cNvGrpSpPr>
          <p:nvPr/>
        </p:nvGrpSpPr>
        <p:grpSpPr bwMode="auto">
          <a:xfrm>
            <a:off x="690626" y="5946417"/>
            <a:ext cx="5265653" cy="412975"/>
            <a:chOff x="1510896" y="1609571"/>
            <a:chExt cx="9252741" cy="464951"/>
          </a:xfrm>
        </p:grpSpPr>
        <p:sp>
          <p:nvSpPr>
            <p:cNvPr id="260" name="梯形 36">
              <a:extLst>
                <a:ext uri="{FF2B5EF4-FFF2-40B4-BE49-F238E27FC236}">
                  <a16:creationId xmlns:a16="http://schemas.microsoft.com/office/drawing/2014/main" xmlns="" id="{EAA33382-2D2A-4E64-BD84-C2683ED2AD98}"/>
                </a:ext>
              </a:extLst>
            </p:cNvPr>
            <p:cNvSpPr>
              <a:spLocks/>
            </p:cNvSpPr>
            <p:nvPr/>
          </p:nvSpPr>
          <p:spPr bwMode="auto">
            <a:xfrm>
              <a:off x="1510896" y="1609571"/>
              <a:ext cx="9252740" cy="438551"/>
            </a:xfrm>
            <a:custGeom>
              <a:avLst/>
              <a:gdLst>
                <a:gd name="T0" fmla="*/ 0 w 9252740"/>
                <a:gd name="T1" fmla="*/ 438551 h 438551"/>
                <a:gd name="T2" fmla="*/ 581413 w 9252740"/>
                <a:gd name="T3" fmla="*/ 0 h 438551"/>
                <a:gd name="T4" fmla="*/ 8671327 w 9252740"/>
                <a:gd name="T5" fmla="*/ 0 h 438551"/>
                <a:gd name="T6" fmla="*/ 9252740 w 9252740"/>
                <a:gd name="T7" fmla="*/ 438551 h 438551"/>
                <a:gd name="T8" fmla="*/ 0 w 9252740"/>
                <a:gd name="T9" fmla="*/ 438551 h 438551"/>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9252740" h="438551">
                  <a:moveTo>
                    <a:pt x="0" y="438551"/>
                  </a:moveTo>
                  <a:lnTo>
                    <a:pt x="581413" y="0"/>
                  </a:lnTo>
                  <a:lnTo>
                    <a:pt x="8671327" y="0"/>
                  </a:lnTo>
                  <a:lnTo>
                    <a:pt x="9252740" y="438551"/>
                  </a:lnTo>
                  <a:lnTo>
                    <a:pt x="0" y="438551"/>
                  </a:lnTo>
                  <a:close/>
                </a:path>
              </a:pathLst>
            </a:custGeom>
            <a:gradFill rotWithShape="1">
              <a:gsLst>
                <a:gs pos="0">
                  <a:srgbClr val="666666">
                    <a:alpha val="20000"/>
                  </a:srgbClr>
                </a:gs>
                <a:gs pos="100000">
                  <a:srgbClr val="666666">
                    <a:alpha val="0"/>
                  </a:srgbClr>
                </a:gs>
              </a:gsLst>
              <a:lin ang="16200000"/>
            </a:gradFill>
            <a:ln>
              <a:noFill/>
            </a:ln>
            <a:effectLst/>
            <a:extLst>
              <a:ext uri="{91240B29-F687-4F45-9708-019B960494DF}">
                <a14:hiddenLine xmlns:a14="http://schemas.microsoft.com/office/drawing/2010/main" w="9525" cap="flat" algn="ctr">
                  <a:solidFill>
                    <a:srgbClr val="000000"/>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noAutofit/>
            </a:bodyPr>
            <a:lstStyle/>
            <a:p>
              <a:pPr defTabSz="914400" eaLnBrk="0" fontAlgn="ctr" hangingPunct="0">
                <a:spcBef>
                  <a:spcPct val="0"/>
                </a:spcBef>
                <a:spcAft>
                  <a:spcPct val="0"/>
                </a:spcAft>
                <a:defRPr/>
              </a:pPr>
              <a:endParaRPr lang="zh-CN" altLang="en-US">
                <a:solidFill>
                  <a:srgbClr val="666666">
                    <a:lumMod val="75000"/>
                  </a:srgbClr>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61" name="Shape 263">
              <a:extLst>
                <a:ext uri="{FF2B5EF4-FFF2-40B4-BE49-F238E27FC236}">
                  <a16:creationId xmlns:a16="http://schemas.microsoft.com/office/drawing/2014/main" xmlns="" id="{3135F0F5-C19D-4B3F-A33E-333C96EDC912}"/>
                </a:ext>
              </a:extLst>
            </p:cNvPr>
            <p:cNvSpPr>
              <a:spLocks noChangeArrowheads="1"/>
            </p:cNvSpPr>
            <p:nvPr/>
          </p:nvSpPr>
          <p:spPr bwMode="auto">
            <a:xfrm>
              <a:off x="1510897" y="2048209"/>
              <a:ext cx="9252740" cy="26313"/>
            </a:xfrm>
            <a:prstGeom prst="rect">
              <a:avLst/>
            </a:prstGeom>
            <a:solidFill>
              <a:srgbClr val="666666">
                <a:alpha val="50195"/>
              </a:srgbClr>
            </a:solidFill>
            <a:ln>
              <a:noFill/>
            </a:ln>
            <a:effectLst/>
            <a:extLs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244267" tIns="122133" rIns="244267" bIns="122133">
              <a:noAutofit/>
            </a:bodyP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fontAlgn="ctr">
                <a:spcBef>
                  <a:spcPct val="0"/>
                </a:spcBef>
                <a:spcAft>
                  <a:spcPct val="0"/>
                </a:spcAft>
                <a:buSzPct val="100000"/>
                <a:defRPr/>
              </a:pPr>
              <a:endParaRPr lang="en-US" altLang="zh-CN" sz="1300">
                <a:solidFill>
                  <a:srgbClr val="666666">
                    <a:lumMod val="75000"/>
                  </a:srgbClr>
                </a:solidFill>
                <a:ea typeface="微软雅黑" panose="020B0503020204020204" pitchFamily="34" charset="-122"/>
                <a:cs typeface="Arial" panose="020B0604020202020204" pitchFamily="34" charset="0"/>
                <a:sym typeface="Arial" panose="020B0604020202020204" pitchFamily="34" charset="0"/>
              </a:endParaRPr>
            </a:p>
          </p:txBody>
        </p:sp>
      </p:grpSp>
      <p:sp>
        <p:nvSpPr>
          <p:cNvPr id="13" name="蒙版">
            <a:extLst>
              <a:ext uri="{FF2B5EF4-FFF2-40B4-BE49-F238E27FC236}">
                <a16:creationId xmlns:a16="http://schemas.microsoft.com/office/drawing/2014/main" xmlns="" id="{B959AA52-1B6D-4AB7-8341-879161A504AA}"/>
              </a:ext>
            </a:extLst>
          </p:cNvPr>
          <p:cNvSpPr/>
          <p:nvPr/>
        </p:nvSpPr>
        <p:spPr>
          <a:xfrm>
            <a:off x="4323471" y="5573523"/>
            <a:ext cx="264492" cy="147246"/>
          </a:xfrm>
          <a:prstGeom prst="rect">
            <a:avLst/>
          </a:prstGeom>
          <a:solidFill>
            <a:sysClr val="window" lastClr="FFFFFF"/>
          </a:solidFill>
          <a:ln w="12700" cap="flat" cmpd="sng" algn="ctr">
            <a:noFill/>
            <a:prstDash val="solid"/>
            <a:miter lim="800000"/>
          </a:ln>
          <a:effectLst/>
        </p:spPr>
        <p:txBody>
          <a:bodyPr wrap="square" rtlCol="0" anchor="ctr">
            <a:noAutofit/>
          </a:bodyPr>
          <a:lstStyle/>
          <a:p>
            <a:pPr marL="0" marR="0" lvl="0" indent="0" algn="ctr"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white"/>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cxnSp>
        <p:nvCxnSpPr>
          <p:cNvPr id="14" name="直接连接符 13">
            <a:extLst>
              <a:ext uri="{FF2B5EF4-FFF2-40B4-BE49-F238E27FC236}">
                <a16:creationId xmlns:a16="http://schemas.microsoft.com/office/drawing/2014/main" xmlns="" id="{A949B6FC-DB08-4603-A2DE-56A17301847A}"/>
              </a:ext>
            </a:extLst>
          </p:cNvPr>
          <p:cNvCxnSpPr>
            <a:cxnSpLocks/>
          </p:cNvCxnSpPr>
          <p:nvPr/>
        </p:nvCxnSpPr>
        <p:spPr bwMode="auto">
          <a:xfrm flipH="1">
            <a:off x="2904915" y="5254289"/>
            <a:ext cx="656372" cy="337008"/>
          </a:xfrm>
          <a:prstGeom prst="line">
            <a:avLst/>
          </a:prstGeom>
          <a:solidFill>
            <a:srgbClr val="CC4B4A"/>
          </a:solidFill>
          <a:ln w="6350" cap="flat" cmpd="sng" algn="ctr">
            <a:solidFill>
              <a:sysClr val="window" lastClr="FFFFFF">
                <a:lumMod val="85000"/>
              </a:sysClr>
            </a:solidFill>
            <a:prstDash val="solid"/>
            <a:headEnd type="none" w="med" len="med"/>
            <a:tailEnd type="none" w="med" len="med"/>
          </a:ln>
          <a:effectLst/>
        </p:spPr>
      </p:cxnSp>
      <p:grpSp>
        <p:nvGrpSpPr>
          <p:cNvPr id="15" name="组合 336">
            <a:extLst>
              <a:ext uri="{FF2B5EF4-FFF2-40B4-BE49-F238E27FC236}">
                <a16:creationId xmlns:a16="http://schemas.microsoft.com/office/drawing/2014/main" xmlns="" id="{E018B030-0DDF-4708-BBF3-50C467202903}"/>
              </a:ext>
            </a:extLst>
          </p:cNvPr>
          <p:cNvGrpSpPr>
            <a:grpSpLocks noChangeAspect="1"/>
          </p:cNvGrpSpPr>
          <p:nvPr/>
        </p:nvGrpSpPr>
        <p:grpSpPr bwMode="auto">
          <a:xfrm>
            <a:off x="1076682" y="5591297"/>
            <a:ext cx="630819" cy="138888"/>
            <a:chOff x="2851150" y="1166813"/>
            <a:chExt cx="923925" cy="203200"/>
          </a:xfrm>
          <a:solidFill>
            <a:sysClr val="windowText" lastClr="000000">
              <a:lumMod val="65000"/>
              <a:lumOff val="35000"/>
            </a:sysClr>
          </a:solidFill>
        </p:grpSpPr>
        <p:sp>
          <p:nvSpPr>
            <p:cNvPr id="248" name="Freeform 260">
              <a:extLst>
                <a:ext uri="{FF2B5EF4-FFF2-40B4-BE49-F238E27FC236}">
                  <a16:creationId xmlns:a16="http://schemas.microsoft.com/office/drawing/2014/main" xmlns="" id="{8EBEEF2D-0DD1-436B-A1F2-F3FC158D604F}"/>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49" name="Freeform 261">
              <a:extLst>
                <a:ext uri="{FF2B5EF4-FFF2-40B4-BE49-F238E27FC236}">
                  <a16:creationId xmlns:a16="http://schemas.microsoft.com/office/drawing/2014/main" xmlns="" id="{85EA67C6-B21D-49B8-917B-29E9F118086D}"/>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0" name="Freeform 262">
              <a:extLst>
                <a:ext uri="{FF2B5EF4-FFF2-40B4-BE49-F238E27FC236}">
                  <a16:creationId xmlns:a16="http://schemas.microsoft.com/office/drawing/2014/main" xmlns="" id="{CEF6E5A4-B639-4B25-83B7-8ABA6D17ECEC}"/>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1" name="Freeform 263">
              <a:extLst>
                <a:ext uri="{FF2B5EF4-FFF2-40B4-BE49-F238E27FC236}">
                  <a16:creationId xmlns:a16="http://schemas.microsoft.com/office/drawing/2014/main" xmlns="" id="{34D01860-217F-4719-A8E7-08BC9B8DE4AB}"/>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2" name="Freeform 264">
              <a:extLst>
                <a:ext uri="{FF2B5EF4-FFF2-40B4-BE49-F238E27FC236}">
                  <a16:creationId xmlns:a16="http://schemas.microsoft.com/office/drawing/2014/main" xmlns="" id="{D94A9D19-4A1A-41B5-8C6E-AB17ED21848C}"/>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3" name="Freeform 265">
              <a:extLst>
                <a:ext uri="{FF2B5EF4-FFF2-40B4-BE49-F238E27FC236}">
                  <a16:creationId xmlns:a16="http://schemas.microsoft.com/office/drawing/2014/main" xmlns="" id="{F29F24A3-54B8-427A-88F1-BD1E7CAC0E7D}"/>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4" name="Freeform 266">
              <a:extLst>
                <a:ext uri="{FF2B5EF4-FFF2-40B4-BE49-F238E27FC236}">
                  <a16:creationId xmlns:a16="http://schemas.microsoft.com/office/drawing/2014/main" xmlns="" id="{453ECE52-4346-4782-9A9B-BAA207E37AA1}"/>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5" name="Freeform 267">
              <a:extLst>
                <a:ext uri="{FF2B5EF4-FFF2-40B4-BE49-F238E27FC236}">
                  <a16:creationId xmlns:a16="http://schemas.microsoft.com/office/drawing/2014/main" xmlns="" id="{6BB7EF66-02CA-4998-AD1D-20D8C8727B0C}"/>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6" name="Freeform 268">
              <a:extLst>
                <a:ext uri="{FF2B5EF4-FFF2-40B4-BE49-F238E27FC236}">
                  <a16:creationId xmlns:a16="http://schemas.microsoft.com/office/drawing/2014/main" xmlns="" id="{DA893B0D-0C84-47C9-86C8-272373D0C3B9}"/>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7" name="Freeform 269">
              <a:extLst>
                <a:ext uri="{FF2B5EF4-FFF2-40B4-BE49-F238E27FC236}">
                  <a16:creationId xmlns:a16="http://schemas.microsoft.com/office/drawing/2014/main" xmlns="" id="{5AFDCF8F-702F-4086-9AEF-7283306036EE}"/>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8" name="Freeform 270">
              <a:extLst>
                <a:ext uri="{FF2B5EF4-FFF2-40B4-BE49-F238E27FC236}">
                  <a16:creationId xmlns:a16="http://schemas.microsoft.com/office/drawing/2014/main" xmlns="" id="{2EB63D4E-2B69-423A-8FF2-716C6C01FA99}"/>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59" name="Freeform 271">
              <a:extLst>
                <a:ext uri="{FF2B5EF4-FFF2-40B4-BE49-F238E27FC236}">
                  <a16:creationId xmlns:a16="http://schemas.microsoft.com/office/drawing/2014/main" xmlns="" id="{E5054898-CCF5-4C99-9722-210ED91AD096}"/>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grpSp>
        <p:nvGrpSpPr>
          <p:cNvPr id="16" name="组合 336">
            <a:extLst>
              <a:ext uri="{FF2B5EF4-FFF2-40B4-BE49-F238E27FC236}">
                <a16:creationId xmlns:a16="http://schemas.microsoft.com/office/drawing/2014/main" xmlns="" id="{509522C6-D345-4B9A-838D-E473EBB40F57}"/>
              </a:ext>
            </a:extLst>
          </p:cNvPr>
          <p:cNvGrpSpPr>
            <a:grpSpLocks noChangeAspect="1"/>
          </p:cNvGrpSpPr>
          <p:nvPr/>
        </p:nvGrpSpPr>
        <p:grpSpPr bwMode="auto">
          <a:xfrm>
            <a:off x="1769935" y="5591297"/>
            <a:ext cx="630819" cy="138888"/>
            <a:chOff x="2851150" y="1166813"/>
            <a:chExt cx="923925" cy="203200"/>
          </a:xfrm>
          <a:solidFill>
            <a:sysClr val="windowText" lastClr="000000">
              <a:lumMod val="65000"/>
              <a:lumOff val="35000"/>
            </a:sysClr>
          </a:solidFill>
        </p:grpSpPr>
        <p:sp>
          <p:nvSpPr>
            <p:cNvPr id="236" name="Freeform 260">
              <a:extLst>
                <a:ext uri="{FF2B5EF4-FFF2-40B4-BE49-F238E27FC236}">
                  <a16:creationId xmlns:a16="http://schemas.microsoft.com/office/drawing/2014/main" xmlns="" id="{5D5E9BB5-BBFE-4FA2-B0B8-627C983ADA29}"/>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37" name="Freeform 261">
              <a:extLst>
                <a:ext uri="{FF2B5EF4-FFF2-40B4-BE49-F238E27FC236}">
                  <a16:creationId xmlns:a16="http://schemas.microsoft.com/office/drawing/2014/main" xmlns="" id="{3762C867-AFFD-4359-AC51-9F1AFC821401}"/>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38" name="Freeform 262">
              <a:extLst>
                <a:ext uri="{FF2B5EF4-FFF2-40B4-BE49-F238E27FC236}">
                  <a16:creationId xmlns:a16="http://schemas.microsoft.com/office/drawing/2014/main" xmlns="" id="{B3A9A69A-BDE0-4A6E-B716-550C259733CA}"/>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39" name="Freeform 263">
              <a:extLst>
                <a:ext uri="{FF2B5EF4-FFF2-40B4-BE49-F238E27FC236}">
                  <a16:creationId xmlns:a16="http://schemas.microsoft.com/office/drawing/2014/main" xmlns="" id="{F9B0D54F-88C6-454C-9270-85EC83B847C4}"/>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40" name="Freeform 264">
              <a:extLst>
                <a:ext uri="{FF2B5EF4-FFF2-40B4-BE49-F238E27FC236}">
                  <a16:creationId xmlns:a16="http://schemas.microsoft.com/office/drawing/2014/main" xmlns="" id="{123E3ED7-769D-447E-BFAD-C16413D25551}"/>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41" name="Freeform 265">
              <a:extLst>
                <a:ext uri="{FF2B5EF4-FFF2-40B4-BE49-F238E27FC236}">
                  <a16:creationId xmlns:a16="http://schemas.microsoft.com/office/drawing/2014/main" xmlns="" id="{8C11E754-DA2E-46F1-83A0-C4F940B3F319}"/>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42" name="Freeform 266">
              <a:extLst>
                <a:ext uri="{FF2B5EF4-FFF2-40B4-BE49-F238E27FC236}">
                  <a16:creationId xmlns:a16="http://schemas.microsoft.com/office/drawing/2014/main" xmlns="" id="{CCED24CF-80BC-43C8-BCCA-094344D1961E}"/>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43" name="Freeform 267">
              <a:extLst>
                <a:ext uri="{FF2B5EF4-FFF2-40B4-BE49-F238E27FC236}">
                  <a16:creationId xmlns:a16="http://schemas.microsoft.com/office/drawing/2014/main" xmlns="" id="{CA4F8ECB-32E7-4E22-8F61-64054206C97D}"/>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44" name="Freeform 268">
              <a:extLst>
                <a:ext uri="{FF2B5EF4-FFF2-40B4-BE49-F238E27FC236}">
                  <a16:creationId xmlns:a16="http://schemas.microsoft.com/office/drawing/2014/main" xmlns="" id="{A83F96A4-D944-4053-98CF-E5A183EEF573}"/>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45" name="Freeform 269">
              <a:extLst>
                <a:ext uri="{FF2B5EF4-FFF2-40B4-BE49-F238E27FC236}">
                  <a16:creationId xmlns:a16="http://schemas.microsoft.com/office/drawing/2014/main" xmlns="" id="{911E457E-02A2-4F18-94FA-6CD81045A46F}"/>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46" name="Freeform 270">
              <a:extLst>
                <a:ext uri="{FF2B5EF4-FFF2-40B4-BE49-F238E27FC236}">
                  <a16:creationId xmlns:a16="http://schemas.microsoft.com/office/drawing/2014/main" xmlns="" id="{B2667232-3DEC-4F79-8D5F-CD9E1FFEC937}"/>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47" name="Freeform 271">
              <a:extLst>
                <a:ext uri="{FF2B5EF4-FFF2-40B4-BE49-F238E27FC236}">
                  <a16:creationId xmlns:a16="http://schemas.microsoft.com/office/drawing/2014/main" xmlns="" id="{67CBFFD0-887B-4295-B19C-EDB629E0A643}"/>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grpSp>
        <p:nvGrpSpPr>
          <p:cNvPr id="17" name="组合 336">
            <a:extLst>
              <a:ext uri="{FF2B5EF4-FFF2-40B4-BE49-F238E27FC236}">
                <a16:creationId xmlns:a16="http://schemas.microsoft.com/office/drawing/2014/main" xmlns="" id="{DB7475CC-3CD6-4F17-8647-F972BB7567A1}"/>
              </a:ext>
            </a:extLst>
          </p:cNvPr>
          <p:cNvGrpSpPr>
            <a:grpSpLocks noChangeAspect="1"/>
          </p:cNvGrpSpPr>
          <p:nvPr/>
        </p:nvGrpSpPr>
        <p:grpSpPr bwMode="auto">
          <a:xfrm>
            <a:off x="2590590" y="5591297"/>
            <a:ext cx="630819" cy="138888"/>
            <a:chOff x="2851150" y="1166813"/>
            <a:chExt cx="923925" cy="203200"/>
          </a:xfrm>
          <a:solidFill>
            <a:sysClr val="windowText" lastClr="000000">
              <a:lumMod val="65000"/>
              <a:lumOff val="35000"/>
            </a:sysClr>
          </a:solidFill>
        </p:grpSpPr>
        <p:sp>
          <p:nvSpPr>
            <p:cNvPr id="224" name="Freeform 260">
              <a:extLst>
                <a:ext uri="{FF2B5EF4-FFF2-40B4-BE49-F238E27FC236}">
                  <a16:creationId xmlns:a16="http://schemas.microsoft.com/office/drawing/2014/main" xmlns="" id="{0CF65D77-A151-44A5-956F-A56E0057832D}"/>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25" name="Freeform 261">
              <a:extLst>
                <a:ext uri="{FF2B5EF4-FFF2-40B4-BE49-F238E27FC236}">
                  <a16:creationId xmlns:a16="http://schemas.microsoft.com/office/drawing/2014/main" xmlns="" id="{AA33AC40-020E-4B14-BD98-8BE4D0775057}"/>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26" name="Freeform 262">
              <a:extLst>
                <a:ext uri="{FF2B5EF4-FFF2-40B4-BE49-F238E27FC236}">
                  <a16:creationId xmlns:a16="http://schemas.microsoft.com/office/drawing/2014/main" xmlns="" id="{F26352D2-01B6-44A4-8813-C64F4F1B89DF}"/>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27" name="Freeform 263">
              <a:extLst>
                <a:ext uri="{FF2B5EF4-FFF2-40B4-BE49-F238E27FC236}">
                  <a16:creationId xmlns:a16="http://schemas.microsoft.com/office/drawing/2014/main" xmlns="" id="{BC22E28B-F07A-4FAC-8840-156F9E91B129}"/>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28" name="Freeform 264">
              <a:extLst>
                <a:ext uri="{FF2B5EF4-FFF2-40B4-BE49-F238E27FC236}">
                  <a16:creationId xmlns:a16="http://schemas.microsoft.com/office/drawing/2014/main" xmlns="" id="{9D5FCE42-F119-48DA-9E79-1C19AF4A5E6A}"/>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29" name="Freeform 265">
              <a:extLst>
                <a:ext uri="{FF2B5EF4-FFF2-40B4-BE49-F238E27FC236}">
                  <a16:creationId xmlns:a16="http://schemas.microsoft.com/office/drawing/2014/main" xmlns="" id="{1FDB63E7-4080-4FB8-9537-243145DD3BA5}"/>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30" name="Freeform 266">
              <a:extLst>
                <a:ext uri="{FF2B5EF4-FFF2-40B4-BE49-F238E27FC236}">
                  <a16:creationId xmlns:a16="http://schemas.microsoft.com/office/drawing/2014/main" xmlns="" id="{AC94D5F9-98D1-46CD-8882-575195CD0EA9}"/>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31" name="Freeform 267">
              <a:extLst>
                <a:ext uri="{FF2B5EF4-FFF2-40B4-BE49-F238E27FC236}">
                  <a16:creationId xmlns:a16="http://schemas.microsoft.com/office/drawing/2014/main" xmlns="" id="{B99580FF-0C55-4FEC-B018-AFF040773E5E}"/>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32" name="Freeform 268">
              <a:extLst>
                <a:ext uri="{FF2B5EF4-FFF2-40B4-BE49-F238E27FC236}">
                  <a16:creationId xmlns:a16="http://schemas.microsoft.com/office/drawing/2014/main" xmlns="" id="{106FF7F1-5D36-468B-9979-C2E0E042ECC4}"/>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33" name="Freeform 269">
              <a:extLst>
                <a:ext uri="{FF2B5EF4-FFF2-40B4-BE49-F238E27FC236}">
                  <a16:creationId xmlns:a16="http://schemas.microsoft.com/office/drawing/2014/main" xmlns="" id="{F9B462DD-9555-4BAD-A257-98B215E5A91C}"/>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34" name="Freeform 270">
              <a:extLst>
                <a:ext uri="{FF2B5EF4-FFF2-40B4-BE49-F238E27FC236}">
                  <a16:creationId xmlns:a16="http://schemas.microsoft.com/office/drawing/2014/main" xmlns="" id="{D30245E0-A225-4A21-99FA-AFF588EC28E5}"/>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35" name="Freeform 271">
              <a:extLst>
                <a:ext uri="{FF2B5EF4-FFF2-40B4-BE49-F238E27FC236}">
                  <a16:creationId xmlns:a16="http://schemas.microsoft.com/office/drawing/2014/main" xmlns="" id="{1F9283C5-2342-4B60-869E-35DD620BF082}"/>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grpSp>
        <p:nvGrpSpPr>
          <p:cNvPr id="18" name="组合 336">
            <a:extLst>
              <a:ext uri="{FF2B5EF4-FFF2-40B4-BE49-F238E27FC236}">
                <a16:creationId xmlns:a16="http://schemas.microsoft.com/office/drawing/2014/main" xmlns="" id="{48D97FE7-9AA5-4E23-88BE-53793E985F11}"/>
              </a:ext>
            </a:extLst>
          </p:cNvPr>
          <p:cNvGrpSpPr>
            <a:grpSpLocks noChangeAspect="1"/>
          </p:cNvGrpSpPr>
          <p:nvPr/>
        </p:nvGrpSpPr>
        <p:grpSpPr bwMode="auto">
          <a:xfrm>
            <a:off x="3270490" y="5591297"/>
            <a:ext cx="630819" cy="138888"/>
            <a:chOff x="2851150" y="1166813"/>
            <a:chExt cx="923925" cy="203200"/>
          </a:xfrm>
          <a:solidFill>
            <a:sysClr val="windowText" lastClr="000000">
              <a:lumMod val="65000"/>
              <a:lumOff val="35000"/>
            </a:sysClr>
          </a:solidFill>
        </p:grpSpPr>
        <p:sp>
          <p:nvSpPr>
            <p:cNvPr id="212" name="Freeform 260">
              <a:extLst>
                <a:ext uri="{FF2B5EF4-FFF2-40B4-BE49-F238E27FC236}">
                  <a16:creationId xmlns:a16="http://schemas.microsoft.com/office/drawing/2014/main" xmlns="" id="{BF17CE49-7DD4-40BB-9A8C-1B2C62D150AC}"/>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13" name="Freeform 261">
              <a:extLst>
                <a:ext uri="{FF2B5EF4-FFF2-40B4-BE49-F238E27FC236}">
                  <a16:creationId xmlns:a16="http://schemas.microsoft.com/office/drawing/2014/main" xmlns="" id="{B25BF8DD-78EC-4CDE-B6B8-00182777EB41}"/>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14" name="Freeform 262">
              <a:extLst>
                <a:ext uri="{FF2B5EF4-FFF2-40B4-BE49-F238E27FC236}">
                  <a16:creationId xmlns:a16="http://schemas.microsoft.com/office/drawing/2014/main" xmlns="" id="{3AD5FCCF-DCFC-4E96-B3F8-F4027100F73F}"/>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15" name="Freeform 263">
              <a:extLst>
                <a:ext uri="{FF2B5EF4-FFF2-40B4-BE49-F238E27FC236}">
                  <a16:creationId xmlns:a16="http://schemas.microsoft.com/office/drawing/2014/main" xmlns="" id="{9F3449E1-0BBE-4963-A51E-5882D43F5ABF}"/>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16" name="Freeform 264">
              <a:extLst>
                <a:ext uri="{FF2B5EF4-FFF2-40B4-BE49-F238E27FC236}">
                  <a16:creationId xmlns:a16="http://schemas.microsoft.com/office/drawing/2014/main" xmlns="" id="{77561DF7-1043-4AAC-BAD6-25D8021A3D11}"/>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17" name="Freeform 265">
              <a:extLst>
                <a:ext uri="{FF2B5EF4-FFF2-40B4-BE49-F238E27FC236}">
                  <a16:creationId xmlns:a16="http://schemas.microsoft.com/office/drawing/2014/main" xmlns="" id="{790E2297-7909-4EA0-A6B5-0203F789410E}"/>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18" name="Freeform 266">
              <a:extLst>
                <a:ext uri="{FF2B5EF4-FFF2-40B4-BE49-F238E27FC236}">
                  <a16:creationId xmlns:a16="http://schemas.microsoft.com/office/drawing/2014/main" xmlns="" id="{A9D531A9-0D50-4DE5-ACDC-C449C826B10D}"/>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19" name="Freeform 267">
              <a:extLst>
                <a:ext uri="{FF2B5EF4-FFF2-40B4-BE49-F238E27FC236}">
                  <a16:creationId xmlns:a16="http://schemas.microsoft.com/office/drawing/2014/main" xmlns="" id="{173DA3A6-424F-4E8C-8611-D0E7F06E8077}"/>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20" name="Freeform 268">
              <a:extLst>
                <a:ext uri="{FF2B5EF4-FFF2-40B4-BE49-F238E27FC236}">
                  <a16:creationId xmlns:a16="http://schemas.microsoft.com/office/drawing/2014/main" xmlns="" id="{135F61E2-6BC2-42E5-B89E-F223C0E0A6E3}"/>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21" name="Freeform 269">
              <a:extLst>
                <a:ext uri="{FF2B5EF4-FFF2-40B4-BE49-F238E27FC236}">
                  <a16:creationId xmlns:a16="http://schemas.microsoft.com/office/drawing/2014/main" xmlns="" id="{AC0340E6-7D9E-4FB1-B090-89F8A2785C39}"/>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22" name="Freeform 270">
              <a:extLst>
                <a:ext uri="{FF2B5EF4-FFF2-40B4-BE49-F238E27FC236}">
                  <a16:creationId xmlns:a16="http://schemas.microsoft.com/office/drawing/2014/main" xmlns="" id="{7402DF20-DC7A-471D-963B-6FDDC9846343}"/>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23" name="Freeform 271">
              <a:extLst>
                <a:ext uri="{FF2B5EF4-FFF2-40B4-BE49-F238E27FC236}">
                  <a16:creationId xmlns:a16="http://schemas.microsoft.com/office/drawing/2014/main" xmlns="" id="{8B3B7BC7-A103-4BC5-8B1E-D9482524911C}"/>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grpSp>
        <p:nvGrpSpPr>
          <p:cNvPr id="19" name="组合 336">
            <a:extLst>
              <a:ext uri="{FF2B5EF4-FFF2-40B4-BE49-F238E27FC236}">
                <a16:creationId xmlns:a16="http://schemas.microsoft.com/office/drawing/2014/main" xmlns="" id="{E85C3FDE-5B0F-496C-BC68-4EB172A7998E}"/>
              </a:ext>
            </a:extLst>
          </p:cNvPr>
          <p:cNvGrpSpPr>
            <a:grpSpLocks noChangeAspect="1"/>
          </p:cNvGrpSpPr>
          <p:nvPr/>
        </p:nvGrpSpPr>
        <p:grpSpPr bwMode="auto">
          <a:xfrm>
            <a:off x="4040136" y="5591297"/>
            <a:ext cx="630819" cy="138888"/>
            <a:chOff x="2851150" y="1166813"/>
            <a:chExt cx="923925" cy="203200"/>
          </a:xfrm>
          <a:solidFill>
            <a:sysClr val="windowText" lastClr="000000">
              <a:lumMod val="65000"/>
              <a:lumOff val="35000"/>
            </a:sysClr>
          </a:solidFill>
        </p:grpSpPr>
        <p:sp>
          <p:nvSpPr>
            <p:cNvPr id="200" name="Freeform 261">
              <a:extLst>
                <a:ext uri="{FF2B5EF4-FFF2-40B4-BE49-F238E27FC236}">
                  <a16:creationId xmlns:a16="http://schemas.microsoft.com/office/drawing/2014/main" xmlns="" id="{F7BF0011-2035-4C02-97A8-EF3791F3BBD4}"/>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01" name="Freeform 262">
              <a:extLst>
                <a:ext uri="{FF2B5EF4-FFF2-40B4-BE49-F238E27FC236}">
                  <a16:creationId xmlns:a16="http://schemas.microsoft.com/office/drawing/2014/main" xmlns="" id="{0575CE83-D520-402B-A7E1-BD496DE5306D}"/>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02" name="Freeform 263">
              <a:extLst>
                <a:ext uri="{FF2B5EF4-FFF2-40B4-BE49-F238E27FC236}">
                  <a16:creationId xmlns:a16="http://schemas.microsoft.com/office/drawing/2014/main" xmlns="" id="{E5E36368-75F0-4397-B423-A10A0ADE55D6}"/>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03" name="Freeform 264">
              <a:extLst>
                <a:ext uri="{FF2B5EF4-FFF2-40B4-BE49-F238E27FC236}">
                  <a16:creationId xmlns:a16="http://schemas.microsoft.com/office/drawing/2014/main" xmlns="" id="{C15A1072-86C6-4FB5-B5CE-DA43A4526445}"/>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04" name="Freeform 265">
              <a:extLst>
                <a:ext uri="{FF2B5EF4-FFF2-40B4-BE49-F238E27FC236}">
                  <a16:creationId xmlns:a16="http://schemas.microsoft.com/office/drawing/2014/main" xmlns="" id="{B47FE6F1-4EA7-47BD-8055-1A68283EF9FF}"/>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05" name="Freeform 266">
              <a:extLst>
                <a:ext uri="{FF2B5EF4-FFF2-40B4-BE49-F238E27FC236}">
                  <a16:creationId xmlns:a16="http://schemas.microsoft.com/office/drawing/2014/main" xmlns="" id="{AC8CBEB0-D458-4D6E-81FF-8605DB03C757}"/>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06" name="Freeform 267">
              <a:extLst>
                <a:ext uri="{FF2B5EF4-FFF2-40B4-BE49-F238E27FC236}">
                  <a16:creationId xmlns:a16="http://schemas.microsoft.com/office/drawing/2014/main" xmlns="" id="{4E640E0C-996E-4531-B7FA-40488C3F8ED1}"/>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07" name="Freeform 268">
              <a:extLst>
                <a:ext uri="{FF2B5EF4-FFF2-40B4-BE49-F238E27FC236}">
                  <a16:creationId xmlns:a16="http://schemas.microsoft.com/office/drawing/2014/main" xmlns="" id="{D1FC2BE7-AEC9-40C6-832C-E9F592A32EFC}"/>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08" name="Freeform 269">
              <a:extLst>
                <a:ext uri="{FF2B5EF4-FFF2-40B4-BE49-F238E27FC236}">
                  <a16:creationId xmlns:a16="http://schemas.microsoft.com/office/drawing/2014/main" xmlns="" id="{879BD044-816A-4A2B-8ED4-4A4866466C49}"/>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09" name="Freeform 270">
              <a:extLst>
                <a:ext uri="{FF2B5EF4-FFF2-40B4-BE49-F238E27FC236}">
                  <a16:creationId xmlns:a16="http://schemas.microsoft.com/office/drawing/2014/main" xmlns="" id="{674F63F6-8FAF-4914-9014-777AE31DC60C}"/>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10" name="Freeform 271">
              <a:extLst>
                <a:ext uri="{FF2B5EF4-FFF2-40B4-BE49-F238E27FC236}">
                  <a16:creationId xmlns:a16="http://schemas.microsoft.com/office/drawing/2014/main" xmlns="" id="{22F83134-9BF2-4203-9749-5EA4CD90CE3D}"/>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211" name="Freeform 260">
              <a:extLst>
                <a:ext uri="{FF2B5EF4-FFF2-40B4-BE49-F238E27FC236}">
                  <a16:creationId xmlns:a16="http://schemas.microsoft.com/office/drawing/2014/main" xmlns="" id="{9159CF0F-71D7-447F-8140-C0C7DFD99414}"/>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grpSp>
        <p:nvGrpSpPr>
          <p:cNvPr id="20" name="组合 336">
            <a:extLst>
              <a:ext uri="{FF2B5EF4-FFF2-40B4-BE49-F238E27FC236}">
                <a16:creationId xmlns:a16="http://schemas.microsoft.com/office/drawing/2014/main" xmlns="" id="{4CF13716-F5C4-44DC-8ED5-EE60CD22DCB7}"/>
              </a:ext>
            </a:extLst>
          </p:cNvPr>
          <p:cNvGrpSpPr>
            <a:grpSpLocks noChangeAspect="1"/>
          </p:cNvGrpSpPr>
          <p:nvPr/>
        </p:nvGrpSpPr>
        <p:grpSpPr bwMode="auto">
          <a:xfrm>
            <a:off x="4743572" y="5591297"/>
            <a:ext cx="630819" cy="138888"/>
            <a:chOff x="2851150" y="1166813"/>
            <a:chExt cx="923925" cy="203200"/>
          </a:xfrm>
          <a:solidFill>
            <a:sysClr val="windowText" lastClr="000000">
              <a:lumMod val="65000"/>
              <a:lumOff val="35000"/>
            </a:sysClr>
          </a:solidFill>
        </p:grpSpPr>
        <p:sp>
          <p:nvSpPr>
            <p:cNvPr id="188" name="Freeform 260">
              <a:extLst>
                <a:ext uri="{FF2B5EF4-FFF2-40B4-BE49-F238E27FC236}">
                  <a16:creationId xmlns:a16="http://schemas.microsoft.com/office/drawing/2014/main" xmlns="" id="{BF61ED2B-FDBC-429E-86BC-FFA7569F9C05}"/>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89" name="Freeform 261">
              <a:extLst>
                <a:ext uri="{FF2B5EF4-FFF2-40B4-BE49-F238E27FC236}">
                  <a16:creationId xmlns:a16="http://schemas.microsoft.com/office/drawing/2014/main" xmlns="" id="{26DEEC83-6C0D-489B-AA0F-C8453DEE640D}"/>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0" name="Freeform 262">
              <a:extLst>
                <a:ext uri="{FF2B5EF4-FFF2-40B4-BE49-F238E27FC236}">
                  <a16:creationId xmlns:a16="http://schemas.microsoft.com/office/drawing/2014/main" xmlns="" id="{083EF99D-40A8-4E21-A428-7783B159765E}"/>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1" name="Freeform 263">
              <a:extLst>
                <a:ext uri="{FF2B5EF4-FFF2-40B4-BE49-F238E27FC236}">
                  <a16:creationId xmlns:a16="http://schemas.microsoft.com/office/drawing/2014/main" xmlns="" id="{A6EF55AD-A5F2-4098-8210-A5CDFA66BEE0}"/>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2" name="Freeform 264">
              <a:extLst>
                <a:ext uri="{FF2B5EF4-FFF2-40B4-BE49-F238E27FC236}">
                  <a16:creationId xmlns:a16="http://schemas.microsoft.com/office/drawing/2014/main" xmlns="" id="{CBD248DC-EFD7-4A3D-A74D-B1B20EF44380}"/>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3" name="Freeform 265">
              <a:extLst>
                <a:ext uri="{FF2B5EF4-FFF2-40B4-BE49-F238E27FC236}">
                  <a16:creationId xmlns:a16="http://schemas.microsoft.com/office/drawing/2014/main" xmlns="" id="{8449581A-5FC8-4072-96B5-35FA7A8064D3}"/>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4" name="Freeform 266">
              <a:extLst>
                <a:ext uri="{FF2B5EF4-FFF2-40B4-BE49-F238E27FC236}">
                  <a16:creationId xmlns:a16="http://schemas.microsoft.com/office/drawing/2014/main" xmlns="" id="{BA643395-3634-4D1C-A956-3C39EBCB9086}"/>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5" name="Freeform 267">
              <a:extLst>
                <a:ext uri="{FF2B5EF4-FFF2-40B4-BE49-F238E27FC236}">
                  <a16:creationId xmlns:a16="http://schemas.microsoft.com/office/drawing/2014/main" xmlns="" id="{C0B52168-A5B6-47B9-986E-FA4C1959F6CB}"/>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6" name="Freeform 268">
              <a:extLst>
                <a:ext uri="{FF2B5EF4-FFF2-40B4-BE49-F238E27FC236}">
                  <a16:creationId xmlns:a16="http://schemas.microsoft.com/office/drawing/2014/main" xmlns="" id="{F388E7A1-C69F-41D1-92CC-47B27FCDAAFE}"/>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7" name="Freeform 269">
              <a:extLst>
                <a:ext uri="{FF2B5EF4-FFF2-40B4-BE49-F238E27FC236}">
                  <a16:creationId xmlns:a16="http://schemas.microsoft.com/office/drawing/2014/main" xmlns="" id="{619BA1E7-CE70-4FEE-BDD6-658326FB7B0B}"/>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8" name="Freeform 270">
              <a:extLst>
                <a:ext uri="{FF2B5EF4-FFF2-40B4-BE49-F238E27FC236}">
                  <a16:creationId xmlns:a16="http://schemas.microsoft.com/office/drawing/2014/main" xmlns="" id="{7589A41B-8019-4E79-A5B1-61FAED534483}"/>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99" name="Freeform 271">
              <a:extLst>
                <a:ext uri="{FF2B5EF4-FFF2-40B4-BE49-F238E27FC236}">
                  <a16:creationId xmlns:a16="http://schemas.microsoft.com/office/drawing/2014/main" xmlns="" id="{7C01D1A8-79E6-442A-BFDE-9257A9DDA584}"/>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zh-CN" altLang="en-US" sz="24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cxnSp>
        <p:nvCxnSpPr>
          <p:cNvPr id="21" name="直接连接符 20">
            <a:extLst>
              <a:ext uri="{FF2B5EF4-FFF2-40B4-BE49-F238E27FC236}">
                <a16:creationId xmlns:a16="http://schemas.microsoft.com/office/drawing/2014/main" xmlns="" id="{FC6F54EC-49DD-43C9-ADCB-F99FB7812AFC}"/>
              </a:ext>
            </a:extLst>
          </p:cNvPr>
          <p:cNvCxnSpPr>
            <a:cxnSpLocks/>
          </p:cNvCxnSpPr>
          <p:nvPr/>
        </p:nvCxnSpPr>
        <p:spPr>
          <a:xfrm flipV="1">
            <a:off x="1345485" y="5257222"/>
            <a:ext cx="1100522" cy="334075"/>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2" name="直接连接符 21">
            <a:extLst>
              <a:ext uri="{FF2B5EF4-FFF2-40B4-BE49-F238E27FC236}">
                <a16:creationId xmlns:a16="http://schemas.microsoft.com/office/drawing/2014/main" xmlns="" id="{E84213E8-CA34-482F-93AE-AE040551079B}"/>
              </a:ext>
            </a:extLst>
          </p:cNvPr>
          <p:cNvCxnSpPr/>
          <p:nvPr/>
        </p:nvCxnSpPr>
        <p:spPr>
          <a:xfrm flipV="1">
            <a:off x="1345485" y="5254315"/>
            <a:ext cx="2240412" cy="336981"/>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3" name="直接连接符 22">
            <a:extLst>
              <a:ext uri="{FF2B5EF4-FFF2-40B4-BE49-F238E27FC236}">
                <a16:creationId xmlns:a16="http://schemas.microsoft.com/office/drawing/2014/main" xmlns="" id="{03EEB731-DB98-4EBA-B2BD-74D89CE6F4DB}"/>
              </a:ext>
            </a:extLst>
          </p:cNvPr>
          <p:cNvCxnSpPr>
            <a:cxnSpLocks/>
          </p:cNvCxnSpPr>
          <p:nvPr/>
        </p:nvCxnSpPr>
        <p:spPr>
          <a:xfrm flipV="1">
            <a:off x="2073541" y="5254289"/>
            <a:ext cx="381569" cy="337008"/>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4" name="直接连接符 23">
            <a:extLst>
              <a:ext uri="{FF2B5EF4-FFF2-40B4-BE49-F238E27FC236}">
                <a16:creationId xmlns:a16="http://schemas.microsoft.com/office/drawing/2014/main" xmlns="" id="{A166C6F8-BD7F-4BAF-A86A-8A299CA17DE1}"/>
              </a:ext>
            </a:extLst>
          </p:cNvPr>
          <p:cNvCxnSpPr>
            <a:cxnSpLocks/>
          </p:cNvCxnSpPr>
          <p:nvPr/>
        </p:nvCxnSpPr>
        <p:spPr>
          <a:xfrm flipV="1">
            <a:off x="2073541" y="5258311"/>
            <a:ext cx="1476601" cy="332985"/>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5" name="直接连接符 24">
            <a:extLst>
              <a:ext uri="{FF2B5EF4-FFF2-40B4-BE49-F238E27FC236}">
                <a16:creationId xmlns:a16="http://schemas.microsoft.com/office/drawing/2014/main" xmlns="" id="{1C6476D4-55DA-4240-B3BE-4DDCC39CECA5}"/>
              </a:ext>
            </a:extLst>
          </p:cNvPr>
          <p:cNvCxnSpPr>
            <a:cxnSpLocks/>
          </p:cNvCxnSpPr>
          <p:nvPr/>
        </p:nvCxnSpPr>
        <p:spPr>
          <a:xfrm flipH="1" flipV="1">
            <a:off x="2459459" y="5257005"/>
            <a:ext cx="445456" cy="334292"/>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6" name="直接连接符 25">
            <a:extLst>
              <a:ext uri="{FF2B5EF4-FFF2-40B4-BE49-F238E27FC236}">
                <a16:creationId xmlns:a16="http://schemas.microsoft.com/office/drawing/2014/main" xmlns="" id="{73FC3704-BDCD-4D02-9B9F-B9CE0F0F2EAC}"/>
              </a:ext>
            </a:extLst>
          </p:cNvPr>
          <p:cNvCxnSpPr>
            <a:cxnSpLocks/>
          </p:cNvCxnSpPr>
          <p:nvPr/>
        </p:nvCxnSpPr>
        <p:spPr>
          <a:xfrm flipH="1">
            <a:off x="3539293" y="5259433"/>
            <a:ext cx="15176" cy="331864"/>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7" name="直接连接符 26">
            <a:extLst>
              <a:ext uri="{FF2B5EF4-FFF2-40B4-BE49-F238E27FC236}">
                <a16:creationId xmlns:a16="http://schemas.microsoft.com/office/drawing/2014/main" xmlns="" id="{3307BC23-38E2-4C7E-B507-F861133A8DEB}"/>
              </a:ext>
            </a:extLst>
          </p:cNvPr>
          <p:cNvCxnSpPr/>
          <p:nvPr/>
        </p:nvCxnSpPr>
        <p:spPr>
          <a:xfrm flipH="1" flipV="1">
            <a:off x="2425018" y="5239481"/>
            <a:ext cx="1125124" cy="351815"/>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8" name="直接连接符 27">
            <a:extLst>
              <a:ext uri="{FF2B5EF4-FFF2-40B4-BE49-F238E27FC236}">
                <a16:creationId xmlns:a16="http://schemas.microsoft.com/office/drawing/2014/main" xmlns="" id="{A416ED51-41D7-498B-BBD9-A4EEB0264112}"/>
              </a:ext>
            </a:extLst>
          </p:cNvPr>
          <p:cNvCxnSpPr/>
          <p:nvPr/>
        </p:nvCxnSpPr>
        <p:spPr>
          <a:xfrm flipH="1" flipV="1">
            <a:off x="2425018" y="5239481"/>
            <a:ext cx="1883920" cy="351815"/>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9" name="直接连接符 28">
            <a:extLst>
              <a:ext uri="{FF2B5EF4-FFF2-40B4-BE49-F238E27FC236}">
                <a16:creationId xmlns:a16="http://schemas.microsoft.com/office/drawing/2014/main" xmlns="" id="{E67901A0-1F40-424E-9CF8-D1F6C98019F9}"/>
              </a:ext>
            </a:extLst>
          </p:cNvPr>
          <p:cNvCxnSpPr/>
          <p:nvPr/>
        </p:nvCxnSpPr>
        <p:spPr>
          <a:xfrm flipH="1" flipV="1">
            <a:off x="2435723" y="5235943"/>
            <a:ext cx="2691543" cy="355354"/>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30" name="直接连接符 29">
            <a:extLst>
              <a:ext uri="{FF2B5EF4-FFF2-40B4-BE49-F238E27FC236}">
                <a16:creationId xmlns:a16="http://schemas.microsoft.com/office/drawing/2014/main" xmlns="" id="{4AFAB744-A427-4BC9-B9C3-6741804DF015}"/>
              </a:ext>
            </a:extLst>
          </p:cNvPr>
          <p:cNvCxnSpPr>
            <a:cxnSpLocks/>
          </p:cNvCxnSpPr>
          <p:nvPr/>
        </p:nvCxnSpPr>
        <p:spPr>
          <a:xfrm flipH="1" flipV="1">
            <a:off x="3552197" y="5257529"/>
            <a:ext cx="771274" cy="333767"/>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31" name="直接连接符 30">
            <a:extLst>
              <a:ext uri="{FF2B5EF4-FFF2-40B4-BE49-F238E27FC236}">
                <a16:creationId xmlns:a16="http://schemas.microsoft.com/office/drawing/2014/main" xmlns="" id="{7E9A7577-791F-415C-8669-E8F24A3C8465}"/>
              </a:ext>
            </a:extLst>
          </p:cNvPr>
          <p:cNvCxnSpPr/>
          <p:nvPr/>
        </p:nvCxnSpPr>
        <p:spPr>
          <a:xfrm flipH="1" flipV="1">
            <a:off x="3550144" y="5258310"/>
            <a:ext cx="1577122" cy="332986"/>
          </a:xfrm>
          <a:prstGeom prst="line">
            <a:avLst/>
          </a:prstGeom>
          <a:solidFill>
            <a:srgbClr val="CC4B4A"/>
          </a:solidFill>
          <a:ln w="6350" cap="flat" cmpd="sng" algn="ctr">
            <a:solidFill>
              <a:sysClr val="window" lastClr="FFFFFF">
                <a:lumMod val="85000"/>
              </a:sysClr>
            </a:solidFill>
            <a:prstDash val="solid"/>
            <a:miter lim="800000"/>
          </a:ln>
          <a:effectLst/>
        </p:spPr>
      </p:cxnSp>
      <p:grpSp>
        <p:nvGrpSpPr>
          <p:cNvPr id="32" name="组合 314">
            <a:extLst>
              <a:ext uri="{FF2B5EF4-FFF2-40B4-BE49-F238E27FC236}">
                <a16:creationId xmlns:a16="http://schemas.microsoft.com/office/drawing/2014/main" xmlns="" id="{43B3227C-19C9-450F-8A10-4B2A2ABE60B4}"/>
              </a:ext>
            </a:extLst>
          </p:cNvPr>
          <p:cNvGrpSpPr>
            <a:grpSpLocks/>
          </p:cNvGrpSpPr>
          <p:nvPr/>
        </p:nvGrpSpPr>
        <p:grpSpPr bwMode="auto">
          <a:xfrm>
            <a:off x="2127876" y="4556442"/>
            <a:ext cx="656034" cy="716270"/>
            <a:chOff x="1789113" y="906463"/>
            <a:chExt cx="665163" cy="723900"/>
          </a:xfrm>
          <a:solidFill>
            <a:sysClr val="windowText" lastClr="000000">
              <a:lumMod val="65000"/>
              <a:lumOff val="35000"/>
            </a:sysClr>
          </a:solidFill>
        </p:grpSpPr>
        <p:sp>
          <p:nvSpPr>
            <p:cNvPr id="126" name="Freeform 252">
              <a:extLst>
                <a:ext uri="{FF2B5EF4-FFF2-40B4-BE49-F238E27FC236}">
                  <a16:creationId xmlns:a16="http://schemas.microsoft.com/office/drawing/2014/main" xmlns="" id="{C25676D2-1A6C-45E5-94CB-65DCF1544620}"/>
                </a:ext>
              </a:extLst>
            </p:cNvPr>
            <p:cNvSpPr>
              <a:spLocks/>
            </p:cNvSpPr>
            <p:nvPr/>
          </p:nvSpPr>
          <p:spPr bwMode="auto">
            <a:xfrm>
              <a:off x="2243138" y="1571625"/>
              <a:ext cx="57150"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27" name="Freeform 253">
              <a:extLst>
                <a:ext uri="{FF2B5EF4-FFF2-40B4-BE49-F238E27FC236}">
                  <a16:creationId xmlns:a16="http://schemas.microsoft.com/office/drawing/2014/main" xmlns="" id="{FD56BF9D-C3A2-4C8E-AB85-1F361F19F1E5}"/>
                </a:ext>
              </a:extLst>
            </p:cNvPr>
            <p:cNvSpPr>
              <a:spLocks/>
            </p:cNvSpPr>
            <p:nvPr/>
          </p:nvSpPr>
          <p:spPr bwMode="auto">
            <a:xfrm>
              <a:off x="2332038" y="157162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28" name="Freeform 254">
              <a:extLst>
                <a:ext uri="{FF2B5EF4-FFF2-40B4-BE49-F238E27FC236}">
                  <a16:creationId xmlns:a16="http://schemas.microsoft.com/office/drawing/2014/main" xmlns="" id="{59EB3770-C463-4A68-B4DC-18C400732589}"/>
                </a:ext>
              </a:extLst>
            </p:cNvPr>
            <p:cNvSpPr>
              <a:spLocks/>
            </p:cNvSpPr>
            <p:nvPr/>
          </p:nvSpPr>
          <p:spPr bwMode="auto">
            <a:xfrm>
              <a:off x="1789113" y="906463"/>
              <a:ext cx="665163" cy="142875"/>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29" name="Freeform 255">
              <a:extLst>
                <a:ext uri="{FF2B5EF4-FFF2-40B4-BE49-F238E27FC236}">
                  <a16:creationId xmlns:a16="http://schemas.microsoft.com/office/drawing/2014/main" xmlns="" id="{FEDFD43E-9DEA-4E8F-8810-3AA56FD20C6B}"/>
                </a:ext>
              </a:extLst>
            </p:cNvPr>
            <p:cNvSpPr>
              <a:spLocks/>
            </p:cNvSpPr>
            <p:nvPr/>
          </p:nvSpPr>
          <p:spPr bwMode="auto">
            <a:xfrm>
              <a:off x="1857375"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0" name="Freeform 256">
              <a:extLst>
                <a:ext uri="{FF2B5EF4-FFF2-40B4-BE49-F238E27FC236}">
                  <a16:creationId xmlns:a16="http://schemas.microsoft.com/office/drawing/2014/main" xmlns="" id="{7706443D-8DDC-4A6C-91FE-C88769B0B773}"/>
                </a:ext>
              </a:extLst>
            </p:cNvPr>
            <p:cNvSpPr>
              <a:spLocks/>
            </p:cNvSpPr>
            <p:nvPr/>
          </p:nvSpPr>
          <p:spPr bwMode="auto">
            <a:xfrm>
              <a:off x="1928813"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1" name="Freeform 257">
              <a:extLst>
                <a:ext uri="{FF2B5EF4-FFF2-40B4-BE49-F238E27FC236}">
                  <a16:creationId xmlns:a16="http://schemas.microsoft.com/office/drawing/2014/main" xmlns="" id="{6441A9D6-AFAB-4E6D-A9F8-2E80832258CB}"/>
                </a:ext>
              </a:extLst>
            </p:cNvPr>
            <p:cNvSpPr>
              <a:spLocks/>
            </p:cNvSpPr>
            <p:nvPr/>
          </p:nvSpPr>
          <p:spPr bwMode="auto">
            <a:xfrm>
              <a:off x="2000250" y="955675"/>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2" name="Freeform 258">
              <a:extLst>
                <a:ext uri="{FF2B5EF4-FFF2-40B4-BE49-F238E27FC236}">
                  <a16:creationId xmlns:a16="http://schemas.microsoft.com/office/drawing/2014/main" xmlns="" id="{FB9C569A-EC30-48CB-B490-405E259ADDD8}"/>
                </a:ext>
              </a:extLst>
            </p:cNvPr>
            <p:cNvSpPr>
              <a:spLocks/>
            </p:cNvSpPr>
            <p:nvPr/>
          </p:nvSpPr>
          <p:spPr bwMode="auto">
            <a:xfrm>
              <a:off x="2073275"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3" name="Freeform 259">
              <a:extLst>
                <a:ext uri="{FF2B5EF4-FFF2-40B4-BE49-F238E27FC236}">
                  <a16:creationId xmlns:a16="http://schemas.microsoft.com/office/drawing/2014/main" xmlns="" id="{96062C6C-10FE-448E-97C7-BAFF4BC84A04}"/>
                </a:ext>
              </a:extLst>
            </p:cNvPr>
            <p:cNvSpPr>
              <a:spLocks/>
            </p:cNvSpPr>
            <p:nvPr/>
          </p:nvSpPr>
          <p:spPr bwMode="auto">
            <a:xfrm>
              <a:off x="2144713"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4" name="Freeform 260">
              <a:extLst>
                <a:ext uri="{FF2B5EF4-FFF2-40B4-BE49-F238E27FC236}">
                  <a16:creationId xmlns:a16="http://schemas.microsoft.com/office/drawing/2014/main" xmlns="" id="{05CBF3C1-2302-423D-A671-4BCFE5F8A197}"/>
                </a:ext>
              </a:extLst>
            </p:cNvPr>
            <p:cNvSpPr>
              <a:spLocks/>
            </p:cNvSpPr>
            <p:nvPr/>
          </p:nvSpPr>
          <p:spPr bwMode="auto">
            <a:xfrm>
              <a:off x="2271713" y="947738"/>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5" name="Freeform 261">
              <a:extLst>
                <a:ext uri="{FF2B5EF4-FFF2-40B4-BE49-F238E27FC236}">
                  <a16:creationId xmlns:a16="http://schemas.microsoft.com/office/drawing/2014/main" xmlns="" id="{1A6F18D9-E499-4B32-93D6-D8ADD90C515B}"/>
                </a:ext>
              </a:extLst>
            </p:cNvPr>
            <p:cNvSpPr>
              <a:spLocks/>
            </p:cNvSpPr>
            <p:nvPr/>
          </p:nvSpPr>
          <p:spPr bwMode="auto">
            <a:xfrm>
              <a:off x="2271713"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6" name="Freeform 262">
              <a:extLst>
                <a:ext uri="{FF2B5EF4-FFF2-40B4-BE49-F238E27FC236}">
                  <a16:creationId xmlns:a16="http://schemas.microsoft.com/office/drawing/2014/main" xmlns="" id="{20767341-2F70-4103-9EC5-4CECE5AA6DE3}"/>
                </a:ext>
              </a:extLst>
            </p:cNvPr>
            <p:cNvSpPr>
              <a:spLocks/>
            </p:cNvSpPr>
            <p:nvPr/>
          </p:nvSpPr>
          <p:spPr bwMode="auto">
            <a:xfrm>
              <a:off x="2305050" y="977900"/>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7" name="Freeform 263">
              <a:extLst>
                <a:ext uri="{FF2B5EF4-FFF2-40B4-BE49-F238E27FC236}">
                  <a16:creationId xmlns:a16="http://schemas.microsoft.com/office/drawing/2014/main" xmlns="" id="{BE3E9718-F732-463F-BDBD-782064D84C24}"/>
                </a:ext>
              </a:extLst>
            </p:cNvPr>
            <p:cNvSpPr>
              <a:spLocks/>
            </p:cNvSpPr>
            <p:nvPr/>
          </p:nvSpPr>
          <p:spPr bwMode="auto">
            <a:xfrm>
              <a:off x="2339975"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8" name="Freeform 264">
              <a:extLst>
                <a:ext uri="{FF2B5EF4-FFF2-40B4-BE49-F238E27FC236}">
                  <a16:creationId xmlns:a16="http://schemas.microsoft.com/office/drawing/2014/main" xmlns="" id="{D6036FE3-C7A5-4913-9935-3F6D3978D483}"/>
                </a:ext>
              </a:extLst>
            </p:cNvPr>
            <p:cNvSpPr>
              <a:spLocks/>
            </p:cNvSpPr>
            <p:nvPr/>
          </p:nvSpPr>
          <p:spPr bwMode="auto">
            <a:xfrm>
              <a:off x="1789113" y="1020763"/>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39" name="Freeform 265">
              <a:extLst>
                <a:ext uri="{FF2B5EF4-FFF2-40B4-BE49-F238E27FC236}">
                  <a16:creationId xmlns:a16="http://schemas.microsoft.com/office/drawing/2014/main" xmlns="" id="{341EFC7B-BE83-447A-BBDA-04AB52A27266}"/>
                </a:ext>
              </a:extLst>
            </p:cNvPr>
            <p:cNvSpPr>
              <a:spLocks/>
            </p:cNvSpPr>
            <p:nvPr/>
          </p:nvSpPr>
          <p:spPr bwMode="auto">
            <a:xfrm>
              <a:off x="1857375"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0" name="Freeform 266">
              <a:extLst>
                <a:ext uri="{FF2B5EF4-FFF2-40B4-BE49-F238E27FC236}">
                  <a16:creationId xmlns:a16="http://schemas.microsoft.com/office/drawing/2014/main" xmlns="" id="{89829EFB-F694-4200-B6E1-FC0A93FB96A9}"/>
                </a:ext>
              </a:extLst>
            </p:cNvPr>
            <p:cNvSpPr>
              <a:spLocks/>
            </p:cNvSpPr>
            <p:nvPr/>
          </p:nvSpPr>
          <p:spPr bwMode="auto">
            <a:xfrm>
              <a:off x="1928813"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1" name="Freeform 267">
              <a:extLst>
                <a:ext uri="{FF2B5EF4-FFF2-40B4-BE49-F238E27FC236}">
                  <a16:creationId xmlns:a16="http://schemas.microsoft.com/office/drawing/2014/main" xmlns="" id="{79A680FE-4AD9-4F80-B773-046473FCB979}"/>
                </a:ext>
              </a:extLst>
            </p:cNvPr>
            <p:cNvSpPr>
              <a:spLocks/>
            </p:cNvSpPr>
            <p:nvPr/>
          </p:nvSpPr>
          <p:spPr bwMode="auto">
            <a:xfrm>
              <a:off x="2000250" y="10683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2" name="Freeform 268">
              <a:extLst>
                <a:ext uri="{FF2B5EF4-FFF2-40B4-BE49-F238E27FC236}">
                  <a16:creationId xmlns:a16="http://schemas.microsoft.com/office/drawing/2014/main" xmlns="" id="{814A3D03-5D1F-42A6-9745-8962F6AEF737}"/>
                </a:ext>
              </a:extLst>
            </p:cNvPr>
            <p:cNvSpPr>
              <a:spLocks/>
            </p:cNvSpPr>
            <p:nvPr/>
          </p:nvSpPr>
          <p:spPr bwMode="auto">
            <a:xfrm>
              <a:off x="2073275"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3" name="Freeform 269">
              <a:extLst>
                <a:ext uri="{FF2B5EF4-FFF2-40B4-BE49-F238E27FC236}">
                  <a16:creationId xmlns:a16="http://schemas.microsoft.com/office/drawing/2014/main" xmlns="" id="{5F860A96-B2F4-4FE3-891D-F7640E9D1091}"/>
                </a:ext>
              </a:extLst>
            </p:cNvPr>
            <p:cNvSpPr>
              <a:spLocks/>
            </p:cNvSpPr>
            <p:nvPr/>
          </p:nvSpPr>
          <p:spPr bwMode="auto">
            <a:xfrm>
              <a:off x="2144713"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4" name="Freeform 270">
              <a:extLst>
                <a:ext uri="{FF2B5EF4-FFF2-40B4-BE49-F238E27FC236}">
                  <a16:creationId xmlns:a16="http://schemas.microsoft.com/office/drawing/2014/main" xmlns="" id="{04CD2FBC-B482-4AFD-941F-7B6BAFF1B81D}"/>
                </a:ext>
              </a:extLst>
            </p:cNvPr>
            <p:cNvSpPr>
              <a:spLocks/>
            </p:cNvSpPr>
            <p:nvPr/>
          </p:nvSpPr>
          <p:spPr bwMode="auto">
            <a:xfrm>
              <a:off x="2271713" y="1062038"/>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5" name="Freeform 271">
              <a:extLst>
                <a:ext uri="{FF2B5EF4-FFF2-40B4-BE49-F238E27FC236}">
                  <a16:creationId xmlns:a16="http://schemas.microsoft.com/office/drawing/2014/main" xmlns="" id="{67924286-8582-4134-8B17-14709BD9DCFD}"/>
                </a:ext>
              </a:extLst>
            </p:cNvPr>
            <p:cNvSpPr>
              <a:spLocks/>
            </p:cNvSpPr>
            <p:nvPr/>
          </p:nvSpPr>
          <p:spPr bwMode="auto">
            <a:xfrm>
              <a:off x="2271713"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6" name="Freeform 272">
              <a:extLst>
                <a:ext uri="{FF2B5EF4-FFF2-40B4-BE49-F238E27FC236}">
                  <a16:creationId xmlns:a16="http://schemas.microsoft.com/office/drawing/2014/main" xmlns="" id="{BA3B1B3E-F9A0-4BFA-985C-6000912A249A}"/>
                </a:ext>
              </a:extLst>
            </p:cNvPr>
            <p:cNvSpPr>
              <a:spLocks/>
            </p:cNvSpPr>
            <p:nvPr/>
          </p:nvSpPr>
          <p:spPr bwMode="auto">
            <a:xfrm>
              <a:off x="2305050" y="1090613"/>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7" name="Freeform 273">
              <a:extLst>
                <a:ext uri="{FF2B5EF4-FFF2-40B4-BE49-F238E27FC236}">
                  <a16:creationId xmlns:a16="http://schemas.microsoft.com/office/drawing/2014/main" xmlns="" id="{B878141F-893C-46D8-B4E7-DDA3B077AC26}"/>
                </a:ext>
              </a:extLst>
            </p:cNvPr>
            <p:cNvSpPr>
              <a:spLocks/>
            </p:cNvSpPr>
            <p:nvPr/>
          </p:nvSpPr>
          <p:spPr bwMode="auto">
            <a:xfrm>
              <a:off x="2339975"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8" name="Freeform 274">
              <a:extLst>
                <a:ext uri="{FF2B5EF4-FFF2-40B4-BE49-F238E27FC236}">
                  <a16:creationId xmlns:a16="http://schemas.microsoft.com/office/drawing/2014/main" xmlns="" id="{1A2D8983-0BFA-472E-838C-BE4C4262310B}"/>
                </a:ext>
              </a:extLst>
            </p:cNvPr>
            <p:cNvSpPr>
              <a:spLocks/>
            </p:cNvSpPr>
            <p:nvPr/>
          </p:nvSpPr>
          <p:spPr bwMode="auto">
            <a:xfrm>
              <a:off x="1789113" y="11334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49" name="Freeform 275">
              <a:extLst>
                <a:ext uri="{FF2B5EF4-FFF2-40B4-BE49-F238E27FC236}">
                  <a16:creationId xmlns:a16="http://schemas.microsoft.com/office/drawing/2014/main" xmlns="" id="{6198257D-03D7-48EF-9D2E-25013DFB026B}"/>
                </a:ext>
              </a:extLst>
            </p:cNvPr>
            <p:cNvSpPr>
              <a:spLocks/>
            </p:cNvSpPr>
            <p:nvPr/>
          </p:nvSpPr>
          <p:spPr bwMode="auto">
            <a:xfrm>
              <a:off x="1857375"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0" name="Freeform 276">
              <a:extLst>
                <a:ext uri="{FF2B5EF4-FFF2-40B4-BE49-F238E27FC236}">
                  <a16:creationId xmlns:a16="http://schemas.microsoft.com/office/drawing/2014/main" xmlns="" id="{D4A32E88-AFDD-4662-9076-D31531930B58}"/>
                </a:ext>
              </a:extLst>
            </p:cNvPr>
            <p:cNvSpPr>
              <a:spLocks/>
            </p:cNvSpPr>
            <p:nvPr/>
          </p:nvSpPr>
          <p:spPr bwMode="auto">
            <a:xfrm>
              <a:off x="1928813"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1" name="Freeform 277">
              <a:extLst>
                <a:ext uri="{FF2B5EF4-FFF2-40B4-BE49-F238E27FC236}">
                  <a16:creationId xmlns:a16="http://schemas.microsoft.com/office/drawing/2014/main" xmlns="" id="{F61D2FF3-F920-4E38-939F-759F41A23AE2}"/>
                </a:ext>
              </a:extLst>
            </p:cNvPr>
            <p:cNvSpPr>
              <a:spLocks/>
            </p:cNvSpPr>
            <p:nvPr/>
          </p:nvSpPr>
          <p:spPr bwMode="auto">
            <a:xfrm>
              <a:off x="2000250" y="11826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2" name="Freeform 278">
              <a:extLst>
                <a:ext uri="{FF2B5EF4-FFF2-40B4-BE49-F238E27FC236}">
                  <a16:creationId xmlns:a16="http://schemas.microsoft.com/office/drawing/2014/main" xmlns="" id="{89B6A4D0-6599-40EF-8180-FF85EF4397B0}"/>
                </a:ext>
              </a:extLst>
            </p:cNvPr>
            <p:cNvSpPr>
              <a:spLocks/>
            </p:cNvSpPr>
            <p:nvPr/>
          </p:nvSpPr>
          <p:spPr bwMode="auto">
            <a:xfrm>
              <a:off x="2073275"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3" name="Freeform 279">
              <a:extLst>
                <a:ext uri="{FF2B5EF4-FFF2-40B4-BE49-F238E27FC236}">
                  <a16:creationId xmlns:a16="http://schemas.microsoft.com/office/drawing/2014/main" xmlns="" id="{447542E5-5EE4-47DB-B947-8C68C71F03C7}"/>
                </a:ext>
              </a:extLst>
            </p:cNvPr>
            <p:cNvSpPr>
              <a:spLocks/>
            </p:cNvSpPr>
            <p:nvPr/>
          </p:nvSpPr>
          <p:spPr bwMode="auto">
            <a:xfrm>
              <a:off x="2144713"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4" name="Freeform 280">
              <a:extLst>
                <a:ext uri="{FF2B5EF4-FFF2-40B4-BE49-F238E27FC236}">
                  <a16:creationId xmlns:a16="http://schemas.microsoft.com/office/drawing/2014/main" xmlns="" id="{AA01F908-67F6-4D15-8716-37415FBF53CD}"/>
                </a:ext>
              </a:extLst>
            </p:cNvPr>
            <p:cNvSpPr>
              <a:spLocks/>
            </p:cNvSpPr>
            <p:nvPr/>
          </p:nvSpPr>
          <p:spPr bwMode="auto">
            <a:xfrm>
              <a:off x="2271713" y="1174750"/>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5" name="Freeform 281">
              <a:extLst>
                <a:ext uri="{FF2B5EF4-FFF2-40B4-BE49-F238E27FC236}">
                  <a16:creationId xmlns:a16="http://schemas.microsoft.com/office/drawing/2014/main" xmlns="" id="{D964C1CF-9E29-4988-89FE-EB986EB6D063}"/>
                </a:ext>
              </a:extLst>
            </p:cNvPr>
            <p:cNvSpPr>
              <a:spLocks/>
            </p:cNvSpPr>
            <p:nvPr/>
          </p:nvSpPr>
          <p:spPr bwMode="auto">
            <a:xfrm>
              <a:off x="2271713"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6" name="Freeform 282">
              <a:extLst>
                <a:ext uri="{FF2B5EF4-FFF2-40B4-BE49-F238E27FC236}">
                  <a16:creationId xmlns:a16="http://schemas.microsoft.com/office/drawing/2014/main" xmlns="" id="{EFDD62AE-36CC-4321-A3B6-ACEBB309706D}"/>
                </a:ext>
              </a:extLst>
            </p:cNvPr>
            <p:cNvSpPr>
              <a:spLocks/>
            </p:cNvSpPr>
            <p:nvPr/>
          </p:nvSpPr>
          <p:spPr bwMode="auto">
            <a:xfrm>
              <a:off x="2305050" y="1204913"/>
              <a:ext cx="22225"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7" name="Freeform 283">
              <a:extLst>
                <a:ext uri="{FF2B5EF4-FFF2-40B4-BE49-F238E27FC236}">
                  <a16:creationId xmlns:a16="http://schemas.microsoft.com/office/drawing/2014/main" xmlns="" id="{321858DD-C52E-4F5A-9854-2A99701E8659}"/>
                </a:ext>
              </a:extLst>
            </p:cNvPr>
            <p:cNvSpPr>
              <a:spLocks/>
            </p:cNvSpPr>
            <p:nvPr/>
          </p:nvSpPr>
          <p:spPr bwMode="auto">
            <a:xfrm>
              <a:off x="2339975"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8" name="Freeform 284">
              <a:extLst>
                <a:ext uri="{FF2B5EF4-FFF2-40B4-BE49-F238E27FC236}">
                  <a16:creationId xmlns:a16="http://schemas.microsoft.com/office/drawing/2014/main" xmlns="" id="{32F14691-B856-4E90-BC87-9B8EE174ADB5}"/>
                </a:ext>
              </a:extLst>
            </p:cNvPr>
            <p:cNvSpPr>
              <a:spLocks/>
            </p:cNvSpPr>
            <p:nvPr/>
          </p:nvSpPr>
          <p:spPr bwMode="auto">
            <a:xfrm>
              <a:off x="1789113" y="12477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59" name="Freeform 285">
              <a:extLst>
                <a:ext uri="{FF2B5EF4-FFF2-40B4-BE49-F238E27FC236}">
                  <a16:creationId xmlns:a16="http://schemas.microsoft.com/office/drawing/2014/main" xmlns="" id="{9FEEEC40-8144-455F-8B68-925E29633E37}"/>
                </a:ext>
              </a:extLst>
            </p:cNvPr>
            <p:cNvSpPr>
              <a:spLocks/>
            </p:cNvSpPr>
            <p:nvPr/>
          </p:nvSpPr>
          <p:spPr bwMode="auto">
            <a:xfrm>
              <a:off x="1857375"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0" name="Freeform 286">
              <a:extLst>
                <a:ext uri="{FF2B5EF4-FFF2-40B4-BE49-F238E27FC236}">
                  <a16:creationId xmlns:a16="http://schemas.microsoft.com/office/drawing/2014/main" xmlns="" id="{8E42BEEA-A5A2-4584-B309-974AC85CEEDD}"/>
                </a:ext>
              </a:extLst>
            </p:cNvPr>
            <p:cNvSpPr>
              <a:spLocks/>
            </p:cNvSpPr>
            <p:nvPr/>
          </p:nvSpPr>
          <p:spPr bwMode="auto">
            <a:xfrm>
              <a:off x="1928813"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1" name="Freeform 287">
              <a:extLst>
                <a:ext uri="{FF2B5EF4-FFF2-40B4-BE49-F238E27FC236}">
                  <a16:creationId xmlns:a16="http://schemas.microsoft.com/office/drawing/2014/main" xmlns="" id="{E3E96936-B3BB-491E-AC27-D6F717C9427C}"/>
                </a:ext>
              </a:extLst>
            </p:cNvPr>
            <p:cNvSpPr>
              <a:spLocks/>
            </p:cNvSpPr>
            <p:nvPr/>
          </p:nvSpPr>
          <p:spPr bwMode="auto">
            <a:xfrm>
              <a:off x="2000250" y="1295400"/>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2" name="Freeform 288">
              <a:extLst>
                <a:ext uri="{FF2B5EF4-FFF2-40B4-BE49-F238E27FC236}">
                  <a16:creationId xmlns:a16="http://schemas.microsoft.com/office/drawing/2014/main" xmlns="" id="{39819C3D-2703-4653-92B6-92E3E5B81FEC}"/>
                </a:ext>
              </a:extLst>
            </p:cNvPr>
            <p:cNvSpPr>
              <a:spLocks/>
            </p:cNvSpPr>
            <p:nvPr/>
          </p:nvSpPr>
          <p:spPr bwMode="auto">
            <a:xfrm>
              <a:off x="2073275"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3" name="Freeform 289">
              <a:extLst>
                <a:ext uri="{FF2B5EF4-FFF2-40B4-BE49-F238E27FC236}">
                  <a16:creationId xmlns:a16="http://schemas.microsoft.com/office/drawing/2014/main" xmlns="" id="{4382D90C-AAA7-4239-83B4-C66C576F8087}"/>
                </a:ext>
              </a:extLst>
            </p:cNvPr>
            <p:cNvSpPr>
              <a:spLocks/>
            </p:cNvSpPr>
            <p:nvPr/>
          </p:nvSpPr>
          <p:spPr bwMode="auto">
            <a:xfrm>
              <a:off x="2144713"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4" name="Freeform 290">
              <a:extLst>
                <a:ext uri="{FF2B5EF4-FFF2-40B4-BE49-F238E27FC236}">
                  <a16:creationId xmlns:a16="http://schemas.microsoft.com/office/drawing/2014/main" xmlns="" id="{B6310A0B-9590-4669-AD3C-29A7B1D7C3DA}"/>
                </a:ext>
              </a:extLst>
            </p:cNvPr>
            <p:cNvSpPr>
              <a:spLocks/>
            </p:cNvSpPr>
            <p:nvPr/>
          </p:nvSpPr>
          <p:spPr bwMode="auto">
            <a:xfrm>
              <a:off x="2271713" y="1289050"/>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5" name="Freeform 291">
              <a:extLst>
                <a:ext uri="{FF2B5EF4-FFF2-40B4-BE49-F238E27FC236}">
                  <a16:creationId xmlns:a16="http://schemas.microsoft.com/office/drawing/2014/main" xmlns="" id="{3DEE2773-3542-4653-9CB3-08BE960078A3}"/>
                </a:ext>
              </a:extLst>
            </p:cNvPr>
            <p:cNvSpPr>
              <a:spLocks/>
            </p:cNvSpPr>
            <p:nvPr/>
          </p:nvSpPr>
          <p:spPr bwMode="auto">
            <a:xfrm>
              <a:off x="2271713"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6" name="Freeform 292">
              <a:extLst>
                <a:ext uri="{FF2B5EF4-FFF2-40B4-BE49-F238E27FC236}">
                  <a16:creationId xmlns:a16="http://schemas.microsoft.com/office/drawing/2014/main" xmlns="" id="{BF87080C-0E1D-411B-AB7D-F5117914ED28}"/>
                </a:ext>
              </a:extLst>
            </p:cNvPr>
            <p:cNvSpPr>
              <a:spLocks/>
            </p:cNvSpPr>
            <p:nvPr/>
          </p:nvSpPr>
          <p:spPr bwMode="auto">
            <a:xfrm>
              <a:off x="2305050" y="1317625"/>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7" name="Freeform 293">
              <a:extLst>
                <a:ext uri="{FF2B5EF4-FFF2-40B4-BE49-F238E27FC236}">
                  <a16:creationId xmlns:a16="http://schemas.microsoft.com/office/drawing/2014/main" xmlns="" id="{9A6AF575-EDD8-438B-9852-59E4BE69DD8F}"/>
                </a:ext>
              </a:extLst>
            </p:cNvPr>
            <p:cNvSpPr>
              <a:spLocks/>
            </p:cNvSpPr>
            <p:nvPr/>
          </p:nvSpPr>
          <p:spPr bwMode="auto">
            <a:xfrm>
              <a:off x="2339975"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8" name="Freeform 294">
              <a:extLst>
                <a:ext uri="{FF2B5EF4-FFF2-40B4-BE49-F238E27FC236}">
                  <a16:creationId xmlns:a16="http://schemas.microsoft.com/office/drawing/2014/main" xmlns="" id="{0198F28C-FF0D-4350-B6D1-A8F38C96F906}"/>
                </a:ext>
              </a:extLst>
            </p:cNvPr>
            <p:cNvSpPr>
              <a:spLocks/>
            </p:cNvSpPr>
            <p:nvPr/>
          </p:nvSpPr>
          <p:spPr bwMode="auto">
            <a:xfrm>
              <a:off x="1789113" y="1360488"/>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69" name="Freeform 295">
              <a:extLst>
                <a:ext uri="{FF2B5EF4-FFF2-40B4-BE49-F238E27FC236}">
                  <a16:creationId xmlns:a16="http://schemas.microsoft.com/office/drawing/2014/main" xmlns="" id="{16D5A0DB-E64A-4AD6-B7AB-C01F056F350A}"/>
                </a:ext>
              </a:extLst>
            </p:cNvPr>
            <p:cNvSpPr>
              <a:spLocks/>
            </p:cNvSpPr>
            <p:nvPr/>
          </p:nvSpPr>
          <p:spPr bwMode="auto">
            <a:xfrm>
              <a:off x="1857375"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0" name="Freeform 296">
              <a:extLst>
                <a:ext uri="{FF2B5EF4-FFF2-40B4-BE49-F238E27FC236}">
                  <a16:creationId xmlns:a16="http://schemas.microsoft.com/office/drawing/2014/main" xmlns="" id="{500DBFA9-39EB-409D-BE8B-43E429EF213C}"/>
                </a:ext>
              </a:extLst>
            </p:cNvPr>
            <p:cNvSpPr>
              <a:spLocks/>
            </p:cNvSpPr>
            <p:nvPr/>
          </p:nvSpPr>
          <p:spPr bwMode="auto">
            <a:xfrm>
              <a:off x="1928813"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1" name="Freeform 297">
              <a:extLst>
                <a:ext uri="{FF2B5EF4-FFF2-40B4-BE49-F238E27FC236}">
                  <a16:creationId xmlns:a16="http://schemas.microsoft.com/office/drawing/2014/main" xmlns="" id="{ED3D14D6-49BA-4BB1-86EB-3121BD09F29D}"/>
                </a:ext>
              </a:extLst>
            </p:cNvPr>
            <p:cNvSpPr>
              <a:spLocks/>
            </p:cNvSpPr>
            <p:nvPr/>
          </p:nvSpPr>
          <p:spPr bwMode="auto">
            <a:xfrm>
              <a:off x="2000250" y="1408113"/>
              <a:ext cx="49213"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2" name="Freeform 298">
              <a:extLst>
                <a:ext uri="{FF2B5EF4-FFF2-40B4-BE49-F238E27FC236}">
                  <a16:creationId xmlns:a16="http://schemas.microsoft.com/office/drawing/2014/main" xmlns="" id="{A78BE8CF-B3AF-4D78-9930-48A926BE44B7}"/>
                </a:ext>
              </a:extLst>
            </p:cNvPr>
            <p:cNvSpPr>
              <a:spLocks/>
            </p:cNvSpPr>
            <p:nvPr/>
          </p:nvSpPr>
          <p:spPr bwMode="auto">
            <a:xfrm>
              <a:off x="2073275"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3" name="Freeform 299">
              <a:extLst>
                <a:ext uri="{FF2B5EF4-FFF2-40B4-BE49-F238E27FC236}">
                  <a16:creationId xmlns:a16="http://schemas.microsoft.com/office/drawing/2014/main" xmlns="" id="{4A96679B-5E8F-41CC-89E3-5CFF80CEA8BA}"/>
                </a:ext>
              </a:extLst>
            </p:cNvPr>
            <p:cNvSpPr>
              <a:spLocks/>
            </p:cNvSpPr>
            <p:nvPr/>
          </p:nvSpPr>
          <p:spPr bwMode="auto">
            <a:xfrm>
              <a:off x="2144713"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4" name="Freeform 300">
              <a:extLst>
                <a:ext uri="{FF2B5EF4-FFF2-40B4-BE49-F238E27FC236}">
                  <a16:creationId xmlns:a16="http://schemas.microsoft.com/office/drawing/2014/main" xmlns="" id="{3B12E98E-8857-499F-A414-3CB5CAF9FC53}"/>
                </a:ext>
              </a:extLst>
            </p:cNvPr>
            <p:cNvSpPr>
              <a:spLocks/>
            </p:cNvSpPr>
            <p:nvPr/>
          </p:nvSpPr>
          <p:spPr bwMode="auto">
            <a:xfrm>
              <a:off x="2271713" y="1401763"/>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5" name="Freeform 301">
              <a:extLst>
                <a:ext uri="{FF2B5EF4-FFF2-40B4-BE49-F238E27FC236}">
                  <a16:creationId xmlns:a16="http://schemas.microsoft.com/office/drawing/2014/main" xmlns="" id="{AB36F65A-1AA9-4A7E-8B64-45BD8FA12300}"/>
                </a:ext>
              </a:extLst>
            </p:cNvPr>
            <p:cNvSpPr>
              <a:spLocks/>
            </p:cNvSpPr>
            <p:nvPr/>
          </p:nvSpPr>
          <p:spPr bwMode="auto">
            <a:xfrm>
              <a:off x="2271713"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6" name="Freeform 302">
              <a:extLst>
                <a:ext uri="{FF2B5EF4-FFF2-40B4-BE49-F238E27FC236}">
                  <a16:creationId xmlns:a16="http://schemas.microsoft.com/office/drawing/2014/main" xmlns="" id="{DC8A727D-1671-452F-9BDC-775D621912B4}"/>
                </a:ext>
              </a:extLst>
            </p:cNvPr>
            <p:cNvSpPr>
              <a:spLocks/>
            </p:cNvSpPr>
            <p:nvPr/>
          </p:nvSpPr>
          <p:spPr bwMode="auto">
            <a:xfrm>
              <a:off x="2305050" y="14303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7" name="Freeform 303">
              <a:extLst>
                <a:ext uri="{FF2B5EF4-FFF2-40B4-BE49-F238E27FC236}">
                  <a16:creationId xmlns:a16="http://schemas.microsoft.com/office/drawing/2014/main" xmlns="" id="{719BCBE1-3232-47B1-A4F8-6C36DEA6486A}"/>
                </a:ext>
              </a:extLst>
            </p:cNvPr>
            <p:cNvSpPr>
              <a:spLocks/>
            </p:cNvSpPr>
            <p:nvPr/>
          </p:nvSpPr>
          <p:spPr bwMode="auto">
            <a:xfrm>
              <a:off x="2339975"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8" name="Freeform 304">
              <a:extLst>
                <a:ext uri="{FF2B5EF4-FFF2-40B4-BE49-F238E27FC236}">
                  <a16:creationId xmlns:a16="http://schemas.microsoft.com/office/drawing/2014/main" xmlns="" id="{E8D98FEA-824B-4F15-801F-36A172688D1F}"/>
                </a:ext>
              </a:extLst>
            </p:cNvPr>
            <p:cNvSpPr>
              <a:spLocks/>
            </p:cNvSpPr>
            <p:nvPr/>
          </p:nvSpPr>
          <p:spPr bwMode="auto">
            <a:xfrm>
              <a:off x="1789113" y="1473200"/>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79" name="Freeform 305">
              <a:extLst>
                <a:ext uri="{FF2B5EF4-FFF2-40B4-BE49-F238E27FC236}">
                  <a16:creationId xmlns:a16="http://schemas.microsoft.com/office/drawing/2014/main" xmlns="" id="{9845C11F-C0E6-490D-8776-674A3186F546}"/>
                </a:ext>
              </a:extLst>
            </p:cNvPr>
            <p:cNvSpPr>
              <a:spLocks/>
            </p:cNvSpPr>
            <p:nvPr/>
          </p:nvSpPr>
          <p:spPr bwMode="auto">
            <a:xfrm>
              <a:off x="1857375"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80" name="Freeform 306">
              <a:extLst>
                <a:ext uri="{FF2B5EF4-FFF2-40B4-BE49-F238E27FC236}">
                  <a16:creationId xmlns:a16="http://schemas.microsoft.com/office/drawing/2014/main" xmlns="" id="{E253616B-6681-446A-8289-82C3E223A8CF}"/>
                </a:ext>
              </a:extLst>
            </p:cNvPr>
            <p:cNvSpPr>
              <a:spLocks/>
            </p:cNvSpPr>
            <p:nvPr/>
          </p:nvSpPr>
          <p:spPr bwMode="auto">
            <a:xfrm>
              <a:off x="1928813"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81" name="Freeform 307">
              <a:extLst>
                <a:ext uri="{FF2B5EF4-FFF2-40B4-BE49-F238E27FC236}">
                  <a16:creationId xmlns:a16="http://schemas.microsoft.com/office/drawing/2014/main" xmlns="" id="{1377613E-92AC-43B5-97AF-937CD85EA957}"/>
                </a:ext>
              </a:extLst>
            </p:cNvPr>
            <p:cNvSpPr>
              <a:spLocks/>
            </p:cNvSpPr>
            <p:nvPr/>
          </p:nvSpPr>
          <p:spPr bwMode="auto">
            <a:xfrm>
              <a:off x="2000250" y="1522413"/>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82" name="Freeform 308">
              <a:extLst>
                <a:ext uri="{FF2B5EF4-FFF2-40B4-BE49-F238E27FC236}">
                  <a16:creationId xmlns:a16="http://schemas.microsoft.com/office/drawing/2014/main" xmlns="" id="{44DDF5E6-FFB4-4282-89B9-FB58015353CD}"/>
                </a:ext>
              </a:extLst>
            </p:cNvPr>
            <p:cNvSpPr>
              <a:spLocks/>
            </p:cNvSpPr>
            <p:nvPr/>
          </p:nvSpPr>
          <p:spPr bwMode="auto">
            <a:xfrm>
              <a:off x="2073275"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83" name="Freeform 309">
              <a:extLst>
                <a:ext uri="{FF2B5EF4-FFF2-40B4-BE49-F238E27FC236}">
                  <a16:creationId xmlns:a16="http://schemas.microsoft.com/office/drawing/2014/main" xmlns="" id="{79CA045B-B4D2-43B7-A695-04B4253FE78D}"/>
                </a:ext>
              </a:extLst>
            </p:cNvPr>
            <p:cNvSpPr>
              <a:spLocks/>
            </p:cNvSpPr>
            <p:nvPr/>
          </p:nvSpPr>
          <p:spPr bwMode="auto">
            <a:xfrm>
              <a:off x="2144713"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84" name="Freeform 310">
              <a:extLst>
                <a:ext uri="{FF2B5EF4-FFF2-40B4-BE49-F238E27FC236}">
                  <a16:creationId xmlns:a16="http://schemas.microsoft.com/office/drawing/2014/main" xmlns="" id="{A7057762-EC55-4AFB-BC82-6C64ED8CFF53}"/>
                </a:ext>
              </a:extLst>
            </p:cNvPr>
            <p:cNvSpPr>
              <a:spLocks/>
            </p:cNvSpPr>
            <p:nvPr/>
          </p:nvSpPr>
          <p:spPr bwMode="auto">
            <a:xfrm>
              <a:off x="2271713" y="1514475"/>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85" name="Freeform 311">
              <a:extLst>
                <a:ext uri="{FF2B5EF4-FFF2-40B4-BE49-F238E27FC236}">
                  <a16:creationId xmlns:a16="http://schemas.microsoft.com/office/drawing/2014/main" xmlns="" id="{86A7299E-65A2-4835-9B06-3735322B4F5C}"/>
                </a:ext>
              </a:extLst>
            </p:cNvPr>
            <p:cNvSpPr>
              <a:spLocks/>
            </p:cNvSpPr>
            <p:nvPr/>
          </p:nvSpPr>
          <p:spPr bwMode="auto">
            <a:xfrm>
              <a:off x="2271713"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86" name="Freeform 312">
              <a:extLst>
                <a:ext uri="{FF2B5EF4-FFF2-40B4-BE49-F238E27FC236}">
                  <a16:creationId xmlns:a16="http://schemas.microsoft.com/office/drawing/2014/main" xmlns="" id="{2F1667C6-1AC7-45F0-8002-5536F152C409}"/>
                </a:ext>
              </a:extLst>
            </p:cNvPr>
            <p:cNvSpPr>
              <a:spLocks/>
            </p:cNvSpPr>
            <p:nvPr/>
          </p:nvSpPr>
          <p:spPr bwMode="auto">
            <a:xfrm>
              <a:off x="2305050" y="15446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87" name="Freeform 313">
              <a:extLst>
                <a:ext uri="{FF2B5EF4-FFF2-40B4-BE49-F238E27FC236}">
                  <a16:creationId xmlns:a16="http://schemas.microsoft.com/office/drawing/2014/main" xmlns="" id="{8E706600-5CFA-4947-B7AB-5FB43CAA5B8A}"/>
                </a:ext>
              </a:extLst>
            </p:cNvPr>
            <p:cNvSpPr>
              <a:spLocks/>
            </p:cNvSpPr>
            <p:nvPr/>
          </p:nvSpPr>
          <p:spPr bwMode="auto">
            <a:xfrm>
              <a:off x="2339975"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grpSp>
        <p:nvGrpSpPr>
          <p:cNvPr id="33" name="组合 314">
            <a:extLst>
              <a:ext uri="{FF2B5EF4-FFF2-40B4-BE49-F238E27FC236}">
                <a16:creationId xmlns:a16="http://schemas.microsoft.com/office/drawing/2014/main" xmlns="" id="{18F57176-2AA0-4EB8-89D9-9BF4A406DE04}"/>
              </a:ext>
            </a:extLst>
          </p:cNvPr>
          <p:cNvGrpSpPr>
            <a:grpSpLocks/>
          </p:cNvGrpSpPr>
          <p:nvPr/>
        </p:nvGrpSpPr>
        <p:grpSpPr bwMode="auto">
          <a:xfrm>
            <a:off x="3286463" y="4556442"/>
            <a:ext cx="607128" cy="717088"/>
            <a:chOff x="1789113" y="906463"/>
            <a:chExt cx="665163" cy="723900"/>
          </a:xfrm>
          <a:solidFill>
            <a:sysClr val="windowText" lastClr="000000">
              <a:lumMod val="65000"/>
              <a:lumOff val="35000"/>
            </a:sysClr>
          </a:solidFill>
        </p:grpSpPr>
        <p:sp>
          <p:nvSpPr>
            <p:cNvPr id="64" name="Freeform 252">
              <a:extLst>
                <a:ext uri="{FF2B5EF4-FFF2-40B4-BE49-F238E27FC236}">
                  <a16:creationId xmlns:a16="http://schemas.microsoft.com/office/drawing/2014/main" xmlns="" id="{5BA81F64-92B1-405C-A19A-3A597D466D44}"/>
                </a:ext>
              </a:extLst>
            </p:cNvPr>
            <p:cNvSpPr>
              <a:spLocks/>
            </p:cNvSpPr>
            <p:nvPr/>
          </p:nvSpPr>
          <p:spPr bwMode="auto">
            <a:xfrm>
              <a:off x="2243138" y="1571625"/>
              <a:ext cx="57150"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65" name="Freeform 253">
              <a:extLst>
                <a:ext uri="{FF2B5EF4-FFF2-40B4-BE49-F238E27FC236}">
                  <a16:creationId xmlns:a16="http://schemas.microsoft.com/office/drawing/2014/main" xmlns="" id="{1AE95D7D-87BE-4111-8A10-20244EC0DA6E}"/>
                </a:ext>
              </a:extLst>
            </p:cNvPr>
            <p:cNvSpPr>
              <a:spLocks/>
            </p:cNvSpPr>
            <p:nvPr/>
          </p:nvSpPr>
          <p:spPr bwMode="auto">
            <a:xfrm>
              <a:off x="2332038" y="157162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66" name="Freeform 254">
              <a:extLst>
                <a:ext uri="{FF2B5EF4-FFF2-40B4-BE49-F238E27FC236}">
                  <a16:creationId xmlns:a16="http://schemas.microsoft.com/office/drawing/2014/main" xmlns="" id="{F03B27F7-4230-438E-A8F8-7476EFC4EEF3}"/>
                </a:ext>
              </a:extLst>
            </p:cNvPr>
            <p:cNvSpPr>
              <a:spLocks/>
            </p:cNvSpPr>
            <p:nvPr/>
          </p:nvSpPr>
          <p:spPr bwMode="auto">
            <a:xfrm>
              <a:off x="1789113" y="906463"/>
              <a:ext cx="665163" cy="142875"/>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67" name="Freeform 255">
              <a:extLst>
                <a:ext uri="{FF2B5EF4-FFF2-40B4-BE49-F238E27FC236}">
                  <a16:creationId xmlns:a16="http://schemas.microsoft.com/office/drawing/2014/main" xmlns="" id="{380F62AF-B23A-4407-BF4F-B1939B3A720C}"/>
                </a:ext>
              </a:extLst>
            </p:cNvPr>
            <p:cNvSpPr>
              <a:spLocks/>
            </p:cNvSpPr>
            <p:nvPr/>
          </p:nvSpPr>
          <p:spPr bwMode="auto">
            <a:xfrm>
              <a:off x="1857375"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68" name="Freeform 256">
              <a:extLst>
                <a:ext uri="{FF2B5EF4-FFF2-40B4-BE49-F238E27FC236}">
                  <a16:creationId xmlns:a16="http://schemas.microsoft.com/office/drawing/2014/main" xmlns="" id="{A46885A8-7363-4CC1-B870-8BED94FEAD35}"/>
                </a:ext>
              </a:extLst>
            </p:cNvPr>
            <p:cNvSpPr>
              <a:spLocks/>
            </p:cNvSpPr>
            <p:nvPr/>
          </p:nvSpPr>
          <p:spPr bwMode="auto">
            <a:xfrm>
              <a:off x="1928813"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69" name="Freeform 257">
              <a:extLst>
                <a:ext uri="{FF2B5EF4-FFF2-40B4-BE49-F238E27FC236}">
                  <a16:creationId xmlns:a16="http://schemas.microsoft.com/office/drawing/2014/main" xmlns="" id="{75030DFB-F729-4A08-A8DB-E9E404E1D3FA}"/>
                </a:ext>
              </a:extLst>
            </p:cNvPr>
            <p:cNvSpPr>
              <a:spLocks/>
            </p:cNvSpPr>
            <p:nvPr/>
          </p:nvSpPr>
          <p:spPr bwMode="auto">
            <a:xfrm>
              <a:off x="2000250" y="955675"/>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0" name="Freeform 258">
              <a:extLst>
                <a:ext uri="{FF2B5EF4-FFF2-40B4-BE49-F238E27FC236}">
                  <a16:creationId xmlns:a16="http://schemas.microsoft.com/office/drawing/2014/main" xmlns="" id="{3FE16E4E-F679-4D53-BFF7-EF9BB4AA0655}"/>
                </a:ext>
              </a:extLst>
            </p:cNvPr>
            <p:cNvSpPr>
              <a:spLocks/>
            </p:cNvSpPr>
            <p:nvPr/>
          </p:nvSpPr>
          <p:spPr bwMode="auto">
            <a:xfrm>
              <a:off x="2073275"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1" name="Freeform 259">
              <a:extLst>
                <a:ext uri="{FF2B5EF4-FFF2-40B4-BE49-F238E27FC236}">
                  <a16:creationId xmlns:a16="http://schemas.microsoft.com/office/drawing/2014/main" xmlns="" id="{DB118D4A-5EA2-415A-8F41-315A9905C066}"/>
                </a:ext>
              </a:extLst>
            </p:cNvPr>
            <p:cNvSpPr>
              <a:spLocks/>
            </p:cNvSpPr>
            <p:nvPr/>
          </p:nvSpPr>
          <p:spPr bwMode="auto">
            <a:xfrm>
              <a:off x="2144713"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2" name="Freeform 260">
              <a:extLst>
                <a:ext uri="{FF2B5EF4-FFF2-40B4-BE49-F238E27FC236}">
                  <a16:creationId xmlns:a16="http://schemas.microsoft.com/office/drawing/2014/main" xmlns="" id="{56DBA0B6-DC3F-47FD-A938-9542B815778E}"/>
                </a:ext>
              </a:extLst>
            </p:cNvPr>
            <p:cNvSpPr>
              <a:spLocks/>
            </p:cNvSpPr>
            <p:nvPr/>
          </p:nvSpPr>
          <p:spPr bwMode="auto">
            <a:xfrm>
              <a:off x="2271713" y="947738"/>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3" name="Freeform 261">
              <a:extLst>
                <a:ext uri="{FF2B5EF4-FFF2-40B4-BE49-F238E27FC236}">
                  <a16:creationId xmlns:a16="http://schemas.microsoft.com/office/drawing/2014/main" xmlns="" id="{E53F6891-BD1B-452D-BBAF-2B4576266043}"/>
                </a:ext>
              </a:extLst>
            </p:cNvPr>
            <p:cNvSpPr>
              <a:spLocks/>
            </p:cNvSpPr>
            <p:nvPr/>
          </p:nvSpPr>
          <p:spPr bwMode="auto">
            <a:xfrm>
              <a:off x="2271713"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4" name="Freeform 262">
              <a:extLst>
                <a:ext uri="{FF2B5EF4-FFF2-40B4-BE49-F238E27FC236}">
                  <a16:creationId xmlns:a16="http://schemas.microsoft.com/office/drawing/2014/main" xmlns="" id="{4F3B269D-59E4-46A7-BB36-00725797E50B}"/>
                </a:ext>
              </a:extLst>
            </p:cNvPr>
            <p:cNvSpPr>
              <a:spLocks/>
            </p:cNvSpPr>
            <p:nvPr/>
          </p:nvSpPr>
          <p:spPr bwMode="auto">
            <a:xfrm>
              <a:off x="2305050" y="977900"/>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5" name="Freeform 263">
              <a:extLst>
                <a:ext uri="{FF2B5EF4-FFF2-40B4-BE49-F238E27FC236}">
                  <a16:creationId xmlns:a16="http://schemas.microsoft.com/office/drawing/2014/main" xmlns="" id="{8CCFE104-742C-4E2F-B0B9-5D2626D74A86}"/>
                </a:ext>
              </a:extLst>
            </p:cNvPr>
            <p:cNvSpPr>
              <a:spLocks/>
            </p:cNvSpPr>
            <p:nvPr/>
          </p:nvSpPr>
          <p:spPr bwMode="auto">
            <a:xfrm>
              <a:off x="2339975"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6" name="Freeform 264">
              <a:extLst>
                <a:ext uri="{FF2B5EF4-FFF2-40B4-BE49-F238E27FC236}">
                  <a16:creationId xmlns:a16="http://schemas.microsoft.com/office/drawing/2014/main" xmlns="" id="{E768E4CD-7C3A-4C45-B525-A8566131739B}"/>
                </a:ext>
              </a:extLst>
            </p:cNvPr>
            <p:cNvSpPr>
              <a:spLocks/>
            </p:cNvSpPr>
            <p:nvPr/>
          </p:nvSpPr>
          <p:spPr bwMode="auto">
            <a:xfrm>
              <a:off x="1789113" y="1020763"/>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7" name="Freeform 265">
              <a:extLst>
                <a:ext uri="{FF2B5EF4-FFF2-40B4-BE49-F238E27FC236}">
                  <a16:creationId xmlns:a16="http://schemas.microsoft.com/office/drawing/2014/main" xmlns="" id="{34AF5F71-2E78-497D-B1A2-926D137E582E}"/>
                </a:ext>
              </a:extLst>
            </p:cNvPr>
            <p:cNvSpPr>
              <a:spLocks/>
            </p:cNvSpPr>
            <p:nvPr/>
          </p:nvSpPr>
          <p:spPr bwMode="auto">
            <a:xfrm>
              <a:off x="1857375"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8" name="Freeform 266">
              <a:extLst>
                <a:ext uri="{FF2B5EF4-FFF2-40B4-BE49-F238E27FC236}">
                  <a16:creationId xmlns:a16="http://schemas.microsoft.com/office/drawing/2014/main" xmlns="" id="{42295E16-3998-45CD-A562-62A82E5E0BF1}"/>
                </a:ext>
              </a:extLst>
            </p:cNvPr>
            <p:cNvSpPr>
              <a:spLocks/>
            </p:cNvSpPr>
            <p:nvPr/>
          </p:nvSpPr>
          <p:spPr bwMode="auto">
            <a:xfrm>
              <a:off x="1928813"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9" name="Freeform 267">
              <a:extLst>
                <a:ext uri="{FF2B5EF4-FFF2-40B4-BE49-F238E27FC236}">
                  <a16:creationId xmlns:a16="http://schemas.microsoft.com/office/drawing/2014/main" xmlns="" id="{17114BC0-1725-403D-859C-DA2D174B14E0}"/>
                </a:ext>
              </a:extLst>
            </p:cNvPr>
            <p:cNvSpPr>
              <a:spLocks/>
            </p:cNvSpPr>
            <p:nvPr/>
          </p:nvSpPr>
          <p:spPr bwMode="auto">
            <a:xfrm>
              <a:off x="2000250" y="10683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0" name="Freeform 268">
              <a:extLst>
                <a:ext uri="{FF2B5EF4-FFF2-40B4-BE49-F238E27FC236}">
                  <a16:creationId xmlns:a16="http://schemas.microsoft.com/office/drawing/2014/main" xmlns="" id="{643D232D-0759-4536-8EBC-1BD462923644}"/>
                </a:ext>
              </a:extLst>
            </p:cNvPr>
            <p:cNvSpPr>
              <a:spLocks/>
            </p:cNvSpPr>
            <p:nvPr/>
          </p:nvSpPr>
          <p:spPr bwMode="auto">
            <a:xfrm>
              <a:off x="2073275"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1" name="Freeform 269">
              <a:extLst>
                <a:ext uri="{FF2B5EF4-FFF2-40B4-BE49-F238E27FC236}">
                  <a16:creationId xmlns:a16="http://schemas.microsoft.com/office/drawing/2014/main" xmlns="" id="{18056E8B-93F9-4D2E-BC4F-C88C6EF68C75}"/>
                </a:ext>
              </a:extLst>
            </p:cNvPr>
            <p:cNvSpPr>
              <a:spLocks/>
            </p:cNvSpPr>
            <p:nvPr/>
          </p:nvSpPr>
          <p:spPr bwMode="auto">
            <a:xfrm>
              <a:off x="2144713"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2" name="Freeform 270">
              <a:extLst>
                <a:ext uri="{FF2B5EF4-FFF2-40B4-BE49-F238E27FC236}">
                  <a16:creationId xmlns:a16="http://schemas.microsoft.com/office/drawing/2014/main" xmlns="" id="{B7304286-9E03-4E69-8B48-56EFEF83828E}"/>
                </a:ext>
              </a:extLst>
            </p:cNvPr>
            <p:cNvSpPr>
              <a:spLocks/>
            </p:cNvSpPr>
            <p:nvPr/>
          </p:nvSpPr>
          <p:spPr bwMode="auto">
            <a:xfrm>
              <a:off x="2271713" y="1062038"/>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3" name="Freeform 271">
              <a:extLst>
                <a:ext uri="{FF2B5EF4-FFF2-40B4-BE49-F238E27FC236}">
                  <a16:creationId xmlns:a16="http://schemas.microsoft.com/office/drawing/2014/main" xmlns="" id="{54998EB1-9040-4882-B32C-1D56996276D4}"/>
                </a:ext>
              </a:extLst>
            </p:cNvPr>
            <p:cNvSpPr>
              <a:spLocks/>
            </p:cNvSpPr>
            <p:nvPr/>
          </p:nvSpPr>
          <p:spPr bwMode="auto">
            <a:xfrm>
              <a:off x="2271713"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4" name="Freeform 272">
              <a:extLst>
                <a:ext uri="{FF2B5EF4-FFF2-40B4-BE49-F238E27FC236}">
                  <a16:creationId xmlns:a16="http://schemas.microsoft.com/office/drawing/2014/main" xmlns="" id="{468B4726-24BA-4793-81E7-F5D2283A4634}"/>
                </a:ext>
              </a:extLst>
            </p:cNvPr>
            <p:cNvSpPr>
              <a:spLocks/>
            </p:cNvSpPr>
            <p:nvPr/>
          </p:nvSpPr>
          <p:spPr bwMode="auto">
            <a:xfrm>
              <a:off x="2305050" y="1090613"/>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5" name="Freeform 273">
              <a:extLst>
                <a:ext uri="{FF2B5EF4-FFF2-40B4-BE49-F238E27FC236}">
                  <a16:creationId xmlns:a16="http://schemas.microsoft.com/office/drawing/2014/main" xmlns="" id="{E5DF0713-7658-48ED-9E28-B15F10889BB7}"/>
                </a:ext>
              </a:extLst>
            </p:cNvPr>
            <p:cNvSpPr>
              <a:spLocks/>
            </p:cNvSpPr>
            <p:nvPr/>
          </p:nvSpPr>
          <p:spPr bwMode="auto">
            <a:xfrm>
              <a:off x="2339975"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6" name="Freeform 274">
              <a:extLst>
                <a:ext uri="{FF2B5EF4-FFF2-40B4-BE49-F238E27FC236}">
                  <a16:creationId xmlns:a16="http://schemas.microsoft.com/office/drawing/2014/main" xmlns="" id="{50238DAC-5E3F-47D2-A748-2A8B580F9828}"/>
                </a:ext>
              </a:extLst>
            </p:cNvPr>
            <p:cNvSpPr>
              <a:spLocks/>
            </p:cNvSpPr>
            <p:nvPr/>
          </p:nvSpPr>
          <p:spPr bwMode="auto">
            <a:xfrm>
              <a:off x="1789113" y="11334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7" name="Freeform 275">
              <a:extLst>
                <a:ext uri="{FF2B5EF4-FFF2-40B4-BE49-F238E27FC236}">
                  <a16:creationId xmlns:a16="http://schemas.microsoft.com/office/drawing/2014/main" xmlns="" id="{16BFD20C-2D1B-4016-978C-5360046274BE}"/>
                </a:ext>
              </a:extLst>
            </p:cNvPr>
            <p:cNvSpPr>
              <a:spLocks/>
            </p:cNvSpPr>
            <p:nvPr/>
          </p:nvSpPr>
          <p:spPr bwMode="auto">
            <a:xfrm>
              <a:off x="1857375"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8" name="Freeform 276">
              <a:extLst>
                <a:ext uri="{FF2B5EF4-FFF2-40B4-BE49-F238E27FC236}">
                  <a16:creationId xmlns:a16="http://schemas.microsoft.com/office/drawing/2014/main" xmlns="" id="{BE657196-740F-4111-8BC0-631D3D74033B}"/>
                </a:ext>
              </a:extLst>
            </p:cNvPr>
            <p:cNvSpPr>
              <a:spLocks/>
            </p:cNvSpPr>
            <p:nvPr/>
          </p:nvSpPr>
          <p:spPr bwMode="auto">
            <a:xfrm>
              <a:off x="1928813"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89" name="Freeform 277">
              <a:extLst>
                <a:ext uri="{FF2B5EF4-FFF2-40B4-BE49-F238E27FC236}">
                  <a16:creationId xmlns:a16="http://schemas.microsoft.com/office/drawing/2014/main" xmlns="" id="{7EBBD162-43F3-40C6-B764-DE1C91074F0A}"/>
                </a:ext>
              </a:extLst>
            </p:cNvPr>
            <p:cNvSpPr>
              <a:spLocks/>
            </p:cNvSpPr>
            <p:nvPr/>
          </p:nvSpPr>
          <p:spPr bwMode="auto">
            <a:xfrm>
              <a:off x="2000250" y="11826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0" name="Freeform 278">
              <a:extLst>
                <a:ext uri="{FF2B5EF4-FFF2-40B4-BE49-F238E27FC236}">
                  <a16:creationId xmlns:a16="http://schemas.microsoft.com/office/drawing/2014/main" xmlns="" id="{AD9B109D-4279-4C11-AE51-246B5863BA6F}"/>
                </a:ext>
              </a:extLst>
            </p:cNvPr>
            <p:cNvSpPr>
              <a:spLocks/>
            </p:cNvSpPr>
            <p:nvPr/>
          </p:nvSpPr>
          <p:spPr bwMode="auto">
            <a:xfrm>
              <a:off x="2073275"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1" name="Freeform 279">
              <a:extLst>
                <a:ext uri="{FF2B5EF4-FFF2-40B4-BE49-F238E27FC236}">
                  <a16:creationId xmlns:a16="http://schemas.microsoft.com/office/drawing/2014/main" xmlns="" id="{D5EFA886-3E61-42F6-A488-2AFC1E483BB9}"/>
                </a:ext>
              </a:extLst>
            </p:cNvPr>
            <p:cNvSpPr>
              <a:spLocks/>
            </p:cNvSpPr>
            <p:nvPr/>
          </p:nvSpPr>
          <p:spPr bwMode="auto">
            <a:xfrm>
              <a:off x="2144713"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2" name="Freeform 280">
              <a:extLst>
                <a:ext uri="{FF2B5EF4-FFF2-40B4-BE49-F238E27FC236}">
                  <a16:creationId xmlns:a16="http://schemas.microsoft.com/office/drawing/2014/main" xmlns="" id="{0071BCD9-96A4-401A-AFDC-30DE8AA79171}"/>
                </a:ext>
              </a:extLst>
            </p:cNvPr>
            <p:cNvSpPr>
              <a:spLocks/>
            </p:cNvSpPr>
            <p:nvPr/>
          </p:nvSpPr>
          <p:spPr bwMode="auto">
            <a:xfrm>
              <a:off x="2271713" y="1174750"/>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3" name="Freeform 281">
              <a:extLst>
                <a:ext uri="{FF2B5EF4-FFF2-40B4-BE49-F238E27FC236}">
                  <a16:creationId xmlns:a16="http://schemas.microsoft.com/office/drawing/2014/main" xmlns="" id="{CDA16E86-398A-434D-8375-C7685EC0A675}"/>
                </a:ext>
              </a:extLst>
            </p:cNvPr>
            <p:cNvSpPr>
              <a:spLocks/>
            </p:cNvSpPr>
            <p:nvPr/>
          </p:nvSpPr>
          <p:spPr bwMode="auto">
            <a:xfrm>
              <a:off x="2271713"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4" name="Freeform 282">
              <a:extLst>
                <a:ext uri="{FF2B5EF4-FFF2-40B4-BE49-F238E27FC236}">
                  <a16:creationId xmlns:a16="http://schemas.microsoft.com/office/drawing/2014/main" xmlns="" id="{25499C33-4DE1-44E1-BA86-83CF2FC1B169}"/>
                </a:ext>
              </a:extLst>
            </p:cNvPr>
            <p:cNvSpPr>
              <a:spLocks/>
            </p:cNvSpPr>
            <p:nvPr/>
          </p:nvSpPr>
          <p:spPr bwMode="auto">
            <a:xfrm>
              <a:off x="2305050" y="1204913"/>
              <a:ext cx="22225"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5" name="Freeform 283">
              <a:extLst>
                <a:ext uri="{FF2B5EF4-FFF2-40B4-BE49-F238E27FC236}">
                  <a16:creationId xmlns:a16="http://schemas.microsoft.com/office/drawing/2014/main" xmlns="" id="{B10C612D-C119-4586-98BF-26E7E5FD0D09}"/>
                </a:ext>
              </a:extLst>
            </p:cNvPr>
            <p:cNvSpPr>
              <a:spLocks/>
            </p:cNvSpPr>
            <p:nvPr/>
          </p:nvSpPr>
          <p:spPr bwMode="auto">
            <a:xfrm>
              <a:off x="2339975"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6" name="Freeform 284">
              <a:extLst>
                <a:ext uri="{FF2B5EF4-FFF2-40B4-BE49-F238E27FC236}">
                  <a16:creationId xmlns:a16="http://schemas.microsoft.com/office/drawing/2014/main" xmlns="" id="{7BA1D04B-D6B5-402C-B276-DE0CCB1E188C}"/>
                </a:ext>
              </a:extLst>
            </p:cNvPr>
            <p:cNvSpPr>
              <a:spLocks/>
            </p:cNvSpPr>
            <p:nvPr/>
          </p:nvSpPr>
          <p:spPr bwMode="auto">
            <a:xfrm>
              <a:off x="1789113" y="12477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7" name="Freeform 285">
              <a:extLst>
                <a:ext uri="{FF2B5EF4-FFF2-40B4-BE49-F238E27FC236}">
                  <a16:creationId xmlns:a16="http://schemas.microsoft.com/office/drawing/2014/main" xmlns="" id="{553D5FC8-EDA1-4144-9333-412CC8197618}"/>
                </a:ext>
              </a:extLst>
            </p:cNvPr>
            <p:cNvSpPr>
              <a:spLocks/>
            </p:cNvSpPr>
            <p:nvPr/>
          </p:nvSpPr>
          <p:spPr bwMode="auto">
            <a:xfrm>
              <a:off x="1857375"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8" name="Freeform 286">
              <a:extLst>
                <a:ext uri="{FF2B5EF4-FFF2-40B4-BE49-F238E27FC236}">
                  <a16:creationId xmlns:a16="http://schemas.microsoft.com/office/drawing/2014/main" xmlns="" id="{84058828-7962-4AD9-989A-4383B7E68490}"/>
                </a:ext>
              </a:extLst>
            </p:cNvPr>
            <p:cNvSpPr>
              <a:spLocks/>
            </p:cNvSpPr>
            <p:nvPr/>
          </p:nvSpPr>
          <p:spPr bwMode="auto">
            <a:xfrm>
              <a:off x="1928813"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99" name="Freeform 287">
              <a:extLst>
                <a:ext uri="{FF2B5EF4-FFF2-40B4-BE49-F238E27FC236}">
                  <a16:creationId xmlns:a16="http://schemas.microsoft.com/office/drawing/2014/main" xmlns="" id="{C9961F2C-57E2-4B7F-B033-943C367BD4B2}"/>
                </a:ext>
              </a:extLst>
            </p:cNvPr>
            <p:cNvSpPr>
              <a:spLocks/>
            </p:cNvSpPr>
            <p:nvPr/>
          </p:nvSpPr>
          <p:spPr bwMode="auto">
            <a:xfrm>
              <a:off x="2000250" y="1295400"/>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0" name="Freeform 288">
              <a:extLst>
                <a:ext uri="{FF2B5EF4-FFF2-40B4-BE49-F238E27FC236}">
                  <a16:creationId xmlns:a16="http://schemas.microsoft.com/office/drawing/2014/main" xmlns="" id="{DB13460E-CDDE-458E-8FAC-F3B08C25F37B}"/>
                </a:ext>
              </a:extLst>
            </p:cNvPr>
            <p:cNvSpPr>
              <a:spLocks/>
            </p:cNvSpPr>
            <p:nvPr/>
          </p:nvSpPr>
          <p:spPr bwMode="auto">
            <a:xfrm>
              <a:off x="2073275"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1" name="Freeform 289">
              <a:extLst>
                <a:ext uri="{FF2B5EF4-FFF2-40B4-BE49-F238E27FC236}">
                  <a16:creationId xmlns:a16="http://schemas.microsoft.com/office/drawing/2014/main" xmlns="" id="{8ECF5109-4D13-4735-B0C9-522B2E33152B}"/>
                </a:ext>
              </a:extLst>
            </p:cNvPr>
            <p:cNvSpPr>
              <a:spLocks/>
            </p:cNvSpPr>
            <p:nvPr/>
          </p:nvSpPr>
          <p:spPr bwMode="auto">
            <a:xfrm>
              <a:off x="2144713"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2" name="Freeform 290">
              <a:extLst>
                <a:ext uri="{FF2B5EF4-FFF2-40B4-BE49-F238E27FC236}">
                  <a16:creationId xmlns:a16="http://schemas.microsoft.com/office/drawing/2014/main" xmlns="" id="{165D5A91-960A-4FED-BA68-D3AFE34A5D53}"/>
                </a:ext>
              </a:extLst>
            </p:cNvPr>
            <p:cNvSpPr>
              <a:spLocks/>
            </p:cNvSpPr>
            <p:nvPr/>
          </p:nvSpPr>
          <p:spPr bwMode="auto">
            <a:xfrm>
              <a:off x="2271713" y="1289050"/>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3" name="Freeform 291">
              <a:extLst>
                <a:ext uri="{FF2B5EF4-FFF2-40B4-BE49-F238E27FC236}">
                  <a16:creationId xmlns:a16="http://schemas.microsoft.com/office/drawing/2014/main" xmlns="" id="{6DAD740F-0EC3-46DE-88EE-4726C2B87379}"/>
                </a:ext>
              </a:extLst>
            </p:cNvPr>
            <p:cNvSpPr>
              <a:spLocks/>
            </p:cNvSpPr>
            <p:nvPr/>
          </p:nvSpPr>
          <p:spPr bwMode="auto">
            <a:xfrm>
              <a:off x="2271713"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4" name="Freeform 292">
              <a:extLst>
                <a:ext uri="{FF2B5EF4-FFF2-40B4-BE49-F238E27FC236}">
                  <a16:creationId xmlns:a16="http://schemas.microsoft.com/office/drawing/2014/main" xmlns="" id="{73D5BB09-A66A-40BB-A067-9100E730CC70}"/>
                </a:ext>
              </a:extLst>
            </p:cNvPr>
            <p:cNvSpPr>
              <a:spLocks/>
            </p:cNvSpPr>
            <p:nvPr/>
          </p:nvSpPr>
          <p:spPr bwMode="auto">
            <a:xfrm>
              <a:off x="2305050" y="1317625"/>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5" name="Freeform 293">
              <a:extLst>
                <a:ext uri="{FF2B5EF4-FFF2-40B4-BE49-F238E27FC236}">
                  <a16:creationId xmlns:a16="http://schemas.microsoft.com/office/drawing/2014/main" xmlns="" id="{FB2A80AB-D3F3-4D21-B66A-ACBCFC1DE1F1}"/>
                </a:ext>
              </a:extLst>
            </p:cNvPr>
            <p:cNvSpPr>
              <a:spLocks/>
            </p:cNvSpPr>
            <p:nvPr/>
          </p:nvSpPr>
          <p:spPr bwMode="auto">
            <a:xfrm>
              <a:off x="2339975"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6" name="Freeform 294">
              <a:extLst>
                <a:ext uri="{FF2B5EF4-FFF2-40B4-BE49-F238E27FC236}">
                  <a16:creationId xmlns:a16="http://schemas.microsoft.com/office/drawing/2014/main" xmlns="" id="{A72F41EE-BCC7-460C-9708-6AC72F41AA2E}"/>
                </a:ext>
              </a:extLst>
            </p:cNvPr>
            <p:cNvSpPr>
              <a:spLocks/>
            </p:cNvSpPr>
            <p:nvPr/>
          </p:nvSpPr>
          <p:spPr bwMode="auto">
            <a:xfrm>
              <a:off x="1789113" y="1360488"/>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7" name="Freeform 295">
              <a:extLst>
                <a:ext uri="{FF2B5EF4-FFF2-40B4-BE49-F238E27FC236}">
                  <a16:creationId xmlns:a16="http://schemas.microsoft.com/office/drawing/2014/main" xmlns="" id="{DD09A1BD-A19C-40BB-B874-326B87D12FDF}"/>
                </a:ext>
              </a:extLst>
            </p:cNvPr>
            <p:cNvSpPr>
              <a:spLocks/>
            </p:cNvSpPr>
            <p:nvPr/>
          </p:nvSpPr>
          <p:spPr bwMode="auto">
            <a:xfrm>
              <a:off x="1857375"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8" name="Freeform 296">
              <a:extLst>
                <a:ext uri="{FF2B5EF4-FFF2-40B4-BE49-F238E27FC236}">
                  <a16:creationId xmlns:a16="http://schemas.microsoft.com/office/drawing/2014/main" xmlns="" id="{55005EED-3681-4B10-9E2C-F97D8A3390C0}"/>
                </a:ext>
              </a:extLst>
            </p:cNvPr>
            <p:cNvSpPr>
              <a:spLocks/>
            </p:cNvSpPr>
            <p:nvPr/>
          </p:nvSpPr>
          <p:spPr bwMode="auto">
            <a:xfrm>
              <a:off x="1928813"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09" name="Freeform 297">
              <a:extLst>
                <a:ext uri="{FF2B5EF4-FFF2-40B4-BE49-F238E27FC236}">
                  <a16:creationId xmlns:a16="http://schemas.microsoft.com/office/drawing/2014/main" xmlns="" id="{46297BED-3F96-4D7B-A6E4-5EE43818C071}"/>
                </a:ext>
              </a:extLst>
            </p:cNvPr>
            <p:cNvSpPr>
              <a:spLocks/>
            </p:cNvSpPr>
            <p:nvPr/>
          </p:nvSpPr>
          <p:spPr bwMode="auto">
            <a:xfrm>
              <a:off x="2000250" y="1408113"/>
              <a:ext cx="49213"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0" name="Freeform 298">
              <a:extLst>
                <a:ext uri="{FF2B5EF4-FFF2-40B4-BE49-F238E27FC236}">
                  <a16:creationId xmlns:a16="http://schemas.microsoft.com/office/drawing/2014/main" xmlns="" id="{B597DC22-2188-4AD6-AF5D-0A353BF647CB}"/>
                </a:ext>
              </a:extLst>
            </p:cNvPr>
            <p:cNvSpPr>
              <a:spLocks/>
            </p:cNvSpPr>
            <p:nvPr/>
          </p:nvSpPr>
          <p:spPr bwMode="auto">
            <a:xfrm>
              <a:off x="2073275"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1" name="Freeform 299">
              <a:extLst>
                <a:ext uri="{FF2B5EF4-FFF2-40B4-BE49-F238E27FC236}">
                  <a16:creationId xmlns:a16="http://schemas.microsoft.com/office/drawing/2014/main" xmlns="" id="{1953AAEE-608A-490A-B655-3BB6CDA394C9}"/>
                </a:ext>
              </a:extLst>
            </p:cNvPr>
            <p:cNvSpPr>
              <a:spLocks/>
            </p:cNvSpPr>
            <p:nvPr/>
          </p:nvSpPr>
          <p:spPr bwMode="auto">
            <a:xfrm>
              <a:off x="2144713"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2" name="Freeform 300">
              <a:extLst>
                <a:ext uri="{FF2B5EF4-FFF2-40B4-BE49-F238E27FC236}">
                  <a16:creationId xmlns:a16="http://schemas.microsoft.com/office/drawing/2014/main" xmlns="" id="{53803D84-7A90-492C-A7FE-5A94BBC78D94}"/>
                </a:ext>
              </a:extLst>
            </p:cNvPr>
            <p:cNvSpPr>
              <a:spLocks/>
            </p:cNvSpPr>
            <p:nvPr/>
          </p:nvSpPr>
          <p:spPr bwMode="auto">
            <a:xfrm>
              <a:off x="2271713" y="1401763"/>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3" name="Freeform 301">
              <a:extLst>
                <a:ext uri="{FF2B5EF4-FFF2-40B4-BE49-F238E27FC236}">
                  <a16:creationId xmlns:a16="http://schemas.microsoft.com/office/drawing/2014/main" xmlns="" id="{8C578769-1231-4326-AA0E-E02049E56AE1}"/>
                </a:ext>
              </a:extLst>
            </p:cNvPr>
            <p:cNvSpPr>
              <a:spLocks/>
            </p:cNvSpPr>
            <p:nvPr/>
          </p:nvSpPr>
          <p:spPr bwMode="auto">
            <a:xfrm>
              <a:off x="2271713"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4" name="Freeform 302">
              <a:extLst>
                <a:ext uri="{FF2B5EF4-FFF2-40B4-BE49-F238E27FC236}">
                  <a16:creationId xmlns:a16="http://schemas.microsoft.com/office/drawing/2014/main" xmlns="" id="{1304E667-00CD-4978-A1C4-4E3CCED8332E}"/>
                </a:ext>
              </a:extLst>
            </p:cNvPr>
            <p:cNvSpPr>
              <a:spLocks/>
            </p:cNvSpPr>
            <p:nvPr/>
          </p:nvSpPr>
          <p:spPr bwMode="auto">
            <a:xfrm>
              <a:off x="2305050" y="14303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5" name="Freeform 303">
              <a:extLst>
                <a:ext uri="{FF2B5EF4-FFF2-40B4-BE49-F238E27FC236}">
                  <a16:creationId xmlns:a16="http://schemas.microsoft.com/office/drawing/2014/main" xmlns="" id="{B04E8FA6-44D3-466B-BA9B-C6A5A9FDD02A}"/>
                </a:ext>
              </a:extLst>
            </p:cNvPr>
            <p:cNvSpPr>
              <a:spLocks/>
            </p:cNvSpPr>
            <p:nvPr/>
          </p:nvSpPr>
          <p:spPr bwMode="auto">
            <a:xfrm>
              <a:off x="2339975"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6" name="Freeform 304">
              <a:extLst>
                <a:ext uri="{FF2B5EF4-FFF2-40B4-BE49-F238E27FC236}">
                  <a16:creationId xmlns:a16="http://schemas.microsoft.com/office/drawing/2014/main" xmlns="" id="{F83321C5-2641-4E79-BBAC-EF4362EF174D}"/>
                </a:ext>
              </a:extLst>
            </p:cNvPr>
            <p:cNvSpPr>
              <a:spLocks/>
            </p:cNvSpPr>
            <p:nvPr/>
          </p:nvSpPr>
          <p:spPr bwMode="auto">
            <a:xfrm>
              <a:off x="1789113" y="1473200"/>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7" name="Freeform 305">
              <a:extLst>
                <a:ext uri="{FF2B5EF4-FFF2-40B4-BE49-F238E27FC236}">
                  <a16:creationId xmlns:a16="http://schemas.microsoft.com/office/drawing/2014/main" xmlns="" id="{8DCE89F9-5D42-4F00-BF1A-A6EB2CFBF363}"/>
                </a:ext>
              </a:extLst>
            </p:cNvPr>
            <p:cNvSpPr>
              <a:spLocks/>
            </p:cNvSpPr>
            <p:nvPr/>
          </p:nvSpPr>
          <p:spPr bwMode="auto">
            <a:xfrm>
              <a:off x="1857375"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8" name="Freeform 306">
              <a:extLst>
                <a:ext uri="{FF2B5EF4-FFF2-40B4-BE49-F238E27FC236}">
                  <a16:creationId xmlns:a16="http://schemas.microsoft.com/office/drawing/2014/main" xmlns="" id="{9A03BBD4-F172-4D07-9358-D611CBB66011}"/>
                </a:ext>
              </a:extLst>
            </p:cNvPr>
            <p:cNvSpPr>
              <a:spLocks/>
            </p:cNvSpPr>
            <p:nvPr/>
          </p:nvSpPr>
          <p:spPr bwMode="auto">
            <a:xfrm>
              <a:off x="1928813"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19" name="Freeform 307">
              <a:extLst>
                <a:ext uri="{FF2B5EF4-FFF2-40B4-BE49-F238E27FC236}">
                  <a16:creationId xmlns:a16="http://schemas.microsoft.com/office/drawing/2014/main" xmlns="" id="{3322A69B-497D-4658-85BA-E860BFCDF469}"/>
                </a:ext>
              </a:extLst>
            </p:cNvPr>
            <p:cNvSpPr>
              <a:spLocks/>
            </p:cNvSpPr>
            <p:nvPr/>
          </p:nvSpPr>
          <p:spPr bwMode="auto">
            <a:xfrm>
              <a:off x="2000250" y="1522413"/>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20" name="Freeform 308">
              <a:extLst>
                <a:ext uri="{FF2B5EF4-FFF2-40B4-BE49-F238E27FC236}">
                  <a16:creationId xmlns:a16="http://schemas.microsoft.com/office/drawing/2014/main" xmlns="" id="{BFD005FB-0040-40AF-AB52-FF73441551FA}"/>
                </a:ext>
              </a:extLst>
            </p:cNvPr>
            <p:cNvSpPr>
              <a:spLocks/>
            </p:cNvSpPr>
            <p:nvPr/>
          </p:nvSpPr>
          <p:spPr bwMode="auto">
            <a:xfrm>
              <a:off x="2073275"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21" name="Freeform 309">
              <a:extLst>
                <a:ext uri="{FF2B5EF4-FFF2-40B4-BE49-F238E27FC236}">
                  <a16:creationId xmlns:a16="http://schemas.microsoft.com/office/drawing/2014/main" xmlns="" id="{0D0091C4-51C0-4D93-AB69-94C70F11CBC9}"/>
                </a:ext>
              </a:extLst>
            </p:cNvPr>
            <p:cNvSpPr>
              <a:spLocks/>
            </p:cNvSpPr>
            <p:nvPr/>
          </p:nvSpPr>
          <p:spPr bwMode="auto">
            <a:xfrm>
              <a:off x="2144713"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22" name="Freeform 310">
              <a:extLst>
                <a:ext uri="{FF2B5EF4-FFF2-40B4-BE49-F238E27FC236}">
                  <a16:creationId xmlns:a16="http://schemas.microsoft.com/office/drawing/2014/main" xmlns="" id="{15490446-1046-4BFD-B237-B0F726AA1131}"/>
                </a:ext>
              </a:extLst>
            </p:cNvPr>
            <p:cNvSpPr>
              <a:spLocks/>
            </p:cNvSpPr>
            <p:nvPr/>
          </p:nvSpPr>
          <p:spPr bwMode="auto">
            <a:xfrm>
              <a:off x="2271713" y="1514475"/>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23" name="Freeform 311">
              <a:extLst>
                <a:ext uri="{FF2B5EF4-FFF2-40B4-BE49-F238E27FC236}">
                  <a16:creationId xmlns:a16="http://schemas.microsoft.com/office/drawing/2014/main" xmlns="" id="{41BBB5F9-B579-4803-807D-F908B6A1A50A}"/>
                </a:ext>
              </a:extLst>
            </p:cNvPr>
            <p:cNvSpPr>
              <a:spLocks/>
            </p:cNvSpPr>
            <p:nvPr/>
          </p:nvSpPr>
          <p:spPr bwMode="auto">
            <a:xfrm>
              <a:off x="2271713"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24" name="Freeform 312">
              <a:extLst>
                <a:ext uri="{FF2B5EF4-FFF2-40B4-BE49-F238E27FC236}">
                  <a16:creationId xmlns:a16="http://schemas.microsoft.com/office/drawing/2014/main" xmlns="" id="{523957DB-6199-4F76-9017-D6AEA71A4845}"/>
                </a:ext>
              </a:extLst>
            </p:cNvPr>
            <p:cNvSpPr>
              <a:spLocks/>
            </p:cNvSpPr>
            <p:nvPr/>
          </p:nvSpPr>
          <p:spPr bwMode="auto">
            <a:xfrm>
              <a:off x="2305050" y="15446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125" name="Freeform 313">
              <a:extLst>
                <a:ext uri="{FF2B5EF4-FFF2-40B4-BE49-F238E27FC236}">
                  <a16:creationId xmlns:a16="http://schemas.microsoft.com/office/drawing/2014/main" xmlns="" id="{BD344963-B895-443F-9CEA-F3FC1BAE354D}"/>
                </a:ext>
              </a:extLst>
            </p:cNvPr>
            <p:cNvSpPr>
              <a:spLocks/>
            </p:cNvSpPr>
            <p:nvPr/>
          </p:nvSpPr>
          <p:spPr bwMode="auto">
            <a:xfrm>
              <a:off x="2339975"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zh-CN" altLang="en-US" sz="1800" b="0" i="0" u="none" strike="noStrike" kern="0" cap="none" spc="0" normalizeH="0" baseline="0" noProof="0">
                <a:ln>
                  <a:noFill/>
                </a:ln>
                <a:solidFill>
                  <a:prstClr val="black"/>
                </a:solidFill>
                <a:effectLst/>
                <a:uLnTx/>
                <a:uFillTx/>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sp>
        <p:nvSpPr>
          <p:cNvPr id="34" name="Shape 1207" descr="Freeform 6">
            <a:extLst>
              <a:ext uri="{FF2B5EF4-FFF2-40B4-BE49-F238E27FC236}">
                <a16:creationId xmlns:a16="http://schemas.microsoft.com/office/drawing/2014/main" xmlns="" id="{DF9EF967-CB71-4920-AD93-AE8BDA402C07}"/>
              </a:ext>
            </a:extLst>
          </p:cNvPr>
          <p:cNvSpPr/>
          <p:nvPr/>
        </p:nvSpPr>
        <p:spPr>
          <a:xfrm flipH="1">
            <a:off x="862164" y="2243017"/>
            <a:ext cx="4503633" cy="1985447"/>
          </a:xfrm>
          <a:custGeom>
            <a:avLst/>
            <a:gdLst/>
            <a:ahLst/>
            <a:cxnLst>
              <a:cxn ang="0">
                <a:pos x="wd2" y="hd2"/>
              </a:cxn>
              <a:cxn ang="5400000">
                <a:pos x="wd2" y="hd2"/>
              </a:cxn>
              <a:cxn ang="10800000">
                <a:pos x="wd2" y="hd2"/>
              </a:cxn>
              <a:cxn ang="16200000">
                <a:pos x="wd2" y="hd2"/>
              </a:cxn>
            </a:cxnLst>
            <a:rect l="0" t="0" r="r" b="b"/>
            <a:pathLst>
              <a:path w="21600" h="21600" extrusionOk="0">
                <a:moveTo>
                  <a:pt x="21600" y="16088"/>
                </a:moveTo>
                <a:cubicBezTo>
                  <a:pt x="21600" y="13059"/>
                  <a:pt x="20337" y="10577"/>
                  <a:pt x="18796" y="10577"/>
                </a:cubicBezTo>
                <a:cubicBezTo>
                  <a:pt x="18594" y="10577"/>
                  <a:pt x="18392" y="10626"/>
                  <a:pt x="18189" y="10726"/>
                </a:cubicBezTo>
                <a:cubicBezTo>
                  <a:pt x="18189" y="10577"/>
                  <a:pt x="18189" y="10428"/>
                  <a:pt x="18189" y="10279"/>
                </a:cubicBezTo>
                <a:cubicBezTo>
                  <a:pt x="18189" y="4618"/>
                  <a:pt x="15865" y="0"/>
                  <a:pt x="12960" y="0"/>
                </a:cubicBezTo>
                <a:cubicBezTo>
                  <a:pt x="10560" y="0"/>
                  <a:pt x="8539" y="3178"/>
                  <a:pt x="7907" y="7548"/>
                </a:cubicBezTo>
                <a:cubicBezTo>
                  <a:pt x="7200" y="6008"/>
                  <a:pt x="6164" y="5015"/>
                  <a:pt x="5002" y="5015"/>
                </a:cubicBezTo>
                <a:cubicBezTo>
                  <a:pt x="2829" y="5015"/>
                  <a:pt x="1061" y="8491"/>
                  <a:pt x="1061" y="12811"/>
                </a:cubicBezTo>
                <a:cubicBezTo>
                  <a:pt x="1061" y="13556"/>
                  <a:pt x="1112" y="14251"/>
                  <a:pt x="1213" y="14946"/>
                </a:cubicBezTo>
                <a:cubicBezTo>
                  <a:pt x="505" y="15393"/>
                  <a:pt x="0" y="16684"/>
                  <a:pt x="0" y="18174"/>
                </a:cubicBezTo>
                <a:cubicBezTo>
                  <a:pt x="0" y="20011"/>
                  <a:pt x="733" y="21501"/>
                  <a:pt x="1667" y="21600"/>
                </a:cubicBezTo>
                <a:cubicBezTo>
                  <a:pt x="1667" y="21600"/>
                  <a:pt x="1667" y="21600"/>
                  <a:pt x="1667" y="21600"/>
                </a:cubicBezTo>
                <a:cubicBezTo>
                  <a:pt x="18821" y="21600"/>
                  <a:pt x="18821" y="21600"/>
                  <a:pt x="18821" y="21600"/>
                </a:cubicBezTo>
                <a:cubicBezTo>
                  <a:pt x="18821" y="21600"/>
                  <a:pt x="18821" y="21600"/>
                  <a:pt x="18821" y="21600"/>
                </a:cubicBezTo>
                <a:cubicBezTo>
                  <a:pt x="20362" y="21550"/>
                  <a:pt x="21600" y="19117"/>
                  <a:pt x="21600" y="16088"/>
                </a:cubicBezTo>
                <a:close/>
              </a:path>
            </a:pathLst>
          </a:custGeom>
          <a:gradFill flip="none" rotWithShape="1">
            <a:gsLst>
              <a:gs pos="0">
                <a:srgbClr val="0070C0">
                  <a:alpha val="0"/>
                </a:srgbClr>
              </a:gs>
              <a:gs pos="100000">
                <a:srgbClr val="0070C0">
                  <a:alpha val="0"/>
                </a:srgbClr>
              </a:gs>
            </a:gsLst>
            <a:lin ang="0" scaled="1"/>
            <a:tileRect/>
          </a:gradFill>
          <a:ln w="28575">
            <a:solidFill>
              <a:srgbClr val="EC7061"/>
            </a:solidFill>
            <a:miter lim="800000"/>
            <a:headEnd/>
            <a:tailEnd/>
          </a:ln>
        </p:spPr>
        <p:txBody>
          <a:bodyPr wrap="square">
            <a:noAutofit/>
          </a:bodyPr>
          <a:lstStyle/>
          <a:p>
            <a:pPr defTabSz="914240" eaLnBrk="0" fontAlgn="ctr" hangingPunct="0">
              <a:spcBef>
                <a:spcPct val="0"/>
              </a:spcBef>
              <a:spcAft>
                <a:spcPct val="0"/>
              </a:spcAft>
            </a:pPr>
            <a:endParaRPr sz="450" dirty="0">
              <a:solidFill>
                <a:srgbClr val="C68C24"/>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63" name="圆角矩形 62">
            <a:extLst>
              <a:ext uri="{FF2B5EF4-FFF2-40B4-BE49-F238E27FC236}">
                <a16:creationId xmlns:a16="http://schemas.microsoft.com/office/drawing/2014/main" xmlns="" id="{66350495-7E86-414B-A94C-7B4FE428404E}"/>
              </a:ext>
            </a:extLst>
          </p:cNvPr>
          <p:cNvSpPr/>
          <p:nvPr/>
        </p:nvSpPr>
        <p:spPr>
          <a:xfrm>
            <a:off x="796555" y="1799112"/>
            <a:ext cx="4722281" cy="287368"/>
          </a:xfrm>
          <a:prstGeom prst="roundRect">
            <a:avLst/>
          </a:prstGeom>
          <a:solidFill>
            <a:schemeClr val="tx2"/>
          </a:solidFill>
          <a:ln w="22225">
            <a:solidFill>
              <a:schemeClr val="accent1">
                <a:alpha val="45882"/>
              </a:schemeClr>
            </a:solidFill>
            <a:miter lim="800000"/>
            <a:headEnd/>
            <a:tailEnd/>
          </a:ln>
        </p:spPr>
        <p:txBody>
          <a:bodyPr wrap="square" anchor="ctr">
            <a:noAutofit/>
          </a:bodyPr>
          <a:lstStyle/>
          <a:p>
            <a:pPr algn="ctr" defTabSz="914217" eaLnBrk="0" fontAlgn="ctr" hangingPunct="0">
              <a:spcBef>
                <a:spcPct val="0"/>
              </a:spcBef>
              <a:spcAft>
                <a:spcPct val="0"/>
              </a:spcAft>
            </a:pPr>
            <a:r>
              <a:rPr lang="en-US" sz="1400">
                <a:solidFill>
                  <a:srgbClr val="000000"/>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Service Intent/Strategy</a:t>
            </a:r>
          </a:p>
        </p:txBody>
      </p:sp>
      <p:grpSp>
        <p:nvGrpSpPr>
          <p:cNvPr id="36" name="组合 35">
            <a:extLst>
              <a:ext uri="{FF2B5EF4-FFF2-40B4-BE49-F238E27FC236}">
                <a16:creationId xmlns:a16="http://schemas.microsoft.com/office/drawing/2014/main" xmlns="" id="{BEDA7204-AC24-4AD5-91C5-578FD4174CEC}"/>
              </a:ext>
            </a:extLst>
          </p:cNvPr>
          <p:cNvGrpSpPr/>
          <p:nvPr/>
        </p:nvGrpSpPr>
        <p:grpSpPr>
          <a:xfrm>
            <a:off x="3551539" y="2195020"/>
            <a:ext cx="195627" cy="232021"/>
            <a:chOff x="4773690" y="2430955"/>
            <a:chExt cx="174265" cy="210277"/>
          </a:xfrm>
        </p:grpSpPr>
        <p:sp>
          <p:nvSpPr>
            <p:cNvPr id="59" name="燕尾形 58">
              <a:extLst>
                <a:ext uri="{FF2B5EF4-FFF2-40B4-BE49-F238E27FC236}">
                  <a16:creationId xmlns:a16="http://schemas.microsoft.com/office/drawing/2014/main" xmlns="" id="{FDADD4A7-27CF-4301-847C-B7E314EE563B}"/>
                </a:ext>
              </a:extLst>
            </p:cNvPr>
            <p:cNvSpPr/>
            <p:nvPr/>
          </p:nvSpPr>
          <p:spPr>
            <a:xfrm rot="5400000">
              <a:off x="4822059" y="2515336"/>
              <a:ext cx="77527" cy="174265"/>
            </a:xfrm>
            <a:prstGeom prst="chevron">
              <a:avLst>
                <a:gd name="adj" fmla="val 58799"/>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defTabSz="1219028" fontAlgn="ctr"/>
              <a:endParaRPr lang="zh-CN" altLang="en-US" sz="2400">
                <a:solidFill>
                  <a:prstClr val="black"/>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60" name="燕尾形 59">
              <a:extLst>
                <a:ext uri="{FF2B5EF4-FFF2-40B4-BE49-F238E27FC236}">
                  <a16:creationId xmlns:a16="http://schemas.microsoft.com/office/drawing/2014/main" xmlns="" id="{A556C352-E66F-4FC1-869B-1B3C81B95E5D}"/>
                </a:ext>
              </a:extLst>
            </p:cNvPr>
            <p:cNvSpPr/>
            <p:nvPr/>
          </p:nvSpPr>
          <p:spPr>
            <a:xfrm rot="5400000">
              <a:off x="4822059" y="2451456"/>
              <a:ext cx="77527" cy="174265"/>
            </a:xfrm>
            <a:prstGeom prst="chevron">
              <a:avLst>
                <a:gd name="adj" fmla="val 58799"/>
              </a:avLst>
            </a:prstGeom>
            <a:solidFill>
              <a:schemeClr val="bg1">
                <a:lumMod val="50000"/>
                <a:alpha val="7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defTabSz="1219028" fontAlgn="ctr"/>
              <a:endParaRPr lang="zh-CN" altLang="en-US" sz="2400">
                <a:solidFill>
                  <a:prstClr val="black"/>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61" name="燕尾形 60">
              <a:extLst>
                <a:ext uri="{FF2B5EF4-FFF2-40B4-BE49-F238E27FC236}">
                  <a16:creationId xmlns:a16="http://schemas.microsoft.com/office/drawing/2014/main" xmlns="" id="{83CE03B8-B810-48ED-AC67-4BE63B3A5C4E}"/>
                </a:ext>
              </a:extLst>
            </p:cNvPr>
            <p:cNvSpPr/>
            <p:nvPr/>
          </p:nvSpPr>
          <p:spPr>
            <a:xfrm rot="5400000">
              <a:off x="4822059" y="2382586"/>
              <a:ext cx="77527" cy="174265"/>
            </a:xfrm>
            <a:prstGeom prst="chevron">
              <a:avLst>
                <a:gd name="adj" fmla="val 58799"/>
              </a:avLst>
            </a:prstGeom>
            <a:solidFill>
              <a:schemeClr val="bg1">
                <a:lumMod val="5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defTabSz="1219028" fontAlgn="ctr"/>
              <a:endParaRPr lang="zh-CN" altLang="en-US" sz="2400">
                <a:solidFill>
                  <a:prstClr val="black"/>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grpSp>
      <p:sp>
        <p:nvSpPr>
          <p:cNvPr id="37" name="文本框 36">
            <a:extLst>
              <a:ext uri="{FF2B5EF4-FFF2-40B4-BE49-F238E27FC236}">
                <a16:creationId xmlns:a16="http://schemas.microsoft.com/office/drawing/2014/main" xmlns="" id="{E881ECC5-2AA7-4B5A-A343-F151CD52631E}"/>
              </a:ext>
            </a:extLst>
          </p:cNvPr>
          <p:cNvSpPr txBox="1"/>
          <p:nvPr/>
        </p:nvSpPr>
        <p:spPr>
          <a:xfrm>
            <a:off x="3726956" y="2227192"/>
            <a:ext cx="2281226" cy="389553"/>
          </a:xfrm>
          <a:prstGeom prst="rect">
            <a:avLst/>
          </a:prstGeom>
          <a:noFill/>
        </p:spPr>
        <p:txBody>
          <a:bodyPr wrap="square" rtlCol="0">
            <a:noAutofit/>
          </a:bodyPr>
          <a:lstStyle/>
          <a:p>
            <a:pPr algn="ctr" fontAlgn="ctr"/>
            <a:r>
              <a:rPr lang="en-US" sz="1400" dirty="0">
                <a:solidFill>
                  <a:srgbClr val="EC7061"/>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rPr>
              <a:t>Simplification elements</a:t>
            </a:r>
          </a:p>
        </p:txBody>
      </p:sp>
      <p:pic>
        <p:nvPicPr>
          <p:cNvPr id="38" name="图片 37">
            <a:extLst>
              <a:ext uri="{FF2B5EF4-FFF2-40B4-BE49-F238E27FC236}">
                <a16:creationId xmlns:a16="http://schemas.microsoft.com/office/drawing/2014/main" xmlns="" id="{1C9E95E0-6415-4051-A76D-A0EEF93ED1BD}"/>
              </a:ext>
            </a:extLst>
          </p:cNvPr>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1866184" y="2537826"/>
            <a:ext cx="1570205" cy="292225"/>
          </a:xfrm>
          <a:prstGeom prst="rect">
            <a:avLst/>
          </a:prstGeom>
        </p:spPr>
      </p:pic>
      <p:sp>
        <p:nvSpPr>
          <p:cNvPr id="39" name="PA-文本框 372">
            <a:extLst>
              <a:ext uri="{FF2B5EF4-FFF2-40B4-BE49-F238E27FC236}">
                <a16:creationId xmlns:a16="http://schemas.microsoft.com/office/drawing/2014/main" xmlns="" id="{F70DE28F-5E0F-4E06-AC3A-F9C739F44EF7}"/>
              </a:ext>
            </a:extLst>
          </p:cNvPr>
          <p:cNvSpPr txBox="1"/>
          <p:nvPr>
            <p:custDataLst>
              <p:tags r:id="rId1"/>
            </p:custDataLst>
          </p:nvPr>
        </p:nvSpPr>
        <p:spPr>
          <a:xfrm>
            <a:off x="3675929" y="4651449"/>
            <a:ext cx="2691543" cy="346270"/>
          </a:xfrm>
          <a:prstGeom prst="rect">
            <a:avLst/>
          </a:prstGeom>
          <a:noFill/>
        </p:spPr>
        <p:txBody>
          <a:bodyPr wrap="square" rtlCol="0">
            <a:noAutofit/>
          </a:bodyPr>
          <a:lstStyle/>
          <a:p>
            <a:pPr algn="ctr" fontAlgn="ctr"/>
            <a:r>
              <a:rPr lang="en-US" sz="1500" b="1" dirty="0">
                <a:solidFill>
                  <a:srgbClr val="0070C0"/>
                </a:solidFill>
                <a:ea typeface="微软雅黑" panose="020B0503020204020204" pitchFamily="34" charset="-122"/>
                <a:cs typeface="Arial" panose="020B0604020202020204" pitchFamily="34" charset="0"/>
                <a:sym typeface="Arial" panose="020B0604020202020204" pitchFamily="34" charset="0"/>
              </a:rPr>
              <a:t>Telemetry &amp; ERSPAN</a:t>
            </a:r>
          </a:p>
          <a:p>
            <a:pPr algn="ctr" fontAlgn="ctr"/>
            <a:r>
              <a:rPr lang="en-US" sz="1500" b="1" dirty="0">
                <a:solidFill>
                  <a:srgbClr val="0070C0"/>
                </a:solidFill>
                <a:ea typeface="微软雅黑" panose="020B0503020204020204" pitchFamily="34" charset="-122"/>
                <a:cs typeface="Arial" panose="020B0604020202020204" pitchFamily="34" charset="0"/>
                <a:sym typeface="Arial" panose="020B0604020202020204" pitchFamily="34" charset="0"/>
              </a:rPr>
              <a:t>NETCONF &amp; SNMP</a:t>
            </a:r>
          </a:p>
        </p:txBody>
      </p:sp>
      <p:sp>
        <p:nvSpPr>
          <p:cNvPr id="40" name="矩形 39">
            <a:extLst>
              <a:ext uri="{FF2B5EF4-FFF2-40B4-BE49-F238E27FC236}">
                <a16:creationId xmlns:a16="http://schemas.microsoft.com/office/drawing/2014/main" xmlns="" id="{24136594-B5A8-4222-B85B-1A8347D9A168}"/>
              </a:ext>
            </a:extLst>
          </p:cNvPr>
          <p:cNvSpPr/>
          <p:nvPr/>
        </p:nvSpPr>
        <p:spPr>
          <a:xfrm>
            <a:off x="2020226" y="4211088"/>
            <a:ext cx="2132549" cy="42864"/>
          </a:xfrm>
          <a:prstGeom prst="rect">
            <a:avLst/>
          </a:prstGeom>
          <a:solidFill>
            <a:srgbClr val="FCFCFC"/>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fontAlgn="ctr"/>
            <a:endParaRPr lang="zh-CN" altLang="en-US">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pic>
        <p:nvPicPr>
          <p:cNvPr id="41" name="PA-图片 50">
            <a:extLst>
              <a:ext uri="{FF2B5EF4-FFF2-40B4-BE49-F238E27FC236}">
                <a16:creationId xmlns:a16="http://schemas.microsoft.com/office/drawing/2014/main" xmlns="" id="{D97B2D96-96B6-4C32-AA5F-D73E4F5DD20D}"/>
              </a:ext>
            </a:extLst>
          </p:cNvPr>
          <p:cNvPicPr>
            <a:picLocks noChangeAspect="1"/>
          </p:cNvPicPr>
          <p:nvPr>
            <p:custDataLst>
              <p:tags r:id="rId2"/>
            </p:custDataLst>
          </p:nvPr>
        </p:nvPicPr>
        <p:blipFill>
          <a:blip r:embed="rId14" cstate="print">
            <a:extLst>
              <a:ext uri="{28A0092B-C50C-407E-A947-70E740481C1C}">
                <a14:useLocalDpi xmlns:a14="http://schemas.microsoft.com/office/drawing/2010/main" val="0"/>
              </a:ext>
            </a:extLst>
          </a:blip>
          <a:stretch>
            <a:fillRect/>
          </a:stretch>
        </p:blipFill>
        <p:spPr>
          <a:xfrm rot="16200000">
            <a:off x="2365064" y="4235066"/>
            <a:ext cx="497412" cy="43825"/>
          </a:xfrm>
          <a:prstGeom prst="rect">
            <a:avLst/>
          </a:prstGeom>
        </p:spPr>
      </p:pic>
      <p:pic>
        <p:nvPicPr>
          <p:cNvPr id="42" name="PA-图片 51">
            <a:extLst>
              <a:ext uri="{FF2B5EF4-FFF2-40B4-BE49-F238E27FC236}">
                <a16:creationId xmlns:a16="http://schemas.microsoft.com/office/drawing/2014/main" xmlns="" id="{5ABE57D1-744C-441E-B5B4-F609EE39A6FE}"/>
              </a:ext>
            </a:extLst>
          </p:cNvPr>
          <p:cNvPicPr>
            <a:picLocks noChangeAspect="1"/>
          </p:cNvPicPr>
          <p:nvPr>
            <p:custDataLst>
              <p:tags r:id="rId3"/>
            </p:custDataLst>
          </p:nvPr>
        </p:nvPicPr>
        <p:blipFill>
          <a:blip r:embed="rId14" cstate="print">
            <a:extLst>
              <a:ext uri="{28A0092B-C50C-407E-A947-70E740481C1C}">
                <a14:useLocalDpi xmlns:a14="http://schemas.microsoft.com/office/drawing/2010/main" val="0"/>
              </a:ext>
            </a:extLst>
          </a:blip>
          <a:stretch>
            <a:fillRect/>
          </a:stretch>
        </p:blipFill>
        <p:spPr>
          <a:xfrm rot="16200000">
            <a:off x="2090604" y="4235066"/>
            <a:ext cx="497412" cy="43825"/>
          </a:xfrm>
          <a:prstGeom prst="rect">
            <a:avLst/>
          </a:prstGeom>
        </p:spPr>
      </p:pic>
      <p:pic>
        <p:nvPicPr>
          <p:cNvPr id="43" name="PA-图片 52">
            <a:extLst>
              <a:ext uri="{FF2B5EF4-FFF2-40B4-BE49-F238E27FC236}">
                <a16:creationId xmlns:a16="http://schemas.microsoft.com/office/drawing/2014/main" xmlns="" id="{0018A10A-95D1-4FF0-99AD-C3CF3743802B}"/>
              </a:ext>
            </a:extLst>
          </p:cNvPr>
          <p:cNvPicPr>
            <a:picLocks noChangeAspect="1"/>
          </p:cNvPicPr>
          <p:nvPr>
            <p:custDataLst>
              <p:tags r:id="rId4"/>
            </p:custDataLst>
          </p:nvPr>
        </p:nvPicPr>
        <p:blipFill>
          <a:blip r:embed="rId14" cstate="print">
            <a:extLst>
              <a:ext uri="{28A0092B-C50C-407E-A947-70E740481C1C}">
                <a14:useLocalDpi xmlns:a14="http://schemas.microsoft.com/office/drawing/2010/main" val="0"/>
              </a:ext>
            </a:extLst>
          </a:blip>
          <a:stretch>
            <a:fillRect/>
          </a:stretch>
        </p:blipFill>
        <p:spPr>
          <a:xfrm rot="16200000">
            <a:off x="2227834" y="4235066"/>
            <a:ext cx="497412" cy="43825"/>
          </a:xfrm>
          <a:prstGeom prst="rect">
            <a:avLst/>
          </a:prstGeom>
        </p:spPr>
      </p:pic>
      <p:pic>
        <p:nvPicPr>
          <p:cNvPr id="44" name="PA-图片 51">
            <a:extLst>
              <a:ext uri="{FF2B5EF4-FFF2-40B4-BE49-F238E27FC236}">
                <a16:creationId xmlns:a16="http://schemas.microsoft.com/office/drawing/2014/main" xmlns="" id="{B44536BA-DD53-4EF1-8FE5-2670CAD38DCA}"/>
              </a:ext>
            </a:extLst>
          </p:cNvPr>
          <p:cNvPicPr>
            <a:picLocks noChangeAspect="1"/>
          </p:cNvPicPr>
          <p:nvPr>
            <p:custDataLst>
              <p:tags r:id="rId5"/>
            </p:custDataLst>
          </p:nvPr>
        </p:nvPicPr>
        <p:blipFill>
          <a:blip r:embed="rId14" cstate="print">
            <a:extLst>
              <a:ext uri="{28A0092B-C50C-407E-A947-70E740481C1C}">
                <a14:useLocalDpi xmlns:a14="http://schemas.microsoft.com/office/drawing/2010/main" val="0"/>
              </a:ext>
            </a:extLst>
          </a:blip>
          <a:stretch>
            <a:fillRect/>
          </a:stretch>
        </p:blipFill>
        <p:spPr>
          <a:xfrm rot="16200000">
            <a:off x="2502294" y="4235066"/>
            <a:ext cx="497412" cy="43825"/>
          </a:xfrm>
          <a:prstGeom prst="rect">
            <a:avLst/>
          </a:prstGeom>
        </p:spPr>
      </p:pic>
      <p:pic>
        <p:nvPicPr>
          <p:cNvPr id="45" name="PA-图片 50">
            <a:extLst>
              <a:ext uri="{FF2B5EF4-FFF2-40B4-BE49-F238E27FC236}">
                <a16:creationId xmlns:a16="http://schemas.microsoft.com/office/drawing/2014/main" xmlns="" id="{7100D303-EF6E-47DB-A036-6A557FADF6F4}"/>
              </a:ext>
            </a:extLst>
          </p:cNvPr>
          <p:cNvPicPr>
            <a:picLocks noChangeAspect="1"/>
          </p:cNvPicPr>
          <p:nvPr>
            <p:custDataLst>
              <p:tags r:id="rId6"/>
            </p:custDataLst>
          </p:nvPr>
        </p:nvPicPr>
        <p:blipFill>
          <a:blip r:embed="rId14" cstate="print">
            <a:extLst>
              <a:ext uri="{28A0092B-C50C-407E-A947-70E740481C1C}">
                <a14:useLocalDpi xmlns:a14="http://schemas.microsoft.com/office/drawing/2010/main" val="0"/>
              </a:ext>
            </a:extLst>
          </a:blip>
          <a:stretch>
            <a:fillRect/>
          </a:stretch>
        </p:blipFill>
        <p:spPr>
          <a:xfrm rot="16200000">
            <a:off x="3495574" y="4235066"/>
            <a:ext cx="497412" cy="43825"/>
          </a:xfrm>
          <a:prstGeom prst="rect">
            <a:avLst/>
          </a:prstGeom>
        </p:spPr>
      </p:pic>
      <p:pic>
        <p:nvPicPr>
          <p:cNvPr id="46" name="PA-图片 51">
            <a:extLst>
              <a:ext uri="{FF2B5EF4-FFF2-40B4-BE49-F238E27FC236}">
                <a16:creationId xmlns:a16="http://schemas.microsoft.com/office/drawing/2014/main" xmlns="" id="{DD01FF2B-86F7-410D-8DE1-B4993C37BC7D}"/>
              </a:ext>
            </a:extLst>
          </p:cNvPr>
          <p:cNvPicPr>
            <a:picLocks noChangeAspect="1"/>
          </p:cNvPicPr>
          <p:nvPr>
            <p:custDataLst>
              <p:tags r:id="rId7"/>
            </p:custDataLst>
          </p:nvPr>
        </p:nvPicPr>
        <p:blipFill>
          <a:blip r:embed="rId14" cstate="print">
            <a:extLst>
              <a:ext uri="{28A0092B-C50C-407E-A947-70E740481C1C}">
                <a14:useLocalDpi xmlns:a14="http://schemas.microsoft.com/office/drawing/2010/main" val="0"/>
              </a:ext>
            </a:extLst>
          </a:blip>
          <a:stretch>
            <a:fillRect/>
          </a:stretch>
        </p:blipFill>
        <p:spPr>
          <a:xfrm rot="16200000">
            <a:off x="3221114" y="4235066"/>
            <a:ext cx="497412" cy="43825"/>
          </a:xfrm>
          <a:prstGeom prst="rect">
            <a:avLst/>
          </a:prstGeom>
        </p:spPr>
      </p:pic>
      <p:pic>
        <p:nvPicPr>
          <p:cNvPr id="47" name="PA-图片 52">
            <a:extLst>
              <a:ext uri="{FF2B5EF4-FFF2-40B4-BE49-F238E27FC236}">
                <a16:creationId xmlns:a16="http://schemas.microsoft.com/office/drawing/2014/main" xmlns="" id="{D4E8BD25-D6B3-4B4F-97A5-5926DD528131}"/>
              </a:ext>
            </a:extLst>
          </p:cNvPr>
          <p:cNvPicPr>
            <a:picLocks noChangeAspect="1"/>
          </p:cNvPicPr>
          <p:nvPr>
            <p:custDataLst>
              <p:tags r:id="rId8"/>
            </p:custDataLst>
          </p:nvPr>
        </p:nvPicPr>
        <p:blipFill>
          <a:blip r:embed="rId14" cstate="print">
            <a:extLst>
              <a:ext uri="{28A0092B-C50C-407E-A947-70E740481C1C}">
                <a14:useLocalDpi xmlns:a14="http://schemas.microsoft.com/office/drawing/2010/main" val="0"/>
              </a:ext>
            </a:extLst>
          </a:blip>
          <a:stretch>
            <a:fillRect/>
          </a:stretch>
        </p:blipFill>
        <p:spPr>
          <a:xfrm rot="16200000">
            <a:off x="3358344" y="4235066"/>
            <a:ext cx="497412" cy="43825"/>
          </a:xfrm>
          <a:prstGeom prst="rect">
            <a:avLst/>
          </a:prstGeom>
        </p:spPr>
      </p:pic>
      <p:pic>
        <p:nvPicPr>
          <p:cNvPr id="48" name="PA-图片 51">
            <a:extLst>
              <a:ext uri="{FF2B5EF4-FFF2-40B4-BE49-F238E27FC236}">
                <a16:creationId xmlns:a16="http://schemas.microsoft.com/office/drawing/2014/main" xmlns="" id="{F1D4E3CA-AF47-44CD-9056-A41FCE404F03}"/>
              </a:ext>
            </a:extLst>
          </p:cNvPr>
          <p:cNvPicPr>
            <a:picLocks noChangeAspect="1"/>
          </p:cNvPicPr>
          <p:nvPr>
            <p:custDataLst>
              <p:tags r:id="rId9"/>
            </p:custDataLst>
          </p:nvPr>
        </p:nvPicPr>
        <p:blipFill>
          <a:blip r:embed="rId14" cstate="print">
            <a:extLst>
              <a:ext uri="{28A0092B-C50C-407E-A947-70E740481C1C}">
                <a14:useLocalDpi xmlns:a14="http://schemas.microsoft.com/office/drawing/2010/main" val="0"/>
              </a:ext>
            </a:extLst>
          </a:blip>
          <a:stretch>
            <a:fillRect/>
          </a:stretch>
        </p:blipFill>
        <p:spPr>
          <a:xfrm rot="16200000">
            <a:off x="3632803" y="4235066"/>
            <a:ext cx="497412" cy="43825"/>
          </a:xfrm>
          <a:prstGeom prst="rect">
            <a:avLst/>
          </a:prstGeom>
        </p:spPr>
      </p:pic>
      <p:pic>
        <p:nvPicPr>
          <p:cNvPr id="49" name="图片 48" descr="NB-IoT ">
            <a:extLst>
              <a:ext uri="{FF2B5EF4-FFF2-40B4-BE49-F238E27FC236}">
                <a16:creationId xmlns:a16="http://schemas.microsoft.com/office/drawing/2014/main" xmlns="" id="{72C34B8F-F527-4110-828B-A64877962F84}"/>
              </a:ext>
            </a:extLst>
          </p:cNvPr>
          <p:cNvPicPr>
            <a:picLocks noChangeAspect="1"/>
          </p:cNvPicPr>
          <p:nvPr/>
        </p:nvPicPr>
        <p:blipFill>
          <a:blip r:embed="rId15">
            <a:duotone>
              <a:prstClr val="black"/>
              <a:schemeClr val="accent2">
                <a:tint val="45000"/>
                <a:satMod val="400000"/>
              </a:schemeClr>
            </a:duotone>
          </a:blip>
          <a:stretch>
            <a:fillRect/>
          </a:stretch>
        </p:blipFill>
        <p:spPr>
          <a:xfrm>
            <a:off x="2573695" y="3107904"/>
            <a:ext cx="920229" cy="885747"/>
          </a:xfrm>
          <a:prstGeom prst="rect">
            <a:avLst/>
          </a:prstGeom>
        </p:spPr>
      </p:pic>
      <p:pic>
        <p:nvPicPr>
          <p:cNvPr id="50" name="图片 49" descr="形状 639">
            <a:extLst>
              <a:ext uri="{FF2B5EF4-FFF2-40B4-BE49-F238E27FC236}">
                <a16:creationId xmlns:a16="http://schemas.microsoft.com/office/drawing/2014/main" xmlns="" id="{0B3A28D3-3207-4D93-9D16-959E718AC303}"/>
              </a:ext>
            </a:extLst>
          </p:cNvPr>
          <p:cNvPicPr>
            <a:picLocks noChangeAspect="1"/>
          </p:cNvPicPr>
          <p:nvPr/>
        </p:nvPicPr>
        <p:blipFill>
          <a:blip r:embed="rId16"/>
          <a:stretch>
            <a:fillRect/>
          </a:stretch>
        </p:blipFill>
        <p:spPr>
          <a:xfrm>
            <a:off x="3200837" y="3550777"/>
            <a:ext cx="142781" cy="130240"/>
          </a:xfrm>
          <a:prstGeom prst="rect">
            <a:avLst/>
          </a:prstGeom>
        </p:spPr>
      </p:pic>
      <p:pic>
        <p:nvPicPr>
          <p:cNvPr id="51" name="图片 50" descr="形状 640">
            <a:extLst>
              <a:ext uri="{FF2B5EF4-FFF2-40B4-BE49-F238E27FC236}">
                <a16:creationId xmlns:a16="http://schemas.microsoft.com/office/drawing/2014/main" xmlns="" id="{9059C9C1-4DA4-41EB-908F-DDD6149D28A0}"/>
              </a:ext>
            </a:extLst>
          </p:cNvPr>
          <p:cNvPicPr>
            <a:picLocks noChangeAspect="1"/>
          </p:cNvPicPr>
          <p:nvPr/>
        </p:nvPicPr>
        <p:blipFill>
          <a:blip r:embed="rId17"/>
          <a:stretch>
            <a:fillRect/>
          </a:stretch>
        </p:blipFill>
        <p:spPr>
          <a:xfrm>
            <a:off x="2799889" y="3543293"/>
            <a:ext cx="159383" cy="119853"/>
          </a:xfrm>
          <a:prstGeom prst="rect">
            <a:avLst/>
          </a:prstGeom>
          <a:ln>
            <a:solidFill>
              <a:srgbClr val="EC7061"/>
            </a:solidFill>
          </a:ln>
        </p:spPr>
      </p:pic>
      <p:sp>
        <p:nvSpPr>
          <p:cNvPr id="52" name="TextBox 63">
            <a:extLst>
              <a:ext uri="{FF2B5EF4-FFF2-40B4-BE49-F238E27FC236}">
                <a16:creationId xmlns:a16="http://schemas.microsoft.com/office/drawing/2014/main" xmlns="" id="{697821E2-E059-4F0B-93A7-98C7AB59B662}"/>
              </a:ext>
            </a:extLst>
          </p:cNvPr>
          <p:cNvSpPr txBox="1"/>
          <p:nvPr/>
        </p:nvSpPr>
        <p:spPr>
          <a:xfrm>
            <a:off x="3030492" y="2830051"/>
            <a:ext cx="818500" cy="307777"/>
          </a:xfrm>
          <a:prstGeom prst="rect">
            <a:avLst/>
          </a:prstGeom>
          <a:noFill/>
        </p:spPr>
        <p:txBody>
          <a:bodyPr wrap="square" rtlCol="0">
            <a:spAutoFit/>
          </a:bodyPr>
          <a:lstStyle/>
          <a:p>
            <a:pPr defTabSz="914112"/>
            <a:r>
              <a:rPr lang="zh-CN" altLang="en-US"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rPr>
              <a:t>分析</a:t>
            </a:r>
            <a:endParaRPr lang="en-US" altLang="zh-CN"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3" name="TextBox 63">
            <a:extLst>
              <a:ext uri="{FF2B5EF4-FFF2-40B4-BE49-F238E27FC236}">
                <a16:creationId xmlns:a16="http://schemas.microsoft.com/office/drawing/2014/main" xmlns="" id="{58487CC3-8103-49C8-A43F-B23E7704415A}"/>
              </a:ext>
            </a:extLst>
          </p:cNvPr>
          <p:cNvSpPr txBox="1"/>
          <p:nvPr/>
        </p:nvSpPr>
        <p:spPr>
          <a:xfrm>
            <a:off x="3677707" y="3578309"/>
            <a:ext cx="806878" cy="307777"/>
          </a:xfrm>
          <a:prstGeom prst="rect">
            <a:avLst/>
          </a:prstGeom>
          <a:noFill/>
        </p:spPr>
        <p:txBody>
          <a:bodyPr wrap="square" rtlCol="0">
            <a:spAutoFit/>
          </a:bodyPr>
          <a:lstStyle/>
          <a:p>
            <a:pPr defTabSz="914112"/>
            <a:r>
              <a:rPr lang="zh-CN" altLang="en-US"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rPr>
              <a:t>管理</a:t>
            </a:r>
            <a:endParaRPr lang="en-US" altLang="zh-CN"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4" name="TextBox 63">
            <a:extLst>
              <a:ext uri="{FF2B5EF4-FFF2-40B4-BE49-F238E27FC236}">
                <a16:creationId xmlns:a16="http://schemas.microsoft.com/office/drawing/2014/main" xmlns="" id="{E71E344B-E21B-4739-AB59-7D4CB35E9ABB}"/>
              </a:ext>
            </a:extLst>
          </p:cNvPr>
          <p:cNvSpPr txBox="1"/>
          <p:nvPr/>
        </p:nvSpPr>
        <p:spPr>
          <a:xfrm>
            <a:off x="1740996" y="3584634"/>
            <a:ext cx="928908" cy="307777"/>
          </a:xfrm>
          <a:prstGeom prst="rect">
            <a:avLst/>
          </a:prstGeom>
          <a:noFill/>
        </p:spPr>
        <p:txBody>
          <a:bodyPr wrap="square" rtlCol="0">
            <a:spAutoFit/>
          </a:bodyPr>
          <a:lstStyle/>
          <a:p>
            <a:pPr defTabSz="914112"/>
            <a:r>
              <a:rPr lang="zh-CN" altLang="en-US"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rPr>
              <a:t>控制</a:t>
            </a:r>
            <a:endParaRPr lang="en-US" altLang="zh-CN"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5" name="browser-setting-interface-circular-symbol-of-a-wrench-in-a-window-outlines-inside-a-circle_41892">
            <a:extLst>
              <a:ext uri="{FF2B5EF4-FFF2-40B4-BE49-F238E27FC236}">
                <a16:creationId xmlns:a16="http://schemas.microsoft.com/office/drawing/2014/main" xmlns="" id="{8839625A-5A3A-4B59-ADDA-B477BC3F6C78}"/>
              </a:ext>
            </a:extLst>
          </p:cNvPr>
          <p:cNvSpPr>
            <a:spLocks noChangeAspect="1"/>
          </p:cNvSpPr>
          <p:nvPr/>
        </p:nvSpPr>
        <p:spPr bwMode="auto">
          <a:xfrm>
            <a:off x="2442816" y="3575273"/>
            <a:ext cx="365686" cy="280151"/>
          </a:xfrm>
          <a:custGeom>
            <a:avLst/>
            <a:gdLst>
              <a:gd name="connsiteX0" fmla="*/ 311666 w 576804"/>
              <a:gd name="connsiteY0" fmla="*/ 251897 h 459094"/>
              <a:gd name="connsiteX1" fmla="*/ 302194 w 576804"/>
              <a:gd name="connsiteY1" fmla="*/ 262214 h 459094"/>
              <a:gd name="connsiteX2" fmla="*/ 291861 w 576804"/>
              <a:gd name="connsiteY2" fmla="*/ 271672 h 459094"/>
              <a:gd name="connsiteX3" fmla="*/ 381414 w 576804"/>
              <a:gd name="connsiteY3" fmla="*/ 361090 h 459094"/>
              <a:gd name="connsiteX4" fmla="*/ 401219 w 576804"/>
              <a:gd name="connsiteY4" fmla="*/ 341315 h 459094"/>
              <a:gd name="connsiteX5" fmla="*/ 239334 w 576804"/>
              <a:gd name="connsiteY5" fmla="*/ 147002 h 459094"/>
              <a:gd name="connsiteX6" fmla="*/ 271195 w 576804"/>
              <a:gd name="connsiteY6" fmla="*/ 178815 h 459094"/>
              <a:gd name="connsiteX7" fmla="*/ 271195 w 576804"/>
              <a:gd name="connsiteY7" fmla="*/ 194291 h 459094"/>
              <a:gd name="connsiteX8" fmla="*/ 234168 w 576804"/>
              <a:gd name="connsiteY8" fmla="*/ 230402 h 459094"/>
              <a:gd name="connsiteX9" fmla="*/ 218668 w 576804"/>
              <a:gd name="connsiteY9" fmla="*/ 230402 h 459094"/>
              <a:gd name="connsiteX10" fmla="*/ 186808 w 576804"/>
              <a:gd name="connsiteY10" fmla="*/ 199449 h 459094"/>
              <a:gd name="connsiteX11" fmla="*/ 203169 w 576804"/>
              <a:gd name="connsiteY11" fmla="*/ 245878 h 459094"/>
              <a:gd name="connsiteX12" fmla="*/ 244501 w 576804"/>
              <a:gd name="connsiteY12" fmla="*/ 263074 h 459094"/>
              <a:gd name="connsiteX13" fmla="*/ 285833 w 576804"/>
              <a:gd name="connsiteY13" fmla="*/ 245878 h 459094"/>
              <a:gd name="connsiteX14" fmla="*/ 285833 w 576804"/>
              <a:gd name="connsiteY14" fmla="*/ 163338 h 459094"/>
              <a:gd name="connsiteX15" fmla="*/ 239334 w 576804"/>
              <a:gd name="connsiteY15" fmla="*/ 147002 h 459094"/>
              <a:gd name="connsiteX16" fmla="*/ 244501 w 576804"/>
              <a:gd name="connsiteY16" fmla="*/ 123788 h 459094"/>
              <a:gd name="connsiteX17" fmla="*/ 302194 w 576804"/>
              <a:gd name="connsiteY17" fmla="*/ 147002 h 459094"/>
              <a:gd name="connsiteX18" fmla="*/ 321999 w 576804"/>
              <a:gd name="connsiteY18" fmla="*/ 229542 h 459094"/>
              <a:gd name="connsiteX19" fmla="*/ 426191 w 576804"/>
              <a:gd name="connsiteY19" fmla="*/ 333577 h 459094"/>
              <a:gd name="connsiteX20" fmla="*/ 426191 w 576804"/>
              <a:gd name="connsiteY20" fmla="*/ 349913 h 459094"/>
              <a:gd name="connsiteX21" fmla="*/ 390025 w 576804"/>
              <a:gd name="connsiteY21" fmla="*/ 386024 h 459094"/>
              <a:gd name="connsiteX22" fmla="*/ 381414 w 576804"/>
              <a:gd name="connsiteY22" fmla="*/ 389463 h 459094"/>
              <a:gd name="connsiteX23" fmla="*/ 373664 w 576804"/>
              <a:gd name="connsiteY23" fmla="*/ 386024 h 459094"/>
              <a:gd name="connsiteX24" fmla="*/ 269473 w 576804"/>
              <a:gd name="connsiteY24" fmla="*/ 281989 h 459094"/>
              <a:gd name="connsiteX25" fmla="*/ 244501 w 576804"/>
              <a:gd name="connsiteY25" fmla="*/ 285428 h 459094"/>
              <a:gd name="connsiteX26" fmla="*/ 186808 w 576804"/>
              <a:gd name="connsiteY26" fmla="*/ 262214 h 459094"/>
              <a:gd name="connsiteX27" fmla="*/ 170447 w 576804"/>
              <a:gd name="connsiteY27" fmla="*/ 172796 h 459094"/>
              <a:gd name="connsiteX28" fmla="*/ 178197 w 576804"/>
              <a:gd name="connsiteY28" fmla="*/ 165918 h 459094"/>
              <a:gd name="connsiteX29" fmla="*/ 188530 w 576804"/>
              <a:gd name="connsiteY29" fmla="*/ 168497 h 459094"/>
              <a:gd name="connsiteX30" fmla="*/ 226418 w 576804"/>
              <a:gd name="connsiteY30" fmla="*/ 206328 h 459094"/>
              <a:gd name="connsiteX31" fmla="*/ 246223 w 576804"/>
              <a:gd name="connsiteY31" fmla="*/ 186553 h 459094"/>
              <a:gd name="connsiteX32" fmla="*/ 208335 w 576804"/>
              <a:gd name="connsiteY32" fmla="*/ 148722 h 459094"/>
              <a:gd name="connsiteX33" fmla="*/ 205752 w 576804"/>
              <a:gd name="connsiteY33" fmla="*/ 138404 h 459094"/>
              <a:gd name="connsiteX34" fmla="*/ 212641 w 576804"/>
              <a:gd name="connsiteY34" fmla="*/ 129807 h 459094"/>
              <a:gd name="connsiteX35" fmla="*/ 244501 w 576804"/>
              <a:gd name="connsiteY35" fmla="*/ 123788 h 459094"/>
              <a:gd name="connsiteX36" fmla="*/ 55153 w 576804"/>
              <a:gd name="connsiteY36" fmla="*/ 100587 h 459094"/>
              <a:gd name="connsiteX37" fmla="*/ 55153 w 576804"/>
              <a:gd name="connsiteY37" fmla="*/ 220985 h 459094"/>
              <a:gd name="connsiteX38" fmla="*/ 55153 w 576804"/>
              <a:gd name="connsiteY38" fmla="*/ 294083 h 459094"/>
              <a:gd name="connsiteX39" fmla="*/ 55153 w 576804"/>
              <a:gd name="connsiteY39" fmla="*/ 403300 h 459094"/>
              <a:gd name="connsiteX40" fmla="*/ 160158 w 576804"/>
              <a:gd name="connsiteY40" fmla="*/ 403300 h 459094"/>
              <a:gd name="connsiteX41" fmla="*/ 233317 w 576804"/>
              <a:gd name="connsiteY41" fmla="*/ 403300 h 459094"/>
              <a:gd name="connsiteX42" fmla="*/ 521651 w 576804"/>
              <a:gd name="connsiteY42" fmla="*/ 403300 h 459094"/>
              <a:gd name="connsiteX43" fmla="*/ 521651 w 576804"/>
              <a:gd name="connsiteY43" fmla="*/ 100587 h 459094"/>
              <a:gd name="connsiteX44" fmla="*/ 43964 w 576804"/>
              <a:gd name="connsiteY44" fmla="*/ 77368 h 459094"/>
              <a:gd name="connsiteX45" fmla="*/ 533701 w 576804"/>
              <a:gd name="connsiteY45" fmla="*/ 77368 h 459094"/>
              <a:gd name="connsiteX46" fmla="*/ 544890 w 576804"/>
              <a:gd name="connsiteY46" fmla="*/ 88548 h 459094"/>
              <a:gd name="connsiteX47" fmla="*/ 544890 w 576804"/>
              <a:gd name="connsiteY47" fmla="*/ 414480 h 459094"/>
              <a:gd name="connsiteX48" fmla="*/ 533701 w 576804"/>
              <a:gd name="connsiteY48" fmla="*/ 425660 h 459094"/>
              <a:gd name="connsiteX49" fmla="*/ 233317 w 576804"/>
              <a:gd name="connsiteY49" fmla="*/ 425660 h 459094"/>
              <a:gd name="connsiteX50" fmla="*/ 160158 w 576804"/>
              <a:gd name="connsiteY50" fmla="*/ 425660 h 459094"/>
              <a:gd name="connsiteX51" fmla="*/ 43964 w 576804"/>
              <a:gd name="connsiteY51" fmla="*/ 425660 h 459094"/>
              <a:gd name="connsiteX52" fmla="*/ 31914 w 576804"/>
              <a:gd name="connsiteY52" fmla="*/ 414480 h 459094"/>
              <a:gd name="connsiteX53" fmla="*/ 31914 w 576804"/>
              <a:gd name="connsiteY53" fmla="*/ 294083 h 459094"/>
              <a:gd name="connsiteX54" fmla="*/ 31914 w 576804"/>
              <a:gd name="connsiteY54" fmla="*/ 220985 h 459094"/>
              <a:gd name="connsiteX55" fmla="*/ 31914 w 576804"/>
              <a:gd name="connsiteY55" fmla="*/ 88548 h 459094"/>
              <a:gd name="connsiteX56" fmla="*/ 43964 w 576804"/>
              <a:gd name="connsiteY56" fmla="*/ 77368 h 459094"/>
              <a:gd name="connsiteX57" fmla="*/ 520864 w 576804"/>
              <a:gd name="connsiteY57" fmla="*/ 39513 h 459094"/>
              <a:gd name="connsiteX58" fmla="*/ 533791 w 576804"/>
              <a:gd name="connsiteY58" fmla="*/ 39513 h 459094"/>
              <a:gd name="connsiteX59" fmla="*/ 545857 w 576804"/>
              <a:gd name="connsiteY59" fmla="*/ 50704 h 459094"/>
              <a:gd name="connsiteX60" fmla="*/ 533791 w 576804"/>
              <a:gd name="connsiteY60" fmla="*/ 61894 h 459094"/>
              <a:gd name="connsiteX61" fmla="*/ 520864 w 576804"/>
              <a:gd name="connsiteY61" fmla="*/ 61894 h 459094"/>
              <a:gd name="connsiteX62" fmla="*/ 509660 w 576804"/>
              <a:gd name="connsiteY62" fmla="*/ 50704 h 459094"/>
              <a:gd name="connsiteX63" fmla="*/ 520864 w 576804"/>
              <a:gd name="connsiteY63" fmla="*/ 39513 h 459094"/>
              <a:gd name="connsiteX64" fmla="*/ 465739 w 576804"/>
              <a:gd name="connsiteY64" fmla="*/ 39513 h 459094"/>
              <a:gd name="connsiteX65" fmla="*/ 478666 w 576804"/>
              <a:gd name="connsiteY65" fmla="*/ 39513 h 459094"/>
              <a:gd name="connsiteX66" fmla="*/ 490732 w 576804"/>
              <a:gd name="connsiteY66" fmla="*/ 50704 h 459094"/>
              <a:gd name="connsiteX67" fmla="*/ 478666 w 576804"/>
              <a:gd name="connsiteY67" fmla="*/ 61894 h 459094"/>
              <a:gd name="connsiteX68" fmla="*/ 465739 w 576804"/>
              <a:gd name="connsiteY68" fmla="*/ 61894 h 459094"/>
              <a:gd name="connsiteX69" fmla="*/ 454535 w 576804"/>
              <a:gd name="connsiteY69" fmla="*/ 50704 h 459094"/>
              <a:gd name="connsiteX70" fmla="*/ 465739 w 576804"/>
              <a:gd name="connsiteY70" fmla="*/ 39513 h 459094"/>
              <a:gd name="connsiteX71" fmla="*/ 411477 w 576804"/>
              <a:gd name="connsiteY71" fmla="*/ 39513 h 459094"/>
              <a:gd name="connsiteX72" fmla="*/ 423542 w 576804"/>
              <a:gd name="connsiteY72" fmla="*/ 39513 h 459094"/>
              <a:gd name="connsiteX73" fmla="*/ 435608 w 576804"/>
              <a:gd name="connsiteY73" fmla="*/ 50704 h 459094"/>
              <a:gd name="connsiteX74" fmla="*/ 423542 w 576804"/>
              <a:gd name="connsiteY74" fmla="*/ 61894 h 459094"/>
              <a:gd name="connsiteX75" fmla="*/ 411477 w 576804"/>
              <a:gd name="connsiteY75" fmla="*/ 61894 h 459094"/>
              <a:gd name="connsiteX76" fmla="*/ 399411 w 576804"/>
              <a:gd name="connsiteY76" fmla="*/ 50704 h 459094"/>
              <a:gd name="connsiteX77" fmla="*/ 411477 w 576804"/>
              <a:gd name="connsiteY77" fmla="*/ 39513 h 459094"/>
              <a:gd name="connsiteX78" fmla="*/ 23244 w 576804"/>
              <a:gd name="connsiteY78" fmla="*/ 23213 h 459094"/>
              <a:gd name="connsiteX79" fmla="*/ 23244 w 576804"/>
              <a:gd name="connsiteY79" fmla="*/ 256199 h 459094"/>
              <a:gd name="connsiteX80" fmla="*/ 23244 w 576804"/>
              <a:gd name="connsiteY80" fmla="*/ 300045 h 459094"/>
              <a:gd name="connsiteX81" fmla="*/ 23244 w 576804"/>
              <a:gd name="connsiteY81" fmla="*/ 435881 h 459094"/>
              <a:gd name="connsiteX82" fmla="*/ 153240 w 576804"/>
              <a:gd name="connsiteY82" fmla="*/ 435881 h 459094"/>
              <a:gd name="connsiteX83" fmla="*/ 197146 w 576804"/>
              <a:gd name="connsiteY83" fmla="*/ 435881 h 459094"/>
              <a:gd name="connsiteX84" fmla="*/ 554421 w 576804"/>
              <a:gd name="connsiteY84" fmla="*/ 435881 h 459094"/>
              <a:gd name="connsiteX85" fmla="*/ 554421 w 576804"/>
              <a:gd name="connsiteY85" fmla="*/ 23213 h 459094"/>
              <a:gd name="connsiteX86" fmla="*/ 11192 w 576804"/>
              <a:gd name="connsiteY86" fmla="*/ 0 h 459094"/>
              <a:gd name="connsiteX87" fmla="*/ 565612 w 576804"/>
              <a:gd name="connsiteY87" fmla="*/ 0 h 459094"/>
              <a:gd name="connsiteX88" fmla="*/ 576804 w 576804"/>
              <a:gd name="connsiteY88" fmla="*/ 12036 h 459094"/>
              <a:gd name="connsiteX89" fmla="*/ 576804 w 576804"/>
              <a:gd name="connsiteY89" fmla="*/ 447918 h 459094"/>
              <a:gd name="connsiteX90" fmla="*/ 565612 w 576804"/>
              <a:gd name="connsiteY90" fmla="*/ 459094 h 459094"/>
              <a:gd name="connsiteX91" fmla="*/ 197146 w 576804"/>
              <a:gd name="connsiteY91" fmla="*/ 459094 h 459094"/>
              <a:gd name="connsiteX92" fmla="*/ 153240 w 576804"/>
              <a:gd name="connsiteY92" fmla="*/ 459094 h 459094"/>
              <a:gd name="connsiteX93" fmla="*/ 11192 w 576804"/>
              <a:gd name="connsiteY93" fmla="*/ 459094 h 459094"/>
              <a:gd name="connsiteX94" fmla="*/ 0 w 576804"/>
              <a:gd name="connsiteY94" fmla="*/ 447918 h 459094"/>
              <a:gd name="connsiteX95" fmla="*/ 0 w 576804"/>
              <a:gd name="connsiteY95" fmla="*/ 300045 h 459094"/>
              <a:gd name="connsiteX96" fmla="*/ 0 w 576804"/>
              <a:gd name="connsiteY96" fmla="*/ 256199 h 459094"/>
              <a:gd name="connsiteX97" fmla="*/ 0 w 576804"/>
              <a:gd name="connsiteY97" fmla="*/ 12036 h 459094"/>
              <a:gd name="connsiteX98" fmla="*/ 11192 w 576804"/>
              <a:gd name="connsiteY98" fmla="*/ 0 h 459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Lst>
            <a:rect l="l" t="t" r="r" b="b"/>
            <a:pathLst>
              <a:path w="576804" h="459094">
                <a:moveTo>
                  <a:pt x="311666" y="251897"/>
                </a:moveTo>
                <a:lnTo>
                  <a:pt x="302194" y="262214"/>
                </a:lnTo>
                <a:lnTo>
                  <a:pt x="291861" y="271672"/>
                </a:lnTo>
                <a:lnTo>
                  <a:pt x="381414" y="361090"/>
                </a:lnTo>
                <a:lnTo>
                  <a:pt x="401219" y="341315"/>
                </a:lnTo>
                <a:close/>
                <a:moveTo>
                  <a:pt x="239334" y="147002"/>
                </a:moveTo>
                <a:lnTo>
                  <a:pt x="271195" y="178815"/>
                </a:lnTo>
                <a:cubicBezTo>
                  <a:pt x="275500" y="183113"/>
                  <a:pt x="275500" y="189992"/>
                  <a:pt x="271195" y="194291"/>
                </a:cubicBezTo>
                <a:lnTo>
                  <a:pt x="234168" y="230402"/>
                </a:lnTo>
                <a:cubicBezTo>
                  <a:pt x="229862" y="234701"/>
                  <a:pt x="222974" y="234701"/>
                  <a:pt x="218668" y="230402"/>
                </a:cubicBezTo>
                <a:lnTo>
                  <a:pt x="186808" y="199449"/>
                </a:lnTo>
                <a:cubicBezTo>
                  <a:pt x="185086" y="215785"/>
                  <a:pt x="191114" y="232981"/>
                  <a:pt x="203169" y="245878"/>
                </a:cubicBezTo>
                <a:cubicBezTo>
                  <a:pt x="214363" y="257055"/>
                  <a:pt x="229001" y="263074"/>
                  <a:pt x="244501" y="263074"/>
                </a:cubicBezTo>
                <a:cubicBezTo>
                  <a:pt x="260001" y="263074"/>
                  <a:pt x="274639" y="257055"/>
                  <a:pt x="285833" y="245878"/>
                </a:cubicBezTo>
                <a:cubicBezTo>
                  <a:pt x="308222" y="222664"/>
                  <a:pt x="308222" y="185693"/>
                  <a:pt x="285833" y="163338"/>
                </a:cubicBezTo>
                <a:cubicBezTo>
                  <a:pt x="273778" y="151301"/>
                  <a:pt x="256556" y="145283"/>
                  <a:pt x="239334" y="147002"/>
                </a:cubicBezTo>
                <a:close/>
                <a:moveTo>
                  <a:pt x="244501" y="123788"/>
                </a:moveTo>
                <a:cubicBezTo>
                  <a:pt x="266028" y="123788"/>
                  <a:pt x="286694" y="131526"/>
                  <a:pt x="302194" y="147002"/>
                </a:cubicBezTo>
                <a:cubicBezTo>
                  <a:pt x="324582" y="169357"/>
                  <a:pt x="330610" y="201169"/>
                  <a:pt x="321999" y="229542"/>
                </a:cubicBezTo>
                <a:lnTo>
                  <a:pt x="426191" y="333577"/>
                </a:lnTo>
                <a:cubicBezTo>
                  <a:pt x="430496" y="337876"/>
                  <a:pt x="430496" y="344754"/>
                  <a:pt x="426191" y="349913"/>
                </a:cubicBezTo>
                <a:lnTo>
                  <a:pt x="390025" y="386024"/>
                </a:lnTo>
                <a:cubicBezTo>
                  <a:pt x="387442" y="387743"/>
                  <a:pt x="384858" y="389463"/>
                  <a:pt x="381414" y="389463"/>
                </a:cubicBezTo>
                <a:cubicBezTo>
                  <a:pt x="378831" y="389463"/>
                  <a:pt x="375386" y="387743"/>
                  <a:pt x="373664" y="386024"/>
                </a:cubicBezTo>
                <a:lnTo>
                  <a:pt x="269473" y="281989"/>
                </a:lnTo>
                <a:cubicBezTo>
                  <a:pt x="261723" y="284569"/>
                  <a:pt x="253112" y="285428"/>
                  <a:pt x="244501" y="285428"/>
                </a:cubicBezTo>
                <a:cubicBezTo>
                  <a:pt x="222974" y="285428"/>
                  <a:pt x="202308" y="277690"/>
                  <a:pt x="186808" y="262214"/>
                </a:cubicBezTo>
                <a:cubicBezTo>
                  <a:pt x="163559" y="238140"/>
                  <a:pt x="156670" y="202889"/>
                  <a:pt x="170447" y="172796"/>
                </a:cubicBezTo>
                <a:cubicBezTo>
                  <a:pt x="171308" y="168497"/>
                  <a:pt x="174753" y="166777"/>
                  <a:pt x="178197" y="165918"/>
                </a:cubicBezTo>
                <a:cubicBezTo>
                  <a:pt x="182503" y="165058"/>
                  <a:pt x="185947" y="165918"/>
                  <a:pt x="188530" y="168497"/>
                </a:cubicBezTo>
                <a:lnTo>
                  <a:pt x="226418" y="206328"/>
                </a:lnTo>
                <a:lnTo>
                  <a:pt x="246223" y="186553"/>
                </a:lnTo>
                <a:lnTo>
                  <a:pt x="208335" y="148722"/>
                </a:lnTo>
                <a:cubicBezTo>
                  <a:pt x="205752" y="146143"/>
                  <a:pt x="204891" y="142703"/>
                  <a:pt x="205752" y="138404"/>
                </a:cubicBezTo>
                <a:cubicBezTo>
                  <a:pt x="206613" y="134965"/>
                  <a:pt x="209196" y="131526"/>
                  <a:pt x="212641" y="129807"/>
                </a:cubicBezTo>
                <a:cubicBezTo>
                  <a:pt x="222974" y="125508"/>
                  <a:pt x="233307" y="123788"/>
                  <a:pt x="244501" y="123788"/>
                </a:cubicBezTo>
                <a:close/>
                <a:moveTo>
                  <a:pt x="55153" y="100587"/>
                </a:moveTo>
                <a:lnTo>
                  <a:pt x="55153" y="220985"/>
                </a:lnTo>
                <a:lnTo>
                  <a:pt x="55153" y="294083"/>
                </a:lnTo>
                <a:lnTo>
                  <a:pt x="55153" y="403300"/>
                </a:lnTo>
                <a:lnTo>
                  <a:pt x="160158" y="403300"/>
                </a:lnTo>
                <a:lnTo>
                  <a:pt x="233317" y="403300"/>
                </a:lnTo>
                <a:lnTo>
                  <a:pt x="521651" y="403300"/>
                </a:lnTo>
                <a:lnTo>
                  <a:pt x="521651" y="100587"/>
                </a:lnTo>
                <a:close/>
                <a:moveTo>
                  <a:pt x="43964" y="77368"/>
                </a:moveTo>
                <a:lnTo>
                  <a:pt x="533701" y="77368"/>
                </a:lnTo>
                <a:cubicBezTo>
                  <a:pt x="539726" y="77368"/>
                  <a:pt x="544890" y="82528"/>
                  <a:pt x="544890" y="88548"/>
                </a:cubicBezTo>
                <a:lnTo>
                  <a:pt x="544890" y="414480"/>
                </a:lnTo>
                <a:cubicBezTo>
                  <a:pt x="544890" y="420500"/>
                  <a:pt x="539726" y="425660"/>
                  <a:pt x="533701" y="425660"/>
                </a:cubicBezTo>
                <a:lnTo>
                  <a:pt x="233317" y="425660"/>
                </a:lnTo>
                <a:lnTo>
                  <a:pt x="160158" y="425660"/>
                </a:lnTo>
                <a:lnTo>
                  <a:pt x="43964" y="425660"/>
                </a:lnTo>
                <a:cubicBezTo>
                  <a:pt x="37078" y="425660"/>
                  <a:pt x="31914" y="420500"/>
                  <a:pt x="31914" y="414480"/>
                </a:cubicBezTo>
                <a:lnTo>
                  <a:pt x="31914" y="294083"/>
                </a:lnTo>
                <a:lnTo>
                  <a:pt x="31914" y="220985"/>
                </a:lnTo>
                <a:lnTo>
                  <a:pt x="31914" y="88548"/>
                </a:lnTo>
                <a:cubicBezTo>
                  <a:pt x="31914" y="82528"/>
                  <a:pt x="37078" y="77368"/>
                  <a:pt x="43964" y="77368"/>
                </a:cubicBezTo>
                <a:close/>
                <a:moveTo>
                  <a:pt x="520864" y="39513"/>
                </a:moveTo>
                <a:lnTo>
                  <a:pt x="533791" y="39513"/>
                </a:lnTo>
                <a:cubicBezTo>
                  <a:pt x="540686" y="39513"/>
                  <a:pt x="545857" y="44678"/>
                  <a:pt x="545857" y="50704"/>
                </a:cubicBezTo>
                <a:cubicBezTo>
                  <a:pt x="545857" y="56729"/>
                  <a:pt x="540686" y="61894"/>
                  <a:pt x="533791" y="61894"/>
                </a:cubicBezTo>
                <a:lnTo>
                  <a:pt x="520864" y="61894"/>
                </a:lnTo>
                <a:cubicBezTo>
                  <a:pt x="514831" y="61894"/>
                  <a:pt x="509660" y="56729"/>
                  <a:pt x="509660" y="50704"/>
                </a:cubicBezTo>
                <a:cubicBezTo>
                  <a:pt x="509660" y="44678"/>
                  <a:pt x="514831" y="39513"/>
                  <a:pt x="520864" y="39513"/>
                </a:cubicBezTo>
                <a:close/>
                <a:moveTo>
                  <a:pt x="465739" y="39513"/>
                </a:moveTo>
                <a:lnTo>
                  <a:pt x="478666" y="39513"/>
                </a:lnTo>
                <a:cubicBezTo>
                  <a:pt x="485561" y="39513"/>
                  <a:pt x="490732" y="44678"/>
                  <a:pt x="490732" y="50704"/>
                </a:cubicBezTo>
                <a:cubicBezTo>
                  <a:pt x="490732" y="56729"/>
                  <a:pt x="485561" y="61894"/>
                  <a:pt x="478666" y="61894"/>
                </a:cubicBezTo>
                <a:lnTo>
                  <a:pt x="465739" y="61894"/>
                </a:lnTo>
                <a:cubicBezTo>
                  <a:pt x="459706" y="61894"/>
                  <a:pt x="454535" y="56729"/>
                  <a:pt x="454535" y="50704"/>
                </a:cubicBezTo>
                <a:cubicBezTo>
                  <a:pt x="454535" y="44678"/>
                  <a:pt x="459706" y="39513"/>
                  <a:pt x="465739" y="39513"/>
                </a:cubicBezTo>
                <a:close/>
                <a:moveTo>
                  <a:pt x="411477" y="39513"/>
                </a:moveTo>
                <a:lnTo>
                  <a:pt x="423542" y="39513"/>
                </a:lnTo>
                <a:cubicBezTo>
                  <a:pt x="430437" y="39513"/>
                  <a:pt x="435608" y="44678"/>
                  <a:pt x="435608" y="50704"/>
                </a:cubicBezTo>
                <a:cubicBezTo>
                  <a:pt x="435608" y="56729"/>
                  <a:pt x="430437" y="61894"/>
                  <a:pt x="423542" y="61894"/>
                </a:cubicBezTo>
                <a:lnTo>
                  <a:pt x="411477" y="61894"/>
                </a:lnTo>
                <a:cubicBezTo>
                  <a:pt x="404582" y="61894"/>
                  <a:pt x="399411" y="56729"/>
                  <a:pt x="399411" y="50704"/>
                </a:cubicBezTo>
                <a:cubicBezTo>
                  <a:pt x="399411" y="44678"/>
                  <a:pt x="404582" y="39513"/>
                  <a:pt x="411477" y="39513"/>
                </a:cubicBezTo>
                <a:close/>
                <a:moveTo>
                  <a:pt x="23244" y="23213"/>
                </a:moveTo>
                <a:lnTo>
                  <a:pt x="23244" y="256199"/>
                </a:lnTo>
                <a:lnTo>
                  <a:pt x="23244" y="300045"/>
                </a:lnTo>
                <a:lnTo>
                  <a:pt x="23244" y="435881"/>
                </a:lnTo>
                <a:lnTo>
                  <a:pt x="153240" y="435881"/>
                </a:lnTo>
                <a:lnTo>
                  <a:pt x="197146" y="435881"/>
                </a:lnTo>
                <a:lnTo>
                  <a:pt x="554421" y="435881"/>
                </a:lnTo>
                <a:lnTo>
                  <a:pt x="554421" y="23213"/>
                </a:lnTo>
                <a:close/>
                <a:moveTo>
                  <a:pt x="11192" y="0"/>
                </a:moveTo>
                <a:lnTo>
                  <a:pt x="565612" y="0"/>
                </a:lnTo>
                <a:cubicBezTo>
                  <a:pt x="571639" y="0"/>
                  <a:pt x="576804" y="5158"/>
                  <a:pt x="576804" y="12036"/>
                </a:cubicBezTo>
                <a:lnTo>
                  <a:pt x="576804" y="447918"/>
                </a:lnTo>
                <a:cubicBezTo>
                  <a:pt x="576804" y="453936"/>
                  <a:pt x="571639" y="459094"/>
                  <a:pt x="565612" y="459094"/>
                </a:cubicBezTo>
                <a:lnTo>
                  <a:pt x="197146" y="459094"/>
                </a:lnTo>
                <a:lnTo>
                  <a:pt x="153240" y="459094"/>
                </a:lnTo>
                <a:lnTo>
                  <a:pt x="11192" y="459094"/>
                </a:lnTo>
                <a:cubicBezTo>
                  <a:pt x="5165" y="459094"/>
                  <a:pt x="0" y="453936"/>
                  <a:pt x="0" y="447918"/>
                </a:cubicBezTo>
                <a:lnTo>
                  <a:pt x="0" y="300045"/>
                </a:lnTo>
                <a:lnTo>
                  <a:pt x="0" y="256199"/>
                </a:lnTo>
                <a:lnTo>
                  <a:pt x="0" y="12036"/>
                </a:lnTo>
                <a:cubicBezTo>
                  <a:pt x="0" y="5158"/>
                  <a:pt x="5165" y="0"/>
                  <a:pt x="11192" y="0"/>
                </a:cubicBezTo>
                <a:close/>
              </a:path>
            </a:pathLst>
          </a:custGeom>
          <a:solidFill>
            <a:srgbClr val="C00000"/>
          </a:solidFill>
          <a:ln>
            <a:solidFill>
              <a:srgbClr val="EC7061"/>
            </a:solidFill>
          </a:ln>
        </p:spPr>
        <p:txBody>
          <a:bodyPr/>
          <a:lstStyle/>
          <a:p>
            <a:endParaRPr lang="zh-CN" altLang="en-US">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6" name="browser-setting-interface-circular-symbol-of-a-wrench-in-a-window-outlines-inside-a-circle_41892">
            <a:extLst>
              <a:ext uri="{FF2B5EF4-FFF2-40B4-BE49-F238E27FC236}">
                <a16:creationId xmlns:a16="http://schemas.microsoft.com/office/drawing/2014/main" xmlns="" id="{5DC6E35A-40C0-471C-BECD-AE2E56F09AEE}"/>
              </a:ext>
            </a:extLst>
          </p:cNvPr>
          <p:cNvSpPr>
            <a:spLocks noChangeAspect="1"/>
          </p:cNvSpPr>
          <p:nvPr/>
        </p:nvSpPr>
        <p:spPr bwMode="auto">
          <a:xfrm>
            <a:off x="2726830" y="3044593"/>
            <a:ext cx="440039" cy="325372"/>
          </a:xfrm>
          <a:custGeom>
            <a:avLst/>
            <a:gdLst>
              <a:gd name="connsiteX0" fmla="*/ 153550 w 609602"/>
              <a:gd name="connsiteY0" fmla="*/ 121725 h 448232"/>
              <a:gd name="connsiteX1" fmla="*/ 171615 w 609602"/>
              <a:gd name="connsiteY1" fmla="*/ 139767 h 448232"/>
              <a:gd name="connsiteX2" fmla="*/ 171615 w 609602"/>
              <a:gd name="connsiteY2" fmla="*/ 199159 h 448232"/>
              <a:gd name="connsiteX3" fmla="*/ 153550 w 609602"/>
              <a:gd name="connsiteY3" fmla="*/ 217200 h 448232"/>
              <a:gd name="connsiteX4" fmla="*/ 135486 w 609602"/>
              <a:gd name="connsiteY4" fmla="*/ 199159 h 448232"/>
              <a:gd name="connsiteX5" fmla="*/ 135486 w 609602"/>
              <a:gd name="connsiteY5" fmla="*/ 139767 h 448232"/>
              <a:gd name="connsiteX6" fmla="*/ 153550 w 609602"/>
              <a:gd name="connsiteY6" fmla="*/ 121725 h 448232"/>
              <a:gd name="connsiteX7" fmla="*/ 18064 w 609602"/>
              <a:gd name="connsiteY7" fmla="*/ 121725 h 448232"/>
              <a:gd name="connsiteX8" fmla="*/ 36129 w 609602"/>
              <a:gd name="connsiteY8" fmla="*/ 139767 h 448232"/>
              <a:gd name="connsiteX9" fmla="*/ 36129 w 609602"/>
              <a:gd name="connsiteY9" fmla="*/ 199159 h 448232"/>
              <a:gd name="connsiteX10" fmla="*/ 18064 w 609602"/>
              <a:gd name="connsiteY10" fmla="*/ 217200 h 448232"/>
              <a:gd name="connsiteX11" fmla="*/ 0 w 609602"/>
              <a:gd name="connsiteY11" fmla="*/ 199159 h 448232"/>
              <a:gd name="connsiteX12" fmla="*/ 0 w 609602"/>
              <a:gd name="connsiteY12" fmla="*/ 139767 h 448232"/>
              <a:gd name="connsiteX13" fmla="*/ 18064 w 609602"/>
              <a:gd name="connsiteY13" fmla="*/ 121725 h 448232"/>
              <a:gd name="connsiteX14" fmla="*/ 221314 w 609602"/>
              <a:gd name="connsiteY14" fmla="*/ 47279 h 448232"/>
              <a:gd name="connsiteX15" fmla="*/ 239287 w 609602"/>
              <a:gd name="connsiteY15" fmla="*/ 65325 h 448232"/>
              <a:gd name="connsiteX16" fmla="*/ 239287 w 609602"/>
              <a:gd name="connsiteY16" fmla="*/ 199155 h 448232"/>
              <a:gd name="connsiteX17" fmla="*/ 221314 w 609602"/>
              <a:gd name="connsiteY17" fmla="*/ 217201 h 448232"/>
              <a:gd name="connsiteX18" fmla="*/ 203228 w 609602"/>
              <a:gd name="connsiteY18" fmla="*/ 199155 h 448232"/>
              <a:gd name="connsiteX19" fmla="*/ 203228 w 609602"/>
              <a:gd name="connsiteY19" fmla="*/ 65325 h 448232"/>
              <a:gd name="connsiteX20" fmla="*/ 221314 w 609602"/>
              <a:gd name="connsiteY20" fmla="*/ 47279 h 448232"/>
              <a:gd name="connsiteX21" fmla="*/ 85751 w 609602"/>
              <a:gd name="connsiteY21" fmla="*/ 47279 h 448232"/>
              <a:gd name="connsiteX22" fmla="*/ 103801 w 609602"/>
              <a:gd name="connsiteY22" fmla="*/ 65325 h 448232"/>
              <a:gd name="connsiteX23" fmla="*/ 103801 w 609602"/>
              <a:gd name="connsiteY23" fmla="*/ 199155 h 448232"/>
              <a:gd name="connsiteX24" fmla="*/ 85751 w 609602"/>
              <a:gd name="connsiteY24" fmla="*/ 217201 h 448232"/>
              <a:gd name="connsiteX25" fmla="*/ 67813 w 609602"/>
              <a:gd name="connsiteY25" fmla="*/ 199155 h 448232"/>
              <a:gd name="connsiteX26" fmla="*/ 67813 w 609602"/>
              <a:gd name="connsiteY26" fmla="*/ 65325 h 448232"/>
              <a:gd name="connsiteX27" fmla="*/ 85751 w 609602"/>
              <a:gd name="connsiteY27" fmla="*/ 47279 h 448232"/>
              <a:gd name="connsiteX28" fmla="*/ 338920 w 609602"/>
              <a:gd name="connsiteY28" fmla="*/ 19970 h 448232"/>
              <a:gd name="connsiteX29" fmla="*/ 450806 w 609602"/>
              <a:gd name="connsiteY29" fmla="*/ 66248 h 448232"/>
              <a:gd name="connsiteX30" fmla="*/ 497155 w 609602"/>
              <a:gd name="connsiteY30" fmla="*/ 177963 h 448232"/>
              <a:gd name="connsiteX31" fmla="*/ 468538 w 609602"/>
              <a:gd name="connsiteY31" fmla="*/ 268613 h 448232"/>
              <a:gd name="connsiteX32" fmla="*/ 601523 w 609602"/>
              <a:gd name="connsiteY32" fmla="*/ 401395 h 448232"/>
              <a:gd name="connsiteX33" fmla="*/ 601523 w 609602"/>
              <a:gd name="connsiteY33" fmla="*/ 440165 h 448232"/>
              <a:gd name="connsiteX34" fmla="*/ 582108 w 609602"/>
              <a:gd name="connsiteY34" fmla="*/ 448232 h 448232"/>
              <a:gd name="connsiteX35" fmla="*/ 562693 w 609602"/>
              <a:gd name="connsiteY35" fmla="*/ 440165 h 448232"/>
              <a:gd name="connsiteX36" fmla="*/ 429708 w 609602"/>
              <a:gd name="connsiteY36" fmla="*/ 307383 h 448232"/>
              <a:gd name="connsiteX37" fmla="*/ 338920 w 609602"/>
              <a:gd name="connsiteY37" fmla="*/ 335956 h 448232"/>
              <a:gd name="connsiteX38" fmla="*/ 227033 w 609602"/>
              <a:gd name="connsiteY38" fmla="*/ 289679 h 448232"/>
              <a:gd name="connsiteX39" fmla="*/ 186857 w 609602"/>
              <a:gd name="connsiteY39" fmla="*/ 222224 h 448232"/>
              <a:gd name="connsiteX40" fmla="*/ 187418 w 609602"/>
              <a:gd name="connsiteY40" fmla="*/ 221551 h 448232"/>
              <a:gd name="connsiteX41" fmla="*/ 221310 w 609602"/>
              <a:gd name="connsiteY41" fmla="*/ 239704 h 448232"/>
              <a:gd name="connsiteX42" fmla="*/ 241510 w 609602"/>
              <a:gd name="connsiteY42" fmla="*/ 234325 h 448232"/>
              <a:gd name="connsiteX43" fmla="*/ 259353 w 609602"/>
              <a:gd name="connsiteY43" fmla="*/ 257408 h 448232"/>
              <a:gd name="connsiteX44" fmla="*/ 338920 w 609602"/>
              <a:gd name="connsiteY44" fmla="*/ 290351 h 448232"/>
              <a:gd name="connsiteX45" fmla="*/ 418486 w 609602"/>
              <a:gd name="connsiteY45" fmla="*/ 257408 h 448232"/>
              <a:gd name="connsiteX46" fmla="*/ 451480 w 609602"/>
              <a:gd name="connsiteY46" fmla="*/ 177963 h 448232"/>
              <a:gd name="connsiteX47" fmla="*/ 418486 w 609602"/>
              <a:gd name="connsiteY47" fmla="*/ 98519 h 448232"/>
              <a:gd name="connsiteX48" fmla="*/ 338920 w 609602"/>
              <a:gd name="connsiteY48" fmla="*/ 65575 h 448232"/>
              <a:gd name="connsiteX49" fmla="*/ 329605 w 609602"/>
              <a:gd name="connsiteY49" fmla="*/ 66024 h 448232"/>
              <a:gd name="connsiteX50" fmla="*/ 329605 w 609602"/>
              <a:gd name="connsiteY50" fmla="*/ 20194 h 448232"/>
              <a:gd name="connsiteX51" fmla="*/ 338920 w 609602"/>
              <a:gd name="connsiteY51" fmla="*/ 19970 h 448232"/>
              <a:gd name="connsiteX52" fmla="*/ 288966 w 609602"/>
              <a:gd name="connsiteY52" fmla="*/ 0 h 448232"/>
              <a:gd name="connsiteX53" fmla="*/ 307030 w 609602"/>
              <a:gd name="connsiteY53" fmla="*/ 18044 h 448232"/>
              <a:gd name="connsiteX54" fmla="*/ 307030 w 609602"/>
              <a:gd name="connsiteY54" fmla="*/ 199157 h 448232"/>
              <a:gd name="connsiteX55" fmla="*/ 288966 w 609602"/>
              <a:gd name="connsiteY55" fmla="*/ 217201 h 448232"/>
              <a:gd name="connsiteX56" fmla="*/ 270901 w 609602"/>
              <a:gd name="connsiteY56" fmla="*/ 199157 h 448232"/>
              <a:gd name="connsiteX57" fmla="*/ 270901 w 609602"/>
              <a:gd name="connsiteY57" fmla="*/ 18044 h 448232"/>
              <a:gd name="connsiteX58" fmla="*/ 288966 w 609602"/>
              <a:gd name="connsiteY58" fmla="*/ 0 h 4482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Lst>
            <a:rect l="l" t="t" r="r" b="b"/>
            <a:pathLst>
              <a:path w="609602" h="448232">
                <a:moveTo>
                  <a:pt x="153550" y="121725"/>
                </a:moveTo>
                <a:cubicBezTo>
                  <a:pt x="163536" y="121725"/>
                  <a:pt x="171615" y="129794"/>
                  <a:pt x="171615" y="139767"/>
                </a:cubicBezTo>
                <a:lnTo>
                  <a:pt x="171615" y="199159"/>
                </a:lnTo>
                <a:cubicBezTo>
                  <a:pt x="171615" y="209132"/>
                  <a:pt x="163536" y="217200"/>
                  <a:pt x="153550" y="217200"/>
                </a:cubicBezTo>
                <a:cubicBezTo>
                  <a:pt x="143565" y="217200"/>
                  <a:pt x="135486" y="209132"/>
                  <a:pt x="135486" y="199159"/>
                </a:cubicBezTo>
                <a:lnTo>
                  <a:pt x="135486" y="139767"/>
                </a:lnTo>
                <a:cubicBezTo>
                  <a:pt x="135486" y="129794"/>
                  <a:pt x="143565" y="121725"/>
                  <a:pt x="153550" y="121725"/>
                </a:cubicBezTo>
                <a:close/>
                <a:moveTo>
                  <a:pt x="18064" y="121725"/>
                </a:moveTo>
                <a:cubicBezTo>
                  <a:pt x="28050" y="121725"/>
                  <a:pt x="36129" y="129794"/>
                  <a:pt x="36129" y="139767"/>
                </a:cubicBezTo>
                <a:lnTo>
                  <a:pt x="36129" y="199159"/>
                </a:lnTo>
                <a:cubicBezTo>
                  <a:pt x="36129" y="209132"/>
                  <a:pt x="28050" y="217200"/>
                  <a:pt x="18064" y="217200"/>
                </a:cubicBezTo>
                <a:cubicBezTo>
                  <a:pt x="8079" y="217200"/>
                  <a:pt x="0" y="209132"/>
                  <a:pt x="0" y="199159"/>
                </a:cubicBezTo>
                <a:lnTo>
                  <a:pt x="0" y="139767"/>
                </a:lnTo>
                <a:cubicBezTo>
                  <a:pt x="0" y="129794"/>
                  <a:pt x="8079" y="121725"/>
                  <a:pt x="18064" y="121725"/>
                </a:cubicBezTo>
                <a:close/>
                <a:moveTo>
                  <a:pt x="221314" y="47279"/>
                </a:moveTo>
                <a:cubicBezTo>
                  <a:pt x="231199" y="47279"/>
                  <a:pt x="239287" y="55349"/>
                  <a:pt x="239287" y="65325"/>
                </a:cubicBezTo>
                <a:lnTo>
                  <a:pt x="239287" y="199155"/>
                </a:lnTo>
                <a:cubicBezTo>
                  <a:pt x="239287" y="209131"/>
                  <a:pt x="231199" y="217201"/>
                  <a:pt x="221314" y="217201"/>
                </a:cubicBezTo>
                <a:cubicBezTo>
                  <a:pt x="211316" y="217201"/>
                  <a:pt x="203228" y="209131"/>
                  <a:pt x="203228" y="199155"/>
                </a:cubicBezTo>
                <a:lnTo>
                  <a:pt x="203228" y="65325"/>
                </a:lnTo>
                <a:cubicBezTo>
                  <a:pt x="203228" y="55349"/>
                  <a:pt x="211316" y="47279"/>
                  <a:pt x="221314" y="47279"/>
                </a:cubicBezTo>
                <a:close/>
                <a:moveTo>
                  <a:pt x="85751" y="47279"/>
                </a:moveTo>
                <a:cubicBezTo>
                  <a:pt x="95729" y="47279"/>
                  <a:pt x="103801" y="55349"/>
                  <a:pt x="103801" y="65325"/>
                </a:cubicBezTo>
                <a:lnTo>
                  <a:pt x="103801" y="199155"/>
                </a:lnTo>
                <a:cubicBezTo>
                  <a:pt x="103801" y="209131"/>
                  <a:pt x="95729" y="217201"/>
                  <a:pt x="85751" y="217201"/>
                </a:cubicBezTo>
                <a:cubicBezTo>
                  <a:pt x="75885" y="217201"/>
                  <a:pt x="67813" y="209131"/>
                  <a:pt x="67813" y="199155"/>
                </a:cubicBezTo>
                <a:lnTo>
                  <a:pt x="67813" y="65325"/>
                </a:lnTo>
                <a:cubicBezTo>
                  <a:pt x="67813" y="55349"/>
                  <a:pt x="75885" y="47279"/>
                  <a:pt x="85751" y="47279"/>
                </a:cubicBezTo>
                <a:close/>
                <a:moveTo>
                  <a:pt x="338920" y="19970"/>
                </a:moveTo>
                <a:cubicBezTo>
                  <a:pt x="381228" y="19970"/>
                  <a:pt x="420955" y="36329"/>
                  <a:pt x="450806" y="66248"/>
                </a:cubicBezTo>
                <a:cubicBezTo>
                  <a:pt x="480770" y="96053"/>
                  <a:pt x="497155" y="135720"/>
                  <a:pt x="497155" y="177963"/>
                </a:cubicBezTo>
                <a:cubicBezTo>
                  <a:pt x="497155" y="210907"/>
                  <a:pt x="487167" y="242281"/>
                  <a:pt x="468538" y="268613"/>
                </a:cubicBezTo>
                <a:lnTo>
                  <a:pt x="601523" y="401395"/>
                </a:lnTo>
                <a:cubicBezTo>
                  <a:pt x="612296" y="412152"/>
                  <a:pt x="612296" y="429520"/>
                  <a:pt x="601523" y="440165"/>
                </a:cubicBezTo>
                <a:cubicBezTo>
                  <a:pt x="596248" y="445543"/>
                  <a:pt x="589178" y="448232"/>
                  <a:pt x="582108" y="448232"/>
                </a:cubicBezTo>
                <a:cubicBezTo>
                  <a:pt x="575150" y="448232"/>
                  <a:pt x="568080" y="445543"/>
                  <a:pt x="562693" y="440165"/>
                </a:cubicBezTo>
                <a:lnTo>
                  <a:pt x="429708" y="307383"/>
                </a:lnTo>
                <a:cubicBezTo>
                  <a:pt x="403336" y="325984"/>
                  <a:pt x="371913" y="335956"/>
                  <a:pt x="338920" y="335956"/>
                </a:cubicBezTo>
                <a:cubicBezTo>
                  <a:pt x="296612" y="335956"/>
                  <a:pt x="256884" y="319597"/>
                  <a:pt x="227033" y="289679"/>
                </a:cubicBezTo>
                <a:cubicBezTo>
                  <a:pt x="207843" y="270630"/>
                  <a:pt x="194264" y="247435"/>
                  <a:pt x="186857" y="222224"/>
                </a:cubicBezTo>
                <a:cubicBezTo>
                  <a:pt x="187081" y="222000"/>
                  <a:pt x="187194" y="221776"/>
                  <a:pt x="187418" y="221551"/>
                </a:cubicBezTo>
                <a:cubicBezTo>
                  <a:pt x="194713" y="232533"/>
                  <a:pt x="207169" y="239704"/>
                  <a:pt x="221310" y="239704"/>
                </a:cubicBezTo>
                <a:cubicBezTo>
                  <a:pt x="228604" y="239704"/>
                  <a:pt x="235562" y="237687"/>
                  <a:pt x="241510" y="234325"/>
                </a:cubicBezTo>
                <a:cubicBezTo>
                  <a:pt x="246335" y="242617"/>
                  <a:pt x="252283" y="250349"/>
                  <a:pt x="259353" y="257408"/>
                </a:cubicBezTo>
                <a:cubicBezTo>
                  <a:pt x="280564" y="278586"/>
                  <a:pt x="308844" y="290351"/>
                  <a:pt x="338920" y="290351"/>
                </a:cubicBezTo>
                <a:cubicBezTo>
                  <a:pt x="368996" y="290351"/>
                  <a:pt x="397164" y="278586"/>
                  <a:pt x="418486" y="257408"/>
                </a:cubicBezTo>
                <a:cubicBezTo>
                  <a:pt x="439696" y="236230"/>
                  <a:pt x="451480" y="207993"/>
                  <a:pt x="451480" y="177963"/>
                </a:cubicBezTo>
                <a:cubicBezTo>
                  <a:pt x="451480" y="147933"/>
                  <a:pt x="439696" y="119696"/>
                  <a:pt x="418486" y="98519"/>
                </a:cubicBezTo>
                <a:cubicBezTo>
                  <a:pt x="397164" y="77229"/>
                  <a:pt x="368996" y="65575"/>
                  <a:pt x="338920" y="65575"/>
                </a:cubicBezTo>
                <a:cubicBezTo>
                  <a:pt x="335777" y="65575"/>
                  <a:pt x="332747" y="65799"/>
                  <a:pt x="329605" y="66024"/>
                </a:cubicBezTo>
                <a:lnTo>
                  <a:pt x="329605" y="20194"/>
                </a:lnTo>
                <a:cubicBezTo>
                  <a:pt x="332747" y="19970"/>
                  <a:pt x="335777" y="19970"/>
                  <a:pt x="338920" y="19970"/>
                </a:cubicBezTo>
                <a:close/>
                <a:moveTo>
                  <a:pt x="288966" y="0"/>
                </a:moveTo>
                <a:cubicBezTo>
                  <a:pt x="298951" y="0"/>
                  <a:pt x="307030" y="8069"/>
                  <a:pt x="307030" y="18044"/>
                </a:cubicBezTo>
                <a:lnTo>
                  <a:pt x="307030" y="199157"/>
                </a:lnTo>
                <a:cubicBezTo>
                  <a:pt x="307030" y="209132"/>
                  <a:pt x="298951" y="217201"/>
                  <a:pt x="288966" y="217201"/>
                </a:cubicBezTo>
                <a:cubicBezTo>
                  <a:pt x="278980" y="217201"/>
                  <a:pt x="270901" y="209132"/>
                  <a:pt x="270901" y="199157"/>
                </a:cubicBezTo>
                <a:lnTo>
                  <a:pt x="270901" y="18044"/>
                </a:lnTo>
                <a:cubicBezTo>
                  <a:pt x="270901" y="8069"/>
                  <a:pt x="278980" y="0"/>
                  <a:pt x="288966" y="0"/>
                </a:cubicBezTo>
                <a:close/>
              </a:path>
            </a:pathLst>
          </a:custGeom>
          <a:solidFill>
            <a:srgbClr val="C00000"/>
          </a:solidFill>
          <a:ln>
            <a:solidFill>
              <a:srgbClr val="EC7061"/>
            </a:solidFill>
          </a:ln>
        </p:spPr>
        <p:txBody>
          <a:bodyPr/>
          <a:lstStyle/>
          <a:p>
            <a:pPr defTabSz="914112"/>
            <a:endParaRPr lang="zh-CN" altLang="en-US" sz="1799">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7" name="cogwheel-outline_45304">
            <a:extLst>
              <a:ext uri="{FF2B5EF4-FFF2-40B4-BE49-F238E27FC236}">
                <a16:creationId xmlns:a16="http://schemas.microsoft.com/office/drawing/2014/main" xmlns="" id="{FFD5559D-F6AB-4435-A1C5-B6257EFF9EE3}"/>
              </a:ext>
            </a:extLst>
          </p:cNvPr>
          <p:cNvSpPr>
            <a:spLocks noChangeAspect="1"/>
          </p:cNvSpPr>
          <p:nvPr/>
        </p:nvSpPr>
        <p:spPr bwMode="auto">
          <a:xfrm>
            <a:off x="3229533" y="3550777"/>
            <a:ext cx="324645" cy="309499"/>
          </a:xfrm>
          <a:custGeom>
            <a:avLst/>
            <a:gdLst>
              <a:gd name="connsiteX0" fmla="*/ 304497 w 608758"/>
              <a:gd name="connsiteY0" fmla="*/ 217983 h 602955"/>
              <a:gd name="connsiteX1" fmla="*/ 231788 w 608758"/>
              <a:gd name="connsiteY1" fmla="*/ 259998 h 602955"/>
              <a:gd name="connsiteX2" fmla="*/ 262812 w 608758"/>
              <a:gd name="connsiteY2" fmla="*/ 373958 h 602955"/>
              <a:gd name="connsiteX3" fmla="*/ 304257 w 608758"/>
              <a:gd name="connsiteY3" fmla="*/ 385002 h 602955"/>
              <a:gd name="connsiteX4" fmla="*/ 376966 w 608758"/>
              <a:gd name="connsiteY4" fmla="*/ 342907 h 602955"/>
              <a:gd name="connsiteX5" fmla="*/ 385063 w 608758"/>
              <a:gd name="connsiteY5" fmla="*/ 279605 h 602955"/>
              <a:gd name="connsiteX6" fmla="*/ 345942 w 608758"/>
              <a:gd name="connsiteY6" fmla="*/ 229027 h 602955"/>
              <a:gd name="connsiteX7" fmla="*/ 304497 w 608758"/>
              <a:gd name="connsiteY7" fmla="*/ 217983 h 602955"/>
              <a:gd name="connsiteX8" fmla="*/ 304497 w 608758"/>
              <a:gd name="connsiteY8" fmla="*/ 169006 h 602955"/>
              <a:gd name="connsiteX9" fmla="*/ 370312 w 608758"/>
              <a:gd name="connsiteY9" fmla="*/ 186532 h 602955"/>
              <a:gd name="connsiteX10" fmla="*/ 432360 w 608758"/>
              <a:gd name="connsiteY10" fmla="*/ 266720 h 602955"/>
              <a:gd name="connsiteX11" fmla="*/ 419534 w 608758"/>
              <a:gd name="connsiteY11" fmla="*/ 367236 h 602955"/>
              <a:gd name="connsiteX12" fmla="*/ 304257 w 608758"/>
              <a:gd name="connsiteY12" fmla="*/ 433979 h 602955"/>
              <a:gd name="connsiteX13" fmla="*/ 238442 w 608758"/>
              <a:gd name="connsiteY13" fmla="*/ 416453 h 602955"/>
              <a:gd name="connsiteX14" fmla="*/ 189221 w 608758"/>
              <a:gd name="connsiteY14" fmla="*/ 235669 h 602955"/>
              <a:gd name="connsiteX15" fmla="*/ 304497 w 608758"/>
              <a:gd name="connsiteY15" fmla="*/ 169006 h 602955"/>
              <a:gd name="connsiteX16" fmla="*/ 391705 w 608758"/>
              <a:gd name="connsiteY16" fmla="*/ 57902 h 602955"/>
              <a:gd name="connsiteX17" fmla="*/ 363091 w 608758"/>
              <a:gd name="connsiteY17" fmla="*/ 107845 h 602955"/>
              <a:gd name="connsiteX18" fmla="*/ 337442 w 608758"/>
              <a:gd name="connsiteY18" fmla="*/ 119771 h 602955"/>
              <a:gd name="connsiteX19" fmla="*/ 269873 w 608758"/>
              <a:gd name="connsiteY19" fmla="*/ 119931 h 602955"/>
              <a:gd name="connsiteX20" fmla="*/ 244145 w 608758"/>
              <a:gd name="connsiteY20" fmla="*/ 108166 h 602955"/>
              <a:gd name="connsiteX21" fmla="*/ 215209 w 608758"/>
              <a:gd name="connsiteY21" fmla="*/ 58543 h 602955"/>
              <a:gd name="connsiteX22" fmla="*/ 136820 w 608758"/>
              <a:gd name="connsiteY22" fmla="*/ 104164 h 602955"/>
              <a:gd name="connsiteX23" fmla="*/ 165755 w 608758"/>
              <a:gd name="connsiteY23" fmla="*/ 153867 h 602955"/>
              <a:gd name="connsiteX24" fmla="*/ 163271 w 608758"/>
              <a:gd name="connsiteY24" fmla="*/ 182040 h 602955"/>
              <a:gd name="connsiteX25" fmla="*/ 143713 w 608758"/>
              <a:gd name="connsiteY25" fmla="*/ 209653 h 602955"/>
              <a:gd name="connsiteX26" fmla="*/ 129687 w 608758"/>
              <a:gd name="connsiteY26" fmla="*/ 240467 h 602955"/>
              <a:gd name="connsiteX27" fmla="*/ 106683 w 608758"/>
              <a:gd name="connsiteY27" fmla="*/ 256874 h 602955"/>
              <a:gd name="connsiteX28" fmla="*/ 49134 w 608758"/>
              <a:gd name="connsiteY28" fmla="*/ 257115 h 602955"/>
              <a:gd name="connsiteX29" fmla="*/ 49454 w 608758"/>
              <a:gd name="connsiteY29" fmla="*/ 347797 h 602955"/>
              <a:gd name="connsiteX30" fmla="*/ 107004 w 608758"/>
              <a:gd name="connsiteY30" fmla="*/ 347557 h 602955"/>
              <a:gd name="connsiteX31" fmla="*/ 107084 w 608758"/>
              <a:gd name="connsiteY31" fmla="*/ 347557 h 602955"/>
              <a:gd name="connsiteX32" fmla="*/ 130168 w 608758"/>
              <a:gd name="connsiteY32" fmla="*/ 363804 h 602955"/>
              <a:gd name="connsiteX33" fmla="*/ 164152 w 608758"/>
              <a:gd name="connsiteY33" fmla="*/ 421991 h 602955"/>
              <a:gd name="connsiteX34" fmla="*/ 166878 w 608758"/>
              <a:gd name="connsiteY34" fmla="*/ 450164 h 602955"/>
              <a:gd name="connsiteX35" fmla="*/ 138263 w 608758"/>
              <a:gd name="connsiteY35" fmla="*/ 500027 h 602955"/>
              <a:gd name="connsiteX36" fmla="*/ 217053 w 608758"/>
              <a:gd name="connsiteY36" fmla="*/ 545088 h 602955"/>
              <a:gd name="connsiteX37" fmla="*/ 245667 w 608758"/>
              <a:gd name="connsiteY37" fmla="*/ 495145 h 602955"/>
              <a:gd name="connsiteX38" fmla="*/ 271316 w 608758"/>
              <a:gd name="connsiteY38" fmla="*/ 483219 h 602955"/>
              <a:gd name="connsiteX39" fmla="*/ 338805 w 608758"/>
              <a:gd name="connsiteY39" fmla="*/ 483059 h 602955"/>
              <a:gd name="connsiteX40" fmla="*/ 364533 w 608758"/>
              <a:gd name="connsiteY40" fmla="*/ 494745 h 602955"/>
              <a:gd name="connsiteX41" fmla="*/ 393549 w 608758"/>
              <a:gd name="connsiteY41" fmla="*/ 544368 h 602955"/>
              <a:gd name="connsiteX42" fmla="*/ 471938 w 608758"/>
              <a:gd name="connsiteY42" fmla="*/ 498747 h 602955"/>
              <a:gd name="connsiteX43" fmla="*/ 443003 w 608758"/>
              <a:gd name="connsiteY43" fmla="*/ 449204 h 602955"/>
              <a:gd name="connsiteX44" fmla="*/ 445487 w 608758"/>
              <a:gd name="connsiteY44" fmla="*/ 421031 h 602955"/>
              <a:gd name="connsiteX45" fmla="*/ 465125 w 608758"/>
              <a:gd name="connsiteY45" fmla="*/ 393338 h 602955"/>
              <a:gd name="connsiteX46" fmla="*/ 479071 w 608758"/>
              <a:gd name="connsiteY46" fmla="*/ 362443 h 602955"/>
              <a:gd name="connsiteX47" fmla="*/ 502155 w 608758"/>
              <a:gd name="connsiteY47" fmla="*/ 346036 h 602955"/>
              <a:gd name="connsiteX48" fmla="*/ 559625 w 608758"/>
              <a:gd name="connsiteY48" fmla="*/ 345876 h 602955"/>
              <a:gd name="connsiteX49" fmla="*/ 559304 w 608758"/>
              <a:gd name="connsiteY49" fmla="*/ 255194 h 602955"/>
              <a:gd name="connsiteX50" fmla="*/ 501754 w 608758"/>
              <a:gd name="connsiteY50" fmla="*/ 255434 h 602955"/>
              <a:gd name="connsiteX51" fmla="*/ 501674 w 608758"/>
              <a:gd name="connsiteY51" fmla="*/ 255434 h 602955"/>
              <a:gd name="connsiteX52" fmla="*/ 478590 w 608758"/>
              <a:gd name="connsiteY52" fmla="*/ 239186 h 602955"/>
              <a:gd name="connsiteX53" fmla="*/ 444526 w 608758"/>
              <a:gd name="connsiteY53" fmla="*/ 180919 h 602955"/>
              <a:gd name="connsiteX54" fmla="*/ 441881 w 608758"/>
              <a:gd name="connsiteY54" fmla="*/ 152826 h 602955"/>
              <a:gd name="connsiteX55" fmla="*/ 470495 w 608758"/>
              <a:gd name="connsiteY55" fmla="*/ 102963 h 602955"/>
              <a:gd name="connsiteX56" fmla="*/ 376156 w 608758"/>
              <a:gd name="connsiteY56" fmla="*/ 836 h 602955"/>
              <a:gd name="connsiteX57" fmla="*/ 394751 w 608758"/>
              <a:gd name="connsiteY57" fmla="*/ 3237 h 602955"/>
              <a:gd name="connsiteX58" fmla="*/ 516102 w 608758"/>
              <a:gd name="connsiteY58" fmla="*/ 72629 h 602955"/>
              <a:gd name="connsiteX59" fmla="*/ 525239 w 608758"/>
              <a:gd name="connsiteY59" fmla="*/ 106005 h 602955"/>
              <a:gd name="connsiteX60" fmla="*/ 492697 w 608758"/>
              <a:gd name="connsiteY60" fmla="*/ 162751 h 602955"/>
              <a:gd name="connsiteX61" fmla="*/ 518186 w 608758"/>
              <a:gd name="connsiteY61" fmla="*/ 206371 h 602955"/>
              <a:gd name="connsiteX62" fmla="*/ 583590 w 608758"/>
              <a:gd name="connsiteY62" fmla="*/ 206131 h 602955"/>
              <a:gd name="connsiteX63" fmla="*/ 583670 w 608758"/>
              <a:gd name="connsiteY63" fmla="*/ 206131 h 602955"/>
              <a:gd name="connsiteX64" fmla="*/ 600983 w 608758"/>
              <a:gd name="connsiteY64" fmla="*/ 213254 h 602955"/>
              <a:gd name="connsiteX65" fmla="*/ 608197 w 608758"/>
              <a:gd name="connsiteY65" fmla="*/ 230542 h 602955"/>
              <a:gd name="connsiteX66" fmla="*/ 608758 w 608758"/>
              <a:gd name="connsiteY66" fmla="*/ 370127 h 602955"/>
              <a:gd name="connsiteX67" fmla="*/ 601624 w 608758"/>
              <a:gd name="connsiteY67" fmla="*/ 387495 h 602955"/>
              <a:gd name="connsiteX68" fmla="*/ 584311 w 608758"/>
              <a:gd name="connsiteY68" fmla="*/ 394698 h 602955"/>
              <a:gd name="connsiteX69" fmla="*/ 518987 w 608758"/>
              <a:gd name="connsiteY69" fmla="*/ 394938 h 602955"/>
              <a:gd name="connsiteX70" fmla="*/ 507686 w 608758"/>
              <a:gd name="connsiteY70" fmla="*/ 417669 h 602955"/>
              <a:gd name="connsiteX71" fmla="*/ 493819 w 608758"/>
              <a:gd name="connsiteY71" fmla="*/ 438959 h 602955"/>
              <a:gd name="connsiteX72" fmla="*/ 526682 w 608758"/>
              <a:gd name="connsiteY72" fmla="*/ 495305 h 602955"/>
              <a:gd name="connsiteX73" fmla="*/ 529167 w 608758"/>
              <a:gd name="connsiteY73" fmla="*/ 513874 h 602955"/>
              <a:gd name="connsiteX74" fmla="*/ 517865 w 608758"/>
              <a:gd name="connsiteY74" fmla="*/ 528761 h 602955"/>
              <a:gd name="connsiteX75" fmla="*/ 396995 w 608758"/>
              <a:gd name="connsiteY75" fmla="*/ 599033 h 602955"/>
              <a:gd name="connsiteX76" fmla="*/ 378400 w 608758"/>
              <a:gd name="connsiteY76" fmla="*/ 601594 h 602955"/>
              <a:gd name="connsiteX77" fmla="*/ 363491 w 608758"/>
              <a:gd name="connsiteY77" fmla="*/ 590229 h 602955"/>
              <a:gd name="connsiteX78" fmla="*/ 330549 w 608758"/>
              <a:gd name="connsiteY78" fmla="*/ 533803 h 602955"/>
              <a:gd name="connsiteX79" fmla="*/ 279973 w 608758"/>
              <a:gd name="connsiteY79" fmla="*/ 533883 h 602955"/>
              <a:gd name="connsiteX80" fmla="*/ 247431 w 608758"/>
              <a:gd name="connsiteY80" fmla="*/ 590629 h 602955"/>
              <a:gd name="connsiteX81" fmla="*/ 226110 w 608758"/>
              <a:gd name="connsiteY81" fmla="*/ 602955 h 602955"/>
              <a:gd name="connsiteX82" fmla="*/ 214007 w 608758"/>
              <a:gd name="connsiteY82" fmla="*/ 599753 h 602955"/>
              <a:gd name="connsiteX83" fmla="*/ 92656 w 608758"/>
              <a:gd name="connsiteY83" fmla="*/ 530361 h 602955"/>
              <a:gd name="connsiteX84" fmla="*/ 81195 w 608758"/>
              <a:gd name="connsiteY84" fmla="*/ 515554 h 602955"/>
              <a:gd name="connsiteX85" fmla="*/ 83519 w 608758"/>
              <a:gd name="connsiteY85" fmla="*/ 496986 h 602955"/>
              <a:gd name="connsiteX86" fmla="*/ 116061 w 608758"/>
              <a:gd name="connsiteY86" fmla="*/ 440239 h 602955"/>
              <a:gd name="connsiteX87" fmla="*/ 90572 w 608758"/>
              <a:gd name="connsiteY87" fmla="*/ 396619 h 602955"/>
              <a:gd name="connsiteX88" fmla="*/ 25168 w 608758"/>
              <a:gd name="connsiteY88" fmla="*/ 396859 h 602955"/>
              <a:gd name="connsiteX89" fmla="*/ 25008 w 608758"/>
              <a:gd name="connsiteY89" fmla="*/ 396859 h 602955"/>
              <a:gd name="connsiteX90" fmla="*/ 7775 w 608758"/>
              <a:gd name="connsiteY90" fmla="*/ 389736 h 602955"/>
              <a:gd name="connsiteX91" fmla="*/ 481 w 608758"/>
              <a:gd name="connsiteY91" fmla="*/ 372448 h 602955"/>
              <a:gd name="connsiteX92" fmla="*/ 0 w 608758"/>
              <a:gd name="connsiteY92" fmla="*/ 232783 h 602955"/>
              <a:gd name="connsiteX93" fmla="*/ 24447 w 608758"/>
              <a:gd name="connsiteY93" fmla="*/ 208212 h 602955"/>
              <a:gd name="connsiteX94" fmla="*/ 89771 w 608758"/>
              <a:gd name="connsiteY94" fmla="*/ 207972 h 602955"/>
              <a:gd name="connsiteX95" fmla="*/ 101072 w 608758"/>
              <a:gd name="connsiteY95" fmla="*/ 185321 h 602955"/>
              <a:gd name="connsiteX96" fmla="*/ 114939 w 608758"/>
              <a:gd name="connsiteY96" fmla="*/ 164031 h 602955"/>
              <a:gd name="connsiteX97" fmla="*/ 82076 w 608758"/>
              <a:gd name="connsiteY97" fmla="*/ 107685 h 602955"/>
              <a:gd name="connsiteX98" fmla="*/ 90893 w 608758"/>
              <a:gd name="connsiteY98" fmla="*/ 74230 h 602955"/>
              <a:gd name="connsiteX99" fmla="*/ 211763 w 608758"/>
              <a:gd name="connsiteY99" fmla="*/ 3957 h 602955"/>
              <a:gd name="connsiteX100" fmla="*/ 230358 w 608758"/>
              <a:gd name="connsiteY100" fmla="*/ 1396 h 602955"/>
              <a:gd name="connsiteX101" fmla="*/ 245267 w 608758"/>
              <a:gd name="connsiteY101" fmla="*/ 12761 h 602955"/>
              <a:gd name="connsiteX102" fmla="*/ 278209 w 608758"/>
              <a:gd name="connsiteY102" fmla="*/ 69187 h 602955"/>
              <a:gd name="connsiteX103" fmla="*/ 328785 w 608758"/>
              <a:gd name="connsiteY103" fmla="*/ 69027 h 602955"/>
              <a:gd name="connsiteX104" fmla="*/ 361327 w 608758"/>
              <a:gd name="connsiteY104" fmla="*/ 12361 h 602955"/>
              <a:gd name="connsiteX105" fmla="*/ 376156 w 608758"/>
              <a:gd name="connsiteY105" fmla="*/ 836 h 602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Lst>
            <a:rect l="l" t="t" r="r" b="b"/>
            <a:pathLst>
              <a:path w="608758" h="602955">
                <a:moveTo>
                  <a:pt x="304497" y="217983"/>
                </a:moveTo>
                <a:cubicBezTo>
                  <a:pt x="274516" y="217983"/>
                  <a:pt x="246699" y="234069"/>
                  <a:pt x="231788" y="259998"/>
                </a:cubicBezTo>
                <a:cubicBezTo>
                  <a:pt x="208941" y="299932"/>
                  <a:pt x="222810" y="351070"/>
                  <a:pt x="262812" y="373958"/>
                </a:cubicBezTo>
                <a:cubicBezTo>
                  <a:pt x="275478" y="381160"/>
                  <a:pt x="289827" y="385002"/>
                  <a:pt x="304257" y="385002"/>
                </a:cubicBezTo>
                <a:cubicBezTo>
                  <a:pt x="334238" y="385002"/>
                  <a:pt x="362056" y="368836"/>
                  <a:pt x="376966" y="342907"/>
                </a:cubicBezTo>
                <a:cubicBezTo>
                  <a:pt x="388029" y="323620"/>
                  <a:pt x="390915" y="301052"/>
                  <a:pt x="385063" y="279605"/>
                </a:cubicBezTo>
                <a:cubicBezTo>
                  <a:pt x="379211" y="258077"/>
                  <a:pt x="365262" y="240151"/>
                  <a:pt x="345942" y="229027"/>
                </a:cubicBezTo>
                <a:cubicBezTo>
                  <a:pt x="333276" y="221825"/>
                  <a:pt x="318927" y="217983"/>
                  <a:pt x="304497" y="217983"/>
                </a:cubicBezTo>
                <a:close/>
                <a:moveTo>
                  <a:pt x="304497" y="169006"/>
                </a:moveTo>
                <a:cubicBezTo>
                  <a:pt x="327505" y="169006"/>
                  <a:pt x="350191" y="175088"/>
                  <a:pt x="370312" y="186532"/>
                </a:cubicBezTo>
                <a:cubicBezTo>
                  <a:pt x="401016" y="204138"/>
                  <a:pt x="423061" y="232548"/>
                  <a:pt x="432360" y="266720"/>
                </a:cubicBezTo>
                <a:cubicBezTo>
                  <a:pt x="441659" y="300892"/>
                  <a:pt x="437090" y="336585"/>
                  <a:pt x="419534" y="367236"/>
                </a:cubicBezTo>
                <a:cubicBezTo>
                  <a:pt x="395965" y="408370"/>
                  <a:pt x="351794" y="433979"/>
                  <a:pt x="304257" y="433979"/>
                </a:cubicBezTo>
                <a:cubicBezTo>
                  <a:pt x="281250" y="433979"/>
                  <a:pt x="258563" y="427897"/>
                  <a:pt x="238442" y="416453"/>
                </a:cubicBezTo>
                <a:cubicBezTo>
                  <a:pt x="174951" y="380120"/>
                  <a:pt x="152906" y="299052"/>
                  <a:pt x="189221" y="235669"/>
                </a:cubicBezTo>
                <a:cubicBezTo>
                  <a:pt x="212789" y="194535"/>
                  <a:pt x="256960" y="169006"/>
                  <a:pt x="304497" y="169006"/>
                </a:cubicBezTo>
                <a:close/>
                <a:moveTo>
                  <a:pt x="391705" y="57902"/>
                </a:moveTo>
                <a:lnTo>
                  <a:pt x="363091" y="107845"/>
                </a:lnTo>
                <a:cubicBezTo>
                  <a:pt x="357961" y="116810"/>
                  <a:pt x="347621" y="121612"/>
                  <a:pt x="337442" y="119771"/>
                </a:cubicBezTo>
                <a:cubicBezTo>
                  <a:pt x="315160" y="115689"/>
                  <a:pt x="292076" y="115769"/>
                  <a:pt x="269873" y="119931"/>
                </a:cubicBezTo>
                <a:cubicBezTo>
                  <a:pt x="259694" y="121852"/>
                  <a:pt x="249354" y="117130"/>
                  <a:pt x="244145" y="108166"/>
                </a:cubicBezTo>
                <a:lnTo>
                  <a:pt x="215209" y="58543"/>
                </a:lnTo>
                <a:lnTo>
                  <a:pt x="136820" y="104164"/>
                </a:lnTo>
                <a:lnTo>
                  <a:pt x="165755" y="153867"/>
                </a:lnTo>
                <a:cubicBezTo>
                  <a:pt x="170965" y="162831"/>
                  <a:pt x="170003" y="174116"/>
                  <a:pt x="163271" y="182040"/>
                </a:cubicBezTo>
                <a:cubicBezTo>
                  <a:pt x="155496" y="191084"/>
                  <a:pt x="149164" y="200128"/>
                  <a:pt x="143713" y="209653"/>
                </a:cubicBezTo>
                <a:cubicBezTo>
                  <a:pt x="138263" y="219097"/>
                  <a:pt x="133694" y="229262"/>
                  <a:pt x="129687" y="240467"/>
                </a:cubicBezTo>
                <a:cubicBezTo>
                  <a:pt x="126320" y="250311"/>
                  <a:pt x="117023" y="256874"/>
                  <a:pt x="106683" y="256874"/>
                </a:cubicBezTo>
                <a:lnTo>
                  <a:pt x="49134" y="257115"/>
                </a:lnTo>
                <a:lnTo>
                  <a:pt x="49454" y="347797"/>
                </a:lnTo>
                <a:lnTo>
                  <a:pt x="107004" y="347557"/>
                </a:lnTo>
                <a:lnTo>
                  <a:pt x="107084" y="347557"/>
                </a:lnTo>
                <a:cubicBezTo>
                  <a:pt x="117423" y="347557"/>
                  <a:pt x="126721" y="354039"/>
                  <a:pt x="130168" y="363804"/>
                </a:cubicBezTo>
                <a:cubicBezTo>
                  <a:pt x="137782" y="385094"/>
                  <a:pt x="149244" y="404703"/>
                  <a:pt x="164152" y="421991"/>
                </a:cubicBezTo>
                <a:cubicBezTo>
                  <a:pt x="170965" y="429915"/>
                  <a:pt x="172087" y="441120"/>
                  <a:pt x="166878" y="450164"/>
                </a:cubicBezTo>
                <a:lnTo>
                  <a:pt x="138263" y="500027"/>
                </a:lnTo>
                <a:lnTo>
                  <a:pt x="217053" y="545088"/>
                </a:lnTo>
                <a:lnTo>
                  <a:pt x="245667" y="495145"/>
                </a:lnTo>
                <a:cubicBezTo>
                  <a:pt x="250797" y="486181"/>
                  <a:pt x="261057" y="481379"/>
                  <a:pt x="271316" y="483219"/>
                </a:cubicBezTo>
                <a:cubicBezTo>
                  <a:pt x="293679" y="487301"/>
                  <a:pt x="316763" y="487221"/>
                  <a:pt x="338805" y="483059"/>
                </a:cubicBezTo>
                <a:cubicBezTo>
                  <a:pt x="348984" y="481058"/>
                  <a:pt x="359324" y="485781"/>
                  <a:pt x="364533" y="494745"/>
                </a:cubicBezTo>
                <a:lnTo>
                  <a:pt x="393549" y="544368"/>
                </a:lnTo>
                <a:lnTo>
                  <a:pt x="471938" y="498747"/>
                </a:lnTo>
                <a:lnTo>
                  <a:pt x="443003" y="449204"/>
                </a:lnTo>
                <a:cubicBezTo>
                  <a:pt x="437793" y="440239"/>
                  <a:pt x="438755" y="428954"/>
                  <a:pt x="445487" y="421031"/>
                </a:cubicBezTo>
                <a:cubicBezTo>
                  <a:pt x="453262" y="411826"/>
                  <a:pt x="459674" y="402782"/>
                  <a:pt x="465125" y="393338"/>
                </a:cubicBezTo>
                <a:cubicBezTo>
                  <a:pt x="470495" y="383893"/>
                  <a:pt x="475064" y="373809"/>
                  <a:pt x="479071" y="362443"/>
                </a:cubicBezTo>
                <a:cubicBezTo>
                  <a:pt x="482518" y="352679"/>
                  <a:pt x="491735" y="346116"/>
                  <a:pt x="502155" y="346036"/>
                </a:cubicBezTo>
                <a:lnTo>
                  <a:pt x="559625" y="345876"/>
                </a:lnTo>
                <a:lnTo>
                  <a:pt x="559304" y="255194"/>
                </a:lnTo>
                <a:lnTo>
                  <a:pt x="501754" y="255434"/>
                </a:lnTo>
                <a:lnTo>
                  <a:pt x="501674" y="255434"/>
                </a:lnTo>
                <a:cubicBezTo>
                  <a:pt x="491335" y="255434"/>
                  <a:pt x="482117" y="248951"/>
                  <a:pt x="478590" y="239186"/>
                </a:cubicBezTo>
                <a:cubicBezTo>
                  <a:pt x="470896" y="217896"/>
                  <a:pt x="459514" y="198287"/>
                  <a:pt x="444526" y="180919"/>
                </a:cubicBezTo>
                <a:cubicBezTo>
                  <a:pt x="437793" y="173076"/>
                  <a:pt x="436751" y="161790"/>
                  <a:pt x="441881" y="152826"/>
                </a:cubicBezTo>
                <a:lnTo>
                  <a:pt x="470495" y="102963"/>
                </a:lnTo>
                <a:close/>
                <a:moveTo>
                  <a:pt x="376156" y="836"/>
                </a:moveTo>
                <a:cubicBezTo>
                  <a:pt x="382407" y="-845"/>
                  <a:pt x="389140" y="35"/>
                  <a:pt x="394751" y="3237"/>
                </a:cubicBezTo>
                <a:lnTo>
                  <a:pt x="516102" y="72629"/>
                </a:lnTo>
                <a:cubicBezTo>
                  <a:pt x="527884" y="79272"/>
                  <a:pt x="531972" y="94239"/>
                  <a:pt x="525239" y="106005"/>
                </a:cubicBezTo>
                <a:lnTo>
                  <a:pt x="492697" y="162751"/>
                </a:lnTo>
                <a:cubicBezTo>
                  <a:pt x="502796" y="176357"/>
                  <a:pt x="511373" y="190924"/>
                  <a:pt x="518186" y="206371"/>
                </a:cubicBezTo>
                <a:lnTo>
                  <a:pt x="583590" y="206131"/>
                </a:lnTo>
                <a:lnTo>
                  <a:pt x="583670" y="206131"/>
                </a:lnTo>
                <a:cubicBezTo>
                  <a:pt x="590163" y="206131"/>
                  <a:pt x="596415" y="208692"/>
                  <a:pt x="600983" y="213254"/>
                </a:cubicBezTo>
                <a:cubicBezTo>
                  <a:pt x="605632" y="217816"/>
                  <a:pt x="608197" y="224059"/>
                  <a:pt x="608197" y="230542"/>
                </a:cubicBezTo>
                <a:lnTo>
                  <a:pt x="608758" y="370127"/>
                </a:lnTo>
                <a:cubicBezTo>
                  <a:pt x="608758" y="376610"/>
                  <a:pt x="606193" y="382853"/>
                  <a:pt x="601624" y="387495"/>
                </a:cubicBezTo>
                <a:cubicBezTo>
                  <a:pt x="597056" y="392137"/>
                  <a:pt x="590804" y="394698"/>
                  <a:pt x="584311" y="394698"/>
                </a:cubicBezTo>
                <a:lnTo>
                  <a:pt x="518987" y="394938"/>
                </a:lnTo>
                <a:cubicBezTo>
                  <a:pt x="515541" y="402942"/>
                  <a:pt x="511854" y="410386"/>
                  <a:pt x="507686" y="417669"/>
                </a:cubicBezTo>
                <a:cubicBezTo>
                  <a:pt x="503518" y="424952"/>
                  <a:pt x="498949" y="431996"/>
                  <a:pt x="493819" y="438959"/>
                </a:cubicBezTo>
                <a:lnTo>
                  <a:pt x="526682" y="495305"/>
                </a:lnTo>
                <a:cubicBezTo>
                  <a:pt x="529968" y="500908"/>
                  <a:pt x="530850" y="507551"/>
                  <a:pt x="529167" y="513874"/>
                </a:cubicBezTo>
                <a:cubicBezTo>
                  <a:pt x="527564" y="520117"/>
                  <a:pt x="523476" y="525479"/>
                  <a:pt x="517865" y="528761"/>
                </a:cubicBezTo>
                <a:lnTo>
                  <a:pt x="396995" y="599033"/>
                </a:lnTo>
                <a:cubicBezTo>
                  <a:pt x="391385" y="602315"/>
                  <a:pt x="384732" y="603195"/>
                  <a:pt x="378400" y="601594"/>
                </a:cubicBezTo>
                <a:cubicBezTo>
                  <a:pt x="372148" y="599913"/>
                  <a:pt x="366778" y="595832"/>
                  <a:pt x="363491" y="590229"/>
                </a:cubicBezTo>
                <a:lnTo>
                  <a:pt x="330549" y="533803"/>
                </a:lnTo>
                <a:cubicBezTo>
                  <a:pt x="313797" y="535644"/>
                  <a:pt x="296885" y="535724"/>
                  <a:pt x="279973" y="533883"/>
                </a:cubicBezTo>
                <a:lnTo>
                  <a:pt x="247431" y="590629"/>
                </a:lnTo>
                <a:cubicBezTo>
                  <a:pt x="242942" y="598553"/>
                  <a:pt x="234687" y="602955"/>
                  <a:pt x="226110" y="602955"/>
                </a:cubicBezTo>
                <a:cubicBezTo>
                  <a:pt x="222022" y="602955"/>
                  <a:pt x="217855" y="601914"/>
                  <a:pt x="214007" y="599753"/>
                </a:cubicBezTo>
                <a:lnTo>
                  <a:pt x="92656" y="530361"/>
                </a:lnTo>
                <a:cubicBezTo>
                  <a:pt x="86966" y="527160"/>
                  <a:pt x="82878" y="521797"/>
                  <a:pt x="81195" y="515554"/>
                </a:cubicBezTo>
                <a:cubicBezTo>
                  <a:pt x="79431" y="509311"/>
                  <a:pt x="80313" y="502588"/>
                  <a:pt x="83519" y="496986"/>
                </a:cubicBezTo>
                <a:lnTo>
                  <a:pt x="116061" y="440239"/>
                </a:lnTo>
                <a:cubicBezTo>
                  <a:pt x="105962" y="426633"/>
                  <a:pt x="97385" y="411986"/>
                  <a:pt x="90572" y="396619"/>
                </a:cubicBezTo>
                <a:lnTo>
                  <a:pt x="25168" y="396859"/>
                </a:lnTo>
                <a:lnTo>
                  <a:pt x="25008" y="396859"/>
                </a:lnTo>
                <a:cubicBezTo>
                  <a:pt x="18596" y="396859"/>
                  <a:pt x="12344" y="394298"/>
                  <a:pt x="7775" y="389736"/>
                </a:cubicBezTo>
                <a:cubicBezTo>
                  <a:pt x="3126" y="385174"/>
                  <a:pt x="561" y="378931"/>
                  <a:pt x="481" y="372448"/>
                </a:cubicBezTo>
                <a:lnTo>
                  <a:pt x="0" y="232783"/>
                </a:lnTo>
                <a:cubicBezTo>
                  <a:pt x="-80" y="219257"/>
                  <a:pt x="10901" y="208292"/>
                  <a:pt x="24447" y="208212"/>
                </a:cubicBezTo>
                <a:lnTo>
                  <a:pt x="89771" y="207972"/>
                </a:lnTo>
                <a:cubicBezTo>
                  <a:pt x="93137" y="200128"/>
                  <a:pt x="96904" y="192605"/>
                  <a:pt x="101072" y="185321"/>
                </a:cubicBezTo>
                <a:cubicBezTo>
                  <a:pt x="105240" y="178038"/>
                  <a:pt x="109889" y="170995"/>
                  <a:pt x="114939" y="164031"/>
                </a:cubicBezTo>
                <a:lnTo>
                  <a:pt x="82076" y="107685"/>
                </a:lnTo>
                <a:cubicBezTo>
                  <a:pt x="75263" y="96000"/>
                  <a:pt x="79191" y="81033"/>
                  <a:pt x="90893" y="74230"/>
                </a:cubicBezTo>
                <a:lnTo>
                  <a:pt x="211763" y="3957"/>
                </a:lnTo>
                <a:cubicBezTo>
                  <a:pt x="217374" y="676"/>
                  <a:pt x="224026" y="-285"/>
                  <a:pt x="230358" y="1396"/>
                </a:cubicBezTo>
                <a:cubicBezTo>
                  <a:pt x="236610" y="3077"/>
                  <a:pt x="241980" y="7159"/>
                  <a:pt x="245267" y="12761"/>
                </a:cubicBezTo>
                <a:lnTo>
                  <a:pt x="278209" y="69187"/>
                </a:lnTo>
                <a:cubicBezTo>
                  <a:pt x="294961" y="67347"/>
                  <a:pt x="311953" y="67267"/>
                  <a:pt x="328785" y="69027"/>
                </a:cubicBezTo>
                <a:lnTo>
                  <a:pt x="361327" y="12361"/>
                </a:lnTo>
                <a:cubicBezTo>
                  <a:pt x="364533" y="6678"/>
                  <a:pt x="369904" y="2597"/>
                  <a:pt x="376156" y="836"/>
                </a:cubicBezTo>
                <a:close/>
              </a:path>
            </a:pathLst>
          </a:custGeom>
          <a:solidFill>
            <a:srgbClr val="C00000"/>
          </a:solidFill>
          <a:ln>
            <a:solidFill>
              <a:srgbClr val="EC7061"/>
            </a:solidFill>
          </a:ln>
        </p:spPr>
        <p:txBody>
          <a:bodyPr/>
          <a:lstStyle/>
          <a:p>
            <a:endParaRPr lang="zh-CN" altLang="en-US">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8" name="矩形 57">
            <a:extLst>
              <a:ext uri="{FF2B5EF4-FFF2-40B4-BE49-F238E27FC236}">
                <a16:creationId xmlns:a16="http://schemas.microsoft.com/office/drawing/2014/main" xmlns="" id="{E8D6625D-055C-420D-A74E-406764FC67AB}"/>
              </a:ext>
            </a:extLst>
          </p:cNvPr>
          <p:cNvSpPr/>
          <p:nvPr/>
        </p:nvSpPr>
        <p:spPr>
          <a:xfrm>
            <a:off x="2757785" y="3428140"/>
            <a:ext cx="506219" cy="276999"/>
          </a:xfrm>
          <a:prstGeom prst="rect">
            <a:avLst/>
          </a:prstGeom>
        </p:spPr>
        <p:txBody>
          <a:bodyPr wrap="square">
            <a:spAutoFit/>
          </a:bodyPr>
          <a:lstStyle/>
          <a:p>
            <a:pPr algn="ctr" defTabSz="914400"/>
            <a:r>
              <a:rPr lang="en-US" altLang="zh-CN" sz="1200" b="1" dirty="0">
                <a:solidFill>
                  <a:srgbClr val="EC7061"/>
                </a:solidFill>
                <a:latin typeface="微软雅黑" panose="020B0503020204020204" pitchFamily="34" charset="-122"/>
                <a:ea typeface="微软雅黑" panose="020B0503020204020204" pitchFamily="34" charset="-122"/>
                <a:cs typeface="Arial"/>
              </a:rPr>
              <a:t>+AI</a:t>
            </a:r>
            <a:endParaRPr lang="zh-CN" altLang="en-US" sz="1200" dirty="0">
              <a:solidFill>
                <a:srgbClr val="EC7061"/>
              </a:solidFill>
              <a:latin typeface="微软雅黑" panose="020B0503020204020204" pitchFamily="34" charset="-122"/>
              <a:ea typeface="微软雅黑" panose="020B0503020204020204" pitchFamily="34" charset="-122"/>
              <a:cs typeface="Arial"/>
            </a:endParaRPr>
          </a:p>
        </p:txBody>
      </p:sp>
      <p:sp>
        <p:nvSpPr>
          <p:cNvPr id="300" name="文本框 299">
            <a:extLst>
              <a:ext uri="{FF2B5EF4-FFF2-40B4-BE49-F238E27FC236}">
                <a16:creationId xmlns:a16="http://schemas.microsoft.com/office/drawing/2014/main" xmlns="" id="{EF1AE905-15DF-4F0A-82C0-55EAA669E708}"/>
              </a:ext>
            </a:extLst>
          </p:cNvPr>
          <p:cNvSpPr txBox="1"/>
          <p:nvPr/>
        </p:nvSpPr>
        <p:spPr>
          <a:xfrm>
            <a:off x="476271" y="1238704"/>
            <a:ext cx="11574974" cy="500800"/>
          </a:xfrm>
          <a:prstGeom prst="rect">
            <a:avLst/>
          </a:prstGeom>
        </p:spPr>
        <p:txBody>
          <a:bodyPr/>
          <a:lstStyle>
            <a:defPPr>
              <a:defRPr lang="en-US"/>
            </a:defPPr>
            <a:lvl1pPr marL="302279" indent="-302279" defTabSz="914034">
              <a:lnSpc>
                <a:spcPct val="140000"/>
              </a:lnSpc>
              <a:spcBef>
                <a:spcPts val="792"/>
              </a:spcBef>
              <a:buFont typeface="Arial" panose="020B0604020202020204" pitchFamily="34" charset="0"/>
              <a:buChar char="•"/>
            </a:lvl1pPr>
            <a:lvl2pPr marL="654938" indent="-251899" defTabSz="914034">
              <a:lnSpc>
                <a:spcPct val="140000"/>
              </a:lnSpc>
              <a:spcBef>
                <a:spcPts val="720"/>
              </a:spcBef>
              <a:buClrTx/>
              <a:buFont typeface="Huawei Sans" panose="020C0503030203020204" pitchFamily="34" charset="0"/>
              <a:buChar char="▫"/>
              <a:defRPr sz="1999"/>
            </a:lvl2pPr>
            <a:lvl3pPr marL="1003998" indent="-201519" defTabSz="914034">
              <a:lnSpc>
                <a:spcPct val="140000"/>
              </a:lnSpc>
              <a:spcBef>
                <a:spcPts val="648"/>
              </a:spcBef>
              <a:buClrTx/>
              <a:buFont typeface="微软雅黑" panose="020B0503020204020204" pitchFamily="34" charset="-122"/>
              <a:buChar char="▪"/>
              <a:defRPr sz="1799"/>
            </a:lvl3pPr>
            <a:lvl4pPr marL="1399840" indent="-197921" defTabSz="914034">
              <a:lnSpc>
                <a:spcPct val="140000"/>
              </a:lnSpc>
              <a:spcBef>
                <a:spcPts val="576"/>
              </a:spcBef>
              <a:buFont typeface="Huawei Sans" panose="020C0503030203020204" pitchFamily="34" charset="0"/>
              <a:buChar char="−"/>
              <a:defRPr sz="1599"/>
            </a:lvl4pPr>
            <a:lvl5pPr marL="1802879" indent="-201519" defTabSz="914034">
              <a:lnSpc>
                <a:spcPct val="140000"/>
              </a:lnSpc>
              <a:spcBef>
                <a:spcPts val="576"/>
              </a:spcBef>
              <a:buFont typeface="Huawei Sans" panose="020C0503030203020204" pitchFamily="34" charset="0"/>
              <a:buChar char="~"/>
              <a:defRPr sz="1399"/>
            </a:lvl5pPr>
            <a:lvl6pPr marL="2513594" indent="-228509" defTabSz="914034">
              <a:lnSpc>
                <a:spcPct val="90000"/>
              </a:lnSpc>
              <a:spcBef>
                <a:spcPts val="500"/>
              </a:spcBef>
              <a:buFont typeface="Arial" panose="020B0604020202020204" pitchFamily="34" charset="0"/>
              <a:buChar char="•"/>
              <a:defRPr sz="1799"/>
            </a:lvl6pPr>
            <a:lvl7pPr marL="2970611" indent="-228509" defTabSz="914034">
              <a:lnSpc>
                <a:spcPct val="90000"/>
              </a:lnSpc>
              <a:spcBef>
                <a:spcPts val="500"/>
              </a:spcBef>
              <a:buFont typeface="Arial" panose="020B0604020202020204" pitchFamily="34" charset="0"/>
              <a:buChar char="•"/>
              <a:defRPr sz="1799"/>
            </a:lvl7pPr>
            <a:lvl8pPr marL="3427628" indent="-228509" defTabSz="914034">
              <a:lnSpc>
                <a:spcPct val="90000"/>
              </a:lnSpc>
              <a:spcBef>
                <a:spcPts val="500"/>
              </a:spcBef>
              <a:buFont typeface="Arial" panose="020B0604020202020204" pitchFamily="34" charset="0"/>
              <a:buChar char="•"/>
              <a:defRPr sz="1799"/>
            </a:lvl8pPr>
            <a:lvl9pPr marL="3884646" indent="-228509" defTabSz="914034">
              <a:lnSpc>
                <a:spcPct val="90000"/>
              </a:lnSpc>
              <a:spcBef>
                <a:spcPts val="500"/>
              </a:spcBef>
              <a:buFont typeface="Arial" panose="020B0604020202020204" pitchFamily="34" charset="0"/>
              <a:buChar char="•"/>
              <a:defRPr sz="1799"/>
            </a:lvl9pPr>
          </a:lstStyle>
          <a:p>
            <a:r>
              <a:rPr lang="zh-CN" altLang="en-US"/>
              <a:t>基于</a:t>
            </a:r>
            <a:r>
              <a:rPr lang="en-US" altLang="zh-CN" dirty="0"/>
              <a:t>iMaster NCE-Fabric</a:t>
            </a:r>
            <a:r>
              <a:rPr lang="zh-CN" altLang="en-US" dirty="0"/>
              <a:t>，为</a:t>
            </a:r>
            <a:r>
              <a:rPr lang="zh-CN" altLang="en-US"/>
              <a:t>数据中心网络提供从规划</a:t>
            </a:r>
            <a:r>
              <a:rPr lang="en-US" altLang="zh-CN"/>
              <a:t>-</a:t>
            </a:r>
            <a:r>
              <a:rPr lang="zh-CN" altLang="en-US"/>
              <a:t>建设</a:t>
            </a:r>
            <a:r>
              <a:rPr lang="en-US" altLang="zh-CN" dirty="0"/>
              <a:t>-</a:t>
            </a:r>
            <a:r>
              <a:rPr lang="zh-CN" altLang="en-US"/>
              <a:t>运维</a:t>
            </a:r>
            <a:r>
              <a:rPr lang="en-US" altLang="zh-CN" dirty="0"/>
              <a:t>-</a:t>
            </a:r>
            <a:r>
              <a:rPr lang="zh-CN" altLang="en-US" dirty="0"/>
              <a:t>调优</a:t>
            </a:r>
            <a:r>
              <a:rPr lang="zh-CN" altLang="en-US"/>
              <a:t>全生命周期服务。</a:t>
            </a:r>
            <a:endParaRPr lang="zh-CN" altLang="en-US" dirty="0"/>
          </a:p>
        </p:txBody>
      </p:sp>
      <p:grpSp>
        <p:nvGrpSpPr>
          <p:cNvPr id="316" name="组合 315">
            <a:extLst>
              <a:ext uri="{FF2B5EF4-FFF2-40B4-BE49-F238E27FC236}">
                <a16:creationId xmlns:a16="http://schemas.microsoft.com/office/drawing/2014/main" xmlns="" id="{06A68DF3-C1B3-4FAF-BE27-2B523D10000F}"/>
              </a:ext>
            </a:extLst>
          </p:cNvPr>
          <p:cNvGrpSpPr/>
          <p:nvPr/>
        </p:nvGrpSpPr>
        <p:grpSpPr>
          <a:xfrm>
            <a:off x="6466664" y="1874189"/>
            <a:ext cx="4745021" cy="931485"/>
            <a:chOff x="6800284" y="1736060"/>
            <a:chExt cx="4745021" cy="931485"/>
          </a:xfrm>
        </p:grpSpPr>
        <p:sp>
          <p:nvSpPr>
            <p:cNvPr id="304" name="圆角矩形 109">
              <a:extLst>
                <a:ext uri="{FF2B5EF4-FFF2-40B4-BE49-F238E27FC236}">
                  <a16:creationId xmlns:a16="http://schemas.microsoft.com/office/drawing/2014/main" xmlns="" id="{FC804C5D-79F9-4442-AB6C-28A9525D5CDC}"/>
                </a:ext>
              </a:extLst>
            </p:cNvPr>
            <p:cNvSpPr>
              <a:spLocks noChangeAspect="1"/>
            </p:cNvSpPr>
            <p:nvPr/>
          </p:nvSpPr>
          <p:spPr>
            <a:xfrm>
              <a:off x="6800284" y="1736060"/>
              <a:ext cx="4715898" cy="931485"/>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sym typeface="Arial"/>
              </a:endParaRPr>
            </a:p>
          </p:txBody>
        </p:sp>
        <p:sp>
          <p:nvSpPr>
            <p:cNvPr id="305" name="矩形 304">
              <a:extLst>
                <a:ext uri="{FF2B5EF4-FFF2-40B4-BE49-F238E27FC236}">
                  <a16:creationId xmlns:a16="http://schemas.microsoft.com/office/drawing/2014/main" xmlns="" id="{08241003-80B6-4ADE-A1AD-E691CA610ABF}"/>
                </a:ext>
              </a:extLst>
            </p:cNvPr>
            <p:cNvSpPr>
              <a:spLocks noChangeAspect="1"/>
            </p:cNvSpPr>
            <p:nvPr/>
          </p:nvSpPr>
          <p:spPr>
            <a:xfrm>
              <a:off x="6829407" y="1764388"/>
              <a:ext cx="4715898" cy="866379"/>
            </a:xfrm>
            <a:prstGeom prst="rect">
              <a:avLst/>
            </a:prstGeom>
          </p:spPr>
          <p:txBody>
            <a:bodyPr wrap="square" lIns="96000" tIns="48000" rIns="96000" bIns="48000">
              <a:spAutoFit/>
            </a:bodyPr>
            <a:lstStyle/>
            <a:p>
              <a:pPr defTabSz="1625655" fontAlgn="ctr">
                <a:lnSpc>
                  <a:spcPts val="2000"/>
                </a:lnSpc>
              </a:pPr>
              <a:r>
                <a:rPr lang="zh-CN" altLang="en-US" sz="1500" b="1"/>
                <a:t>规建一体：</a:t>
              </a:r>
            </a:p>
            <a:p>
              <a:pPr marL="285750" indent="-285750" defTabSz="1625655" fontAlgn="ctr">
                <a:lnSpc>
                  <a:spcPts val="2000"/>
                </a:lnSpc>
                <a:buFont typeface="Arial" panose="020B0604020202020204" pitchFamily="34" charset="0"/>
                <a:buChar char="•"/>
              </a:pPr>
              <a:r>
                <a:rPr lang="zh-CN" altLang="en-US" sz="1500"/>
                <a:t>规划工具对接</a:t>
              </a:r>
              <a:r>
                <a:rPr lang="en-US" altLang="zh-CN" sz="1500"/>
                <a:t>NCE</a:t>
              </a:r>
              <a:r>
                <a:rPr lang="zh-CN" altLang="en-US" sz="1500"/>
                <a:t>，实现规划建设一体化。</a:t>
              </a:r>
            </a:p>
            <a:p>
              <a:pPr marL="285750" indent="-285750" defTabSz="1625655" fontAlgn="ctr">
                <a:lnSpc>
                  <a:spcPts val="2000"/>
                </a:lnSpc>
                <a:buFont typeface="Arial" panose="020B0604020202020204" pitchFamily="34" charset="0"/>
                <a:buChar char="•"/>
              </a:pPr>
              <a:r>
                <a:rPr lang="en-US" altLang="zh-CN" sz="1500"/>
                <a:t>ZTP</a:t>
              </a:r>
              <a:r>
                <a:rPr lang="zh-CN" altLang="en-US" sz="1500"/>
                <a:t>（</a:t>
              </a:r>
              <a:r>
                <a:rPr lang="en-US" altLang="zh-CN" sz="1500"/>
                <a:t>Zero Touch Provisioning</a:t>
              </a:r>
              <a:r>
                <a:rPr lang="zh-CN" altLang="en-US" sz="1500"/>
                <a:t>，零配置开局）</a:t>
              </a:r>
            </a:p>
          </p:txBody>
        </p:sp>
      </p:grpSp>
      <p:grpSp>
        <p:nvGrpSpPr>
          <p:cNvPr id="308" name="组合 307">
            <a:extLst>
              <a:ext uri="{FF2B5EF4-FFF2-40B4-BE49-F238E27FC236}">
                <a16:creationId xmlns:a16="http://schemas.microsoft.com/office/drawing/2014/main" xmlns="" id="{412BEE42-68F4-4AFE-94C7-93759D4659AE}"/>
              </a:ext>
            </a:extLst>
          </p:cNvPr>
          <p:cNvGrpSpPr/>
          <p:nvPr/>
        </p:nvGrpSpPr>
        <p:grpSpPr>
          <a:xfrm>
            <a:off x="6466664" y="2975208"/>
            <a:ext cx="4745021" cy="931485"/>
            <a:chOff x="8530357" y="2498252"/>
            <a:chExt cx="4745021" cy="931485"/>
          </a:xfrm>
        </p:grpSpPr>
        <p:sp>
          <p:nvSpPr>
            <p:cNvPr id="306" name="圆角矩形 109">
              <a:extLst>
                <a:ext uri="{FF2B5EF4-FFF2-40B4-BE49-F238E27FC236}">
                  <a16:creationId xmlns:a16="http://schemas.microsoft.com/office/drawing/2014/main" xmlns="" id="{9DF615E5-9214-4924-9AA0-1F71E4C642CF}"/>
                </a:ext>
              </a:extLst>
            </p:cNvPr>
            <p:cNvSpPr>
              <a:spLocks noChangeAspect="1"/>
            </p:cNvSpPr>
            <p:nvPr/>
          </p:nvSpPr>
          <p:spPr>
            <a:xfrm>
              <a:off x="8530357" y="2498252"/>
              <a:ext cx="4715898" cy="931485"/>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sym typeface="Arial"/>
              </a:endParaRPr>
            </a:p>
          </p:txBody>
        </p:sp>
        <p:sp>
          <p:nvSpPr>
            <p:cNvPr id="307" name="矩形 306">
              <a:extLst>
                <a:ext uri="{FF2B5EF4-FFF2-40B4-BE49-F238E27FC236}">
                  <a16:creationId xmlns:a16="http://schemas.microsoft.com/office/drawing/2014/main" xmlns="" id="{3C47849F-B388-4A75-869A-D27A4CA650EC}"/>
                </a:ext>
              </a:extLst>
            </p:cNvPr>
            <p:cNvSpPr>
              <a:spLocks noChangeAspect="1"/>
            </p:cNvSpPr>
            <p:nvPr/>
          </p:nvSpPr>
          <p:spPr>
            <a:xfrm>
              <a:off x="8559480" y="2526580"/>
              <a:ext cx="4715898" cy="866379"/>
            </a:xfrm>
            <a:prstGeom prst="rect">
              <a:avLst/>
            </a:prstGeom>
          </p:spPr>
          <p:txBody>
            <a:bodyPr wrap="square" lIns="96000" tIns="48000" rIns="96000" bIns="48000">
              <a:spAutoFit/>
            </a:bodyPr>
            <a:lstStyle/>
            <a:p>
              <a:pPr defTabSz="1625655" fontAlgn="ctr">
                <a:lnSpc>
                  <a:spcPts val="2000"/>
                </a:lnSpc>
              </a:pPr>
              <a:r>
                <a:rPr lang="zh-CN" altLang="en-US" sz="1500" b="1"/>
                <a:t>极简部署：</a:t>
              </a:r>
            </a:p>
            <a:p>
              <a:pPr marL="285750" indent="-285750" defTabSz="1625655" fontAlgn="ctr">
                <a:lnSpc>
                  <a:spcPts val="2000"/>
                </a:lnSpc>
                <a:buFont typeface="Arial" panose="020B0604020202020204" pitchFamily="34" charset="0"/>
                <a:buChar char="•"/>
              </a:pPr>
              <a:r>
                <a:rPr lang="zh-CN" altLang="en-US" sz="1500"/>
                <a:t>业务意图自理解和转换部署。</a:t>
              </a:r>
            </a:p>
            <a:p>
              <a:pPr marL="285750" indent="-285750" defTabSz="1625655" fontAlgn="ctr">
                <a:lnSpc>
                  <a:spcPts val="2000"/>
                </a:lnSpc>
                <a:buFont typeface="Arial" panose="020B0604020202020204" pitchFamily="34" charset="0"/>
                <a:buChar char="•"/>
              </a:pPr>
              <a:r>
                <a:rPr lang="zh-CN" altLang="en-US" sz="1500"/>
                <a:t>网络变更仿真评估，杜绝人为错误。</a:t>
              </a:r>
            </a:p>
          </p:txBody>
        </p:sp>
      </p:grpSp>
      <p:grpSp>
        <p:nvGrpSpPr>
          <p:cNvPr id="310" name="组合 309">
            <a:extLst>
              <a:ext uri="{FF2B5EF4-FFF2-40B4-BE49-F238E27FC236}">
                <a16:creationId xmlns:a16="http://schemas.microsoft.com/office/drawing/2014/main" xmlns="" id="{EA00AC3B-6B15-45D4-A14A-825213F36FDC}"/>
              </a:ext>
            </a:extLst>
          </p:cNvPr>
          <p:cNvGrpSpPr/>
          <p:nvPr/>
        </p:nvGrpSpPr>
        <p:grpSpPr>
          <a:xfrm>
            <a:off x="6466664" y="4076227"/>
            <a:ext cx="4745021" cy="931485"/>
            <a:chOff x="8530357" y="2498252"/>
            <a:chExt cx="4745021" cy="931485"/>
          </a:xfrm>
        </p:grpSpPr>
        <p:sp>
          <p:nvSpPr>
            <p:cNvPr id="311" name="圆角矩形 109">
              <a:extLst>
                <a:ext uri="{FF2B5EF4-FFF2-40B4-BE49-F238E27FC236}">
                  <a16:creationId xmlns:a16="http://schemas.microsoft.com/office/drawing/2014/main" xmlns="" id="{064CEAEE-3F3B-477A-9317-E7CC7FED7E74}"/>
                </a:ext>
              </a:extLst>
            </p:cNvPr>
            <p:cNvSpPr>
              <a:spLocks noChangeAspect="1"/>
            </p:cNvSpPr>
            <p:nvPr/>
          </p:nvSpPr>
          <p:spPr>
            <a:xfrm>
              <a:off x="8530357" y="2498252"/>
              <a:ext cx="4715898" cy="931485"/>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sym typeface="Arial"/>
              </a:endParaRPr>
            </a:p>
          </p:txBody>
        </p:sp>
        <p:sp>
          <p:nvSpPr>
            <p:cNvPr id="312" name="矩形 311">
              <a:extLst>
                <a:ext uri="{FF2B5EF4-FFF2-40B4-BE49-F238E27FC236}">
                  <a16:creationId xmlns:a16="http://schemas.microsoft.com/office/drawing/2014/main" xmlns="" id="{CBAE8CD7-2F30-4126-88EA-AA8C0E253DF2}"/>
                </a:ext>
              </a:extLst>
            </p:cNvPr>
            <p:cNvSpPr>
              <a:spLocks noChangeAspect="1"/>
            </p:cNvSpPr>
            <p:nvPr/>
          </p:nvSpPr>
          <p:spPr>
            <a:xfrm>
              <a:off x="8559480" y="2526580"/>
              <a:ext cx="4715898" cy="866379"/>
            </a:xfrm>
            <a:prstGeom prst="rect">
              <a:avLst/>
            </a:prstGeom>
          </p:spPr>
          <p:txBody>
            <a:bodyPr wrap="square" lIns="96000" tIns="48000" rIns="96000" bIns="48000">
              <a:spAutoFit/>
            </a:bodyPr>
            <a:lstStyle/>
            <a:p>
              <a:pPr defTabSz="1625655" fontAlgn="ctr">
                <a:lnSpc>
                  <a:spcPts val="2000"/>
                </a:lnSpc>
              </a:pPr>
              <a:r>
                <a:rPr lang="zh-CN" altLang="en-US" sz="1500" b="1"/>
                <a:t>智能运维：</a:t>
              </a:r>
            </a:p>
            <a:p>
              <a:pPr marL="285750" indent="-285750" defTabSz="1625655" fontAlgn="ctr">
                <a:lnSpc>
                  <a:spcPts val="2000"/>
                </a:lnSpc>
                <a:buFont typeface="Arial" panose="020B0604020202020204" pitchFamily="34" charset="0"/>
                <a:buChar char="•"/>
              </a:pPr>
              <a:r>
                <a:rPr lang="zh-CN" altLang="en-US" sz="1500"/>
                <a:t>基于知识图谱和专家规则的快速故障发现定位</a:t>
              </a:r>
            </a:p>
            <a:p>
              <a:pPr marL="285750" indent="-285750" defTabSz="1625655" fontAlgn="ctr">
                <a:lnSpc>
                  <a:spcPts val="2000"/>
                </a:lnSpc>
                <a:buFont typeface="Arial" panose="020B0604020202020204" pitchFamily="34" charset="0"/>
                <a:buChar char="•"/>
              </a:pPr>
              <a:r>
                <a:rPr lang="zh-CN" altLang="en-US" sz="1500"/>
                <a:t>基于专家规则和仿真分析的快速故障恢复</a:t>
              </a:r>
            </a:p>
          </p:txBody>
        </p:sp>
      </p:grpSp>
      <p:grpSp>
        <p:nvGrpSpPr>
          <p:cNvPr id="313" name="组合 312">
            <a:extLst>
              <a:ext uri="{FF2B5EF4-FFF2-40B4-BE49-F238E27FC236}">
                <a16:creationId xmlns:a16="http://schemas.microsoft.com/office/drawing/2014/main" xmlns="" id="{66340E9A-333B-441B-89C1-7203CA015DDB}"/>
              </a:ext>
            </a:extLst>
          </p:cNvPr>
          <p:cNvGrpSpPr/>
          <p:nvPr/>
        </p:nvGrpSpPr>
        <p:grpSpPr>
          <a:xfrm>
            <a:off x="6466664" y="5177245"/>
            <a:ext cx="4745021" cy="931485"/>
            <a:chOff x="8530357" y="2498252"/>
            <a:chExt cx="4745021" cy="931485"/>
          </a:xfrm>
        </p:grpSpPr>
        <p:sp>
          <p:nvSpPr>
            <p:cNvPr id="314" name="圆角矩形 109">
              <a:extLst>
                <a:ext uri="{FF2B5EF4-FFF2-40B4-BE49-F238E27FC236}">
                  <a16:creationId xmlns:a16="http://schemas.microsoft.com/office/drawing/2014/main" xmlns="" id="{B151C85C-9F94-48BE-90EC-187EA9B81538}"/>
                </a:ext>
              </a:extLst>
            </p:cNvPr>
            <p:cNvSpPr>
              <a:spLocks noChangeAspect="1"/>
            </p:cNvSpPr>
            <p:nvPr/>
          </p:nvSpPr>
          <p:spPr>
            <a:xfrm>
              <a:off x="8530357" y="2498252"/>
              <a:ext cx="4715898" cy="931485"/>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sym typeface="Arial"/>
              </a:endParaRPr>
            </a:p>
          </p:txBody>
        </p:sp>
        <p:sp>
          <p:nvSpPr>
            <p:cNvPr id="315" name="矩形 314">
              <a:extLst>
                <a:ext uri="{FF2B5EF4-FFF2-40B4-BE49-F238E27FC236}">
                  <a16:creationId xmlns:a16="http://schemas.microsoft.com/office/drawing/2014/main" xmlns="" id="{962D41C2-8337-4295-9148-7E9D30D01014}"/>
                </a:ext>
              </a:extLst>
            </p:cNvPr>
            <p:cNvSpPr>
              <a:spLocks noChangeAspect="1"/>
            </p:cNvSpPr>
            <p:nvPr/>
          </p:nvSpPr>
          <p:spPr>
            <a:xfrm>
              <a:off x="8559480" y="2526580"/>
              <a:ext cx="4715898" cy="866379"/>
            </a:xfrm>
            <a:prstGeom prst="rect">
              <a:avLst/>
            </a:prstGeom>
          </p:spPr>
          <p:txBody>
            <a:bodyPr wrap="square" lIns="96000" tIns="48000" rIns="96000" bIns="48000">
              <a:spAutoFit/>
            </a:bodyPr>
            <a:lstStyle/>
            <a:p>
              <a:pPr defTabSz="1625655" fontAlgn="ctr">
                <a:lnSpc>
                  <a:spcPts val="2000"/>
                </a:lnSpc>
              </a:pPr>
              <a:r>
                <a:rPr lang="zh-CN" altLang="en-US" sz="1500" b="1"/>
                <a:t>实时调优：</a:t>
              </a:r>
            </a:p>
            <a:p>
              <a:pPr marL="285750" indent="-285750" defTabSz="1625655" fontAlgn="ctr">
                <a:lnSpc>
                  <a:spcPts val="2000"/>
                </a:lnSpc>
                <a:buFont typeface="Arial" panose="020B0604020202020204" pitchFamily="34" charset="0"/>
                <a:buChar char="•"/>
              </a:pPr>
              <a:r>
                <a:rPr lang="zh-CN" altLang="en-US" sz="1500"/>
                <a:t>面向</a:t>
              </a:r>
              <a:r>
                <a:rPr lang="en-US" altLang="zh-CN" sz="1500"/>
                <a:t>AI-Fabric</a:t>
              </a:r>
              <a:r>
                <a:rPr lang="zh-CN" altLang="en-US" sz="1500"/>
                <a:t>的流量本地推理，在线模型训练调优</a:t>
              </a:r>
            </a:p>
            <a:p>
              <a:pPr marL="285750" indent="-285750" defTabSz="1625655" fontAlgn="ctr">
                <a:lnSpc>
                  <a:spcPts val="2000"/>
                </a:lnSpc>
                <a:buFont typeface="Arial" panose="020B0604020202020204" pitchFamily="34" charset="0"/>
                <a:buChar char="•"/>
              </a:pPr>
              <a:r>
                <a:rPr lang="zh-CN" altLang="en-US" sz="1500"/>
                <a:t>用户行为预测、资源调优建议</a:t>
              </a:r>
            </a:p>
          </p:txBody>
        </p:sp>
      </p:grpSp>
      <p:sp>
        <p:nvSpPr>
          <p:cNvPr id="299" name="燕尾形 25">
            <a:extLst>
              <a:ext uri="{FF2B5EF4-FFF2-40B4-BE49-F238E27FC236}">
                <a16:creationId xmlns:a16="http://schemas.microsoft.com/office/drawing/2014/main" xmlns="" id="{44FF3C44-ABB8-4475-B255-E5AD6DF4FCA2}"/>
              </a:ext>
            </a:extLst>
          </p:cNvPr>
          <p:cNvSpPr/>
          <p:nvPr/>
        </p:nvSpPr>
        <p:spPr bwMode="auto">
          <a:xfrm>
            <a:off x="10187647"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数据中心</a:t>
            </a:r>
            <a:endParaRPr lang="en-US" altLang="zh-CN" sz="1200" b="1" kern="0">
              <a:solidFill>
                <a:srgbClr val="FFFFFF"/>
              </a:solidFill>
            </a:endParaRPr>
          </a:p>
        </p:txBody>
      </p:sp>
      <p:sp>
        <p:nvSpPr>
          <p:cNvPr id="309" name="燕尾形 26">
            <a:extLst>
              <a:ext uri="{FF2B5EF4-FFF2-40B4-BE49-F238E27FC236}">
                <a16:creationId xmlns:a16="http://schemas.microsoft.com/office/drawing/2014/main" xmlns="" id="{E4E02584-66BD-4F6B-9EA5-71F16754D5D2}"/>
              </a:ext>
            </a:extLst>
          </p:cNvPr>
          <p:cNvSpPr/>
          <p:nvPr/>
        </p:nvSpPr>
        <p:spPr bwMode="auto">
          <a:xfrm>
            <a:off x="10996392"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企业园区</a:t>
            </a:r>
            <a:endParaRPr lang="en-US" altLang="zh-CN" sz="1200" kern="0"/>
          </a:p>
        </p:txBody>
      </p:sp>
    </p:spTree>
    <p:extLst>
      <p:ext uri="{BB962C8B-B14F-4D97-AF65-F5344CB8AC3E}">
        <p14:creationId xmlns:p14="http://schemas.microsoft.com/office/powerpoint/2010/main" val="30032863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82780551-F022-4B6B-8D4D-D95DD6ED54AA}"/>
              </a:ext>
            </a:extLst>
          </p:cNvPr>
          <p:cNvSpPr>
            <a:spLocks noGrp="1"/>
          </p:cNvSpPr>
          <p:nvPr>
            <p:ph type="title"/>
          </p:nvPr>
        </p:nvSpPr>
        <p:spPr/>
        <p:txBody>
          <a:bodyPr/>
          <a:lstStyle/>
          <a:p>
            <a:r>
              <a:rPr lang="zh-CN" altLang="en-US"/>
              <a:t>关键特性：极简</a:t>
            </a:r>
            <a:r>
              <a:rPr lang="en-US" altLang="zh-CN"/>
              <a:t>ZTP</a:t>
            </a:r>
            <a:r>
              <a:rPr lang="zh-CN" altLang="en-US"/>
              <a:t>部署</a:t>
            </a:r>
          </a:p>
        </p:txBody>
      </p:sp>
      <p:cxnSp>
        <p:nvCxnSpPr>
          <p:cNvPr id="4" name="直接连接符 3">
            <a:extLst>
              <a:ext uri="{FF2B5EF4-FFF2-40B4-BE49-F238E27FC236}">
                <a16:creationId xmlns:a16="http://schemas.microsoft.com/office/drawing/2014/main" xmlns="" id="{480B218E-081D-4253-B0C3-E6CE3C6B7FE0}"/>
              </a:ext>
            </a:extLst>
          </p:cNvPr>
          <p:cNvCxnSpPr>
            <a:cxnSpLocks/>
          </p:cNvCxnSpPr>
          <p:nvPr/>
        </p:nvCxnSpPr>
        <p:spPr bwMode="auto">
          <a:xfrm flipV="1">
            <a:off x="3218579" y="1981924"/>
            <a:ext cx="0" cy="403932"/>
          </a:xfrm>
          <a:prstGeom prst="line">
            <a:avLst/>
          </a:prstGeom>
          <a:ln w="19050">
            <a:prstDash val="solid"/>
            <a:headEnd type="triangle"/>
            <a:tailEnd type="none"/>
          </a:ln>
        </p:spPr>
        <p:style>
          <a:lnRef idx="1">
            <a:schemeClr val="accent1"/>
          </a:lnRef>
          <a:fillRef idx="0">
            <a:schemeClr val="accent1"/>
          </a:fillRef>
          <a:effectRef idx="0">
            <a:schemeClr val="accent1"/>
          </a:effectRef>
          <a:fontRef idx="minor">
            <a:schemeClr val="tx1"/>
          </a:fontRef>
        </p:style>
      </p:cxnSp>
      <p:sp>
        <p:nvSpPr>
          <p:cNvPr id="5" name="Rectangle 14">
            <a:extLst>
              <a:ext uri="{FF2B5EF4-FFF2-40B4-BE49-F238E27FC236}">
                <a16:creationId xmlns:a16="http://schemas.microsoft.com/office/drawing/2014/main" xmlns="" id="{1C3E25ED-3352-4E51-B364-2123B4CB34E3}"/>
              </a:ext>
            </a:extLst>
          </p:cNvPr>
          <p:cNvSpPr/>
          <p:nvPr/>
        </p:nvSpPr>
        <p:spPr>
          <a:xfrm>
            <a:off x="839824" y="2485969"/>
            <a:ext cx="4842386" cy="627770"/>
          </a:xfrm>
          <a:prstGeom prst="rect">
            <a:avLst/>
          </a:prstGeom>
          <a:noFill/>
          <a:ln w="19050" cap="flat" cmpd="sng" algn="ctr">
            <a:solidFill>
              <a:schemeClr val="accent5">
                <a:lumMod val="75000"/>
              </a:schemeClr>
            </a:solidFill>
            <a:prstDash val="sysDash"/>
          </a:ln>
          <a:effectLst/>
        </p:spPr>
        <p:txBody>
          <a:bodyPr wrap="none" rIns="45720" rtlCol="0" anchor="ctr"/>
          <a:lstStyle/>
          <a:p>
            <a:pPr algn="r" defTabSz="914400"/>
            <a:endParaRPr lang="en-US" sz="1600" b="1" kern="0" dirty="0">
              <a:solidFill>
                <a:srgbClr val="FFFFFF"/>
              </a:solidFill>
              <a:effectLst>
                <a:outerShdw blurRad="38100" dist="38100" dir="2700000" algn="tl">
                  <a:srgbClr val="000000">
                    <a:alpha val="43137"/>
                  </a:srgbClr>
                </a:outerShdw>
              </a:effectLst>
              <a:cs typeface="+mn-ea"/>
              <a:sym typeface="Huawei Sans Light" panose="020C0303030203020204" pitchFamily="34" charset="0"/>
            </a:endParaRPr>
          </a:p>
        </p:txBody>
      </p:sp>
      <p:cxnSp>
        <p:nvCxnSpPr>
          <p:cNvPr id="7" name="直接连接符 6">
            <a:extLst>
              <a:ext uri="{FF2B5EF4-FFF2-40B4-BE49-F238E27FC236}">
                <a16:creationId xmlns:a16="http://schemas.microsoft.com/office/drawing/2014/main" xmlns="" id="{3B3CE1E6-1F28-40C2-914D-888C8272B7D0}"/>
              </a:ext>
            </a:extLst>
          </p:cNvPr>
          <p:cNvCxnSpPr>
            <a:cxnSpLocks/>
          </p:cNvCxnSpPr>
          <p:nvPr/>
        </p:nvCxnSpPr>
        <p:spPr bwMode="auto">
          <a:xfrm>
            <a:off x="3261017" y="2618439"/>
            <a:ext cx="1069379" cy="1361230"/>
          </a:xfrm>
          <a:prstGeom prst="line">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 name="肘形连接符 35">
            <a:extLst>
              <a:ext uri="{FF2B5EF4-FFF2-40B4-BE49-F238E27FC236}">
                <a16:creationId xmlns:a16="http://schemas.microsoft.com/office/drawing/2014/main" xmlns="" id="{4BBC6F68-2523-49BB-8009-0AB8DD312745}"/>
              </a:ext>
            </a:extLst>
          </p:cNvPr>
          <p:cNvCxnSpPr/>
          <p:nvPr/>
        </p:nvCxnSpPr>
        <p:spPr bwMode="auto">
          <a:xfrm flipH="1">
            <a:off x="2788285" y="2810491"/>
            <a:ext cx="397475" cy="1175722"/>
          </a:xfrm>
          <a:prstGeom prst="straightConnector1">
            <a:avLst/>
          </a:prstGeom>
          <a:noFill/>
          <a:ln w="9525" cap="flat" cmpd="sng" algn="ctr">
            <a:solidFill>
              <a:schemeClr val="bg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 name="矩形 1437">
            <a:extLst>
              <a:ext uri="{FF2B5EF4-FFF2-40B4-BE49-F238E27FC236}">
                <a16:creationId xmlns:a16="http://schemas.microsoft.com/office/drawing/2014/main" xmlns="" id="{9A0572B3-B031-45B9-ABE1-7C9A690C978F}"/>
              </a:ext>
            </a:extLst>
          </p:cNvPr>
          <p:cNvSpPr>
            <a:spLocks noChangeArrowheads="1"/>
          </p:cNvSpPr>
          <p:nvPr/>
        </p:nvSpPr>
        <p:spPr bwMode="auto">
          <a:xfrm>
            <a:off x="2538106" y="1576135"/>
            <a:ext cx="1360946" cy="3803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2392" tIns="51195" rIns="102392" bIns="51195">
            <a:spAutoFit/>
          </a:bodyPr>
          <a:lstStyle>
            <a:lvl1pPr>
              <a:defRPr kumimoji="1" sz="2400">
                <a:solidFill>
                  <a:schemeClr val="tx1"/>
                </a:solidFill>
                <a:latin typeface="Calibri" panose="020F0502020204030204" pitchFamily="34" charset="0"/>
                <a:ea typeface="宋体" panose="02010600030101010101" pitchFamily="2" charset="-122"/>
              </a:defRPr>
            </a:lvl1pPr>
            <a:lvl2pPr marL="742950" indent="-285750">
              <a:defRPr kumimoji="1" sz="2400">
                <a:solidFill>
                  <a:schemeClr val="tx1"/>
                </a:solidFill>
                <a:latin typeface="Calibri" panose="020F0502020204030204" pitchFamily="34" charset="0"/>
                <a:ea typeface="宋体" panose="02010600030101010101" pitchFamily="2" charset="-122"/>
              </a:defRPr>
            </a:lvl2pPr>
            <a:lvl3pPr marL="1143000" indent="-228600">
              <a:defRPr kumimoji="1" sz="2400">
                <a:solidFill>
                  <a:schemeClr val="tx1"/>
                </a:solidFill>
                <a:latin typeface="Calibri" panose="020F0502020204030204" pitchFamily="34" charset="0"/>
                <a:ea typeface="宋体" panose="02010600030101010101" pitchFamily="2" charset="-122"/>
              </a:defRPr>
            </a:lvl3pPr>
            <a:lvl4pPr marL="1600200" indent="-228600">
              <a:defRPr kumimoji="1" sz="2400">
                <a:solidFill>
                  <a:schemeClr val="tx1"/>
                </a:solidFill>
                <a:latin typeface="Calibri" panose="020F0502020204030204" pitchFamily="34" charset="0"/>
                <a:ea typeface="宋体" panose="02010600030101010101" pitchFamily="2" charset="-122"/>
              </a:defRPr>
            </a:lvl4pPr>
            <a:lvl5pPr marL="2057400" indent="-228600">
              <a:defRPr kumimoji="1" sz="2400">
                <a:solidFill>
                  <a:schemeClr val="tx1"/>
                </a:solidFill>
                <a:latin typeface="Calibri" panose="020F0502020204030204" pitchFamily="34" charset="0"/>
                <a:ea typeface="宋体" panose="02010600030101010101" pitchFamily="2" charset="-122"/>
              </a:defRPr>
            </a:lvl5pPr>
            <a:lvl6pPr marL="2514600" indent="-228600" defTabSz="454025" fontAlgn="base">
              <a:spcBef>
                <a:spcPct val="0"/>
              </a:spcBef>
              <a:spcAft>
                <a:spcPct val="0"/>
              </a:spcAft>
              <a:defRPr kumimoji="1" sz="2400">
                <a:solidFill>
                  <a:schemeClr val="tx1"/>
                </a:solidFill>
                <a:latin typeface="Calibri" panose="020F0502020204030204" pitchFamily="34" charset="0"/>
                <a:ea typeface="宋体" panose="02010600030101010101" pitchFamily="2" charset="-122"/>
              </a:defRPr>
            </a:lvl6pPr>
            <a:lvl7pPr marL="2971800" indent="-228600" defTabSz="454025" fontAlgn="base">
              <a:spcBef>
                <a:spcPct val="0"/>
              </a:spcBef>
              <a:spcAft>
                <a:spcPct val="0"/>
              </a:spcAft>
              <a:defRPr kumimoji="1" sz="2400">
                <a:solidFill>
                  <a:schemeClr val="tx1"/>
                </a:solidFill>
                <a:latin typeface="Calibri" panose="020F0502020204030204" pitchFamily="34" charset="0"/>
                <a:ea typeface="宋体" panose="02010600030101010101" pitchFamily="2" charset="-122"/>
              </a:defRPr>
            </a:lvl7pPr>
            <a:lvl8pPr marL="3429000" indent="-228600" defTabSz="454025" fontAlgn="base">
              <a:spcBef>
                <a:spcPct val="0"/>
              </a:spcBef>
              <a:spcAft>
                <a:spcPct val="0"/>
              </a:spcAft>
              <a:defRPr kumimoji="1" sz="2400">
                <a:solidFill>
                  <a:schemeClr val="tx1"/>
                </a:solidFill>
                <a:latin typeface="Calibri" panose="020F0502020204030204" pitchFamily="34" charset="0"/>
                <a:ea typeface="宋体" panose="02010600030101010101" pitchFamily="2" charset="-122"/>
              </a:defRPr>
            </a:lvl8pPr>
            <a:lvl9pPr marL="3886200" indent="-228600" defTabSz="454025" fontAlgn="base">
              <a:spcBef>
                <a:spcPct val="0"/>
              </a:spcBef>
              <a:spcAft>
                <a:spcPct val="0"/>
              </a:spcAft>
              <a:defRPr kumimoji="1" sz="2400">
                <a:solidFill>
                  <a:schemeClr val="tx1"/>
                </a:solidFill>
                <a:latin typeface="Calibri" panose="020F0502020204030204" pitchFamily="34" charset="0"/>
                <a:ea typeface="宋体" panose="02010600030101010101" pitchFamily="2" charset="-122"/>
              </a:defRPr>
            </a:lvl9pPr>
          </a:lstStyle>
          <a:p>
            <a:pPr algn="ctr"/>
            <a:r>
              <a:rPr kumimoji="0" lang="zh-CN" altLang="en-US" sz="1800" b="1" dirty="0">
                <a:solidFill>
                  <a:srgbClr val="0070C0"/>
                </a:solidFill>
                <a:latin typeface="+mn-lt"/>
                <a:ea typeface="+mn-ea"/>
                <a:cs typeface="+mn-ea"/>
                <a:sym typeface="Huawei Sans Light" panose="020C0303030203020204" pitchFamily="34" charset="0"/>
              </a:rPr>
              <a:t>网络管理员</a:t>
            </a:r>
            <a:endParaRPr kumimoji="0" lang="en-US" altLang="zh-CN" sz="1800" b="1" dirty="0">
              <a:solidFill>
                <a:srgbClr val="0070C0"/>
              </a:solidFill>
              <a:latin typeface="+mn-lt"/>
              <a:ea typeface="+mn-ea"/>
              <a:cs typeface="+mn-ea"/>
              <a:sym typeface="Huawei Sans Light" panose="020C0303030203020204" pitchFamily="34" charset="0"/>
            </a:endParaRPr>
          </a:p>
        </p:txBody>
      </p:sp>
      <p:cxnSp>
        <p:nvCxnSpPr>
          <p:cNvPr id="21" name="肘形连接符 216">
            <a:extLst>
              <a:ext uri="{FF2B5EF4-FFF2-40B4-BE49-F238E27FC236}">
                <a16:creationId xmlns:a16="http://schemas.microsoft.com/office/drawing/2014/main" xmlns="" id="{FEE09395-2F84-4683-BEE3-695FC174D757}"/>
              </a:ext>
            </a:extLst>
          </p:cNvPr>
          <p:cNvCxnSpPr/>
          <p:nvPr/>
        </p:nvCxnSpPr>
        <p:spPr bwMode="auto">
          <a:xfrm>
            <a:off x="3189386" y="2825328"/>
            <a:ext cx="590003" cy="1189446"/>
          </a:xfrm>
          <a:prstGeom prst="straightConnector1">
            <a:avLst/>
          </a:prstGeom>
          <a:noFill/>
          <a:ln w="9525" cap="flat" cmpd="sng" algn="ctr">
            <a:solidFill>
              <a:schemeClr val="bg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9" name="雲形吹き出し 8">
            <a:extLst>
              <a:ext uri="{FF2B5EF4-FFF2-40B4-BE49-F238E27FC236}">
                <a16:creationId xmlns:a16="http://schemas.microsoft.com/office/drawing/2014/main" xmlns="" id="{3185D9B9-92F6-41C5-AFB4-FDFADADD17CB}"/>
              </a:ext>
            </a:extLst>
          </p:cNvPr>
          <p:cNvSpPr/>
          <p:nvPr/>
        </p:nvSpPr>
        <p:spPr>
          <a:xfrm>
            <a:off x="1123212" y="4239286"/>
            <a:ext cx="4234098" cy="1456422"/>
          </a:xfrm>
          <a:prstGeom prst="cloudCallout">
            <a:avLst>
              <a:gd name="adj1" fmla="val -13626"/>
              <a:gd name="adj2" fmla="val 26195"/>
            </a:avLst>
          </a:prstGeom>
          <a:solidFill>
            <a:srgbClr val="DDDDDD"/>
          </a:solidFill>
          <a:ln w="25400" cap="flat" cmpd="sng" algn="ctr">
            <a:noFill/>
            <a:prstDash val="solid"/>
          </a:ln>
          <a:effectLst/>
        </p:spPr>
        <p:txBody>
          <a:bodyPr wrap="square" lIns="0" tIns="0" rIns="0" bIns="0" rtlCol="0" anchor="ctr" anchorCtr="1">
            <a:norm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1" lang="ja-JP" altLang="en-US" sz="1600" b="1" i="0" u="none" strike="noStrike" kern="0" cap="none" spc="0" normalizeH="0" baseline="0" noProof="0" dirty="0">
              <a:ln>
                <a:noFill/>
              </a:ln>
              <a:effectLst/>
              <a:uLnTx/>
              <a:uFillTx/>
              <a:cs typeface="+mn-ea"/>
              <a:sym typeface="Huawei Sans Light" panose="020C0303030203020204" pitchFamily="34" charset="0"/>
            </a:endParaRPr>
          </a:p>
        </p:txBody>
      </p:sp>
      <p:sp>
        <p:nvSpPr>
          <p:cNvPr id="40" name="文本框 39">
            <a:extLst>
              <a:ext uri="{FF2B5EF4-FFF2-40B4-BE49-F238E27FC236}">
                <a16:creationId xmlns:a16="http://schemas.microsoft.com/office/drawing/2014/main" xmlns="" id="{8A64871F-6115-4C06-AF58-E8A77CFEF023}"/>
              </a:ext>
            </a:extLst>
          </p:cNvPr>
          <p:cNvSpPr txBox="1"/>
          <p:nvPr/>
        </p:nvSpPr>
        <p:spPr>
          <a:xfrm>
            <a:off x="1822264" y="4120655"/>
            <a:ext cx="724878" cy="338554"/>
          </a:xfrm>
          <a:prstGeom prst="rect">
            <a:avLst/>
          </a:prstGeom>
          <a:noFill/>
        </p:spPr>
        <p:txBody>
          <a:bodyPr wrap="none" rtlCol="0">
            <a:spAutoFit/>
          </a:bodyPr>
          <a:lstStyle>
            <a:defPPr>
              <a:defRPr lang="zh-CN"/>
            </a:defPPr>
            <a:lvl1pPr>
              <a:defRPr sz="600" u="sng">
                <a:solidFill>
                  <a:srgbClr val="0070C0"/>
                </a:solidFill>
                <a:latin typeface="Arial Black" panose="020B0A04020102020204" pitchFamily="34" charset="0"/>
              </a:defRPr>
            </a:lvl1pPr>
          </a:lstStyle>
          <a:p>
            <a:pPr defTabSz="914400" fontAlgn="base">
              <a:spcBef>
                <a:spcPct val="0"/>
              </a:spcBef>
              <a:spcAft>
                <a:spcPct val="0"/>
              </a:spcAft>
            </a:pPr>
            <a:r>
              <a:rPr lang="en-US" altLang="zh-CN" sz="1600" b="1" u="none" dirty="0">
                <a:solidFill>
                  <a:srgbClr val="474747"/>
                </a:solidFill>
                <a:latin typeface="+mn-lt"/>
                <a:cs typeface="+mn-ea"/>
                <a:sym typeface="Huawei Sans Light" panose="020C0303030203020204" pitchFamily="34" charset="0"/>
              </a:rPr>
              <a:t>Spine</a:t>
            </a:r>
            <a:endParaRPr lang="zh-CN" altLang="en-US" sz="1600" b="1" u="none" dirty="0">
              <a:solidFill>
                <a:srgbClr val="474747"/>
              </a:solidFill>
              <a:latin typeface="+mn-lt"/>
              <a:cs typeface="+mn-ea"/>
              <a:sym typeface="Huawei Sans Light" panose="020C0303030203020204" pitchFamily="34" charset="0"/>
            </a:endParaRPr>
          </a:p>
        </p:txBody>
      </p:sp>
      <p:sp>
        <p:nvSpPr>
          <p:cNvPr id="41" name="文本框 40">
            <a:extLst>
              <a:ext uri="{FF2B5EF4-FFF2-40B4-BE49-F238E27FC236}">
                <a16:creationId xmlns:a16="http://schemas.microsoft.com/office/drawing/2014/main" xmlns="" id="{81270B19-F512-4E4F-8465-F1C6C6AA715C}"/>
              </a:ext>
            </a:extLst>
          </p:cNvPr>
          <p:cNvSpPr txBox="1"/>
          <p:nvPr/>
        </p:nvSpPr>
        <p:spPr>
          <a:xfrm>
            <a:off x="1194714" y="5338072"/>
            <a:ext cx="609462" cy="338554"/>
          </a:xfrm>
          <a:prstGeom prst="rect">
            <a:avLst/>
          </a:prstGeom>
          <a:noFill/>
        </p:spPr>
        <p:txBody>
          <a:bodyPr wrap="none" rtlCol="0">
            <a:spAutoFit/>
          </a:bodyPr>
          <a:lstStyle/>
          <a:p>
            <a:pPr defTabSz="914400" fontAlgn="base">
              <a:spcBef>
                <a:spcPct val="0"/>
              </a:spcBef>
              <a:spcAft>
                <a:spcPct val="0"/>
              </a:spcAft>
            </a:pPr>
            <a:r>
              <a:rPr lang="en-US" altLang="zh-CN" sz="1600" b="1" dirty="0">
                <a:solidFill>
                  <a:srgbClr val="474747"/>
                </a:solidFill>
                <a:cs typeface="+mn-ea"/>
                <a:sym typeface="Huawei Sans Light" panose="020C0303030203020204" pitchFamily="34" charset="0"/>
              </a:rPr>
              <a:t>Leaf</a:t>
            </a:r>
            <a:endParaRPr lang="zh-CN" altLang="en-US" sz="1600" b="1" dirty="0">
              <a:solidFill>
                <a:srgbClr val="474747"/>
              </a:solidFill>
              <a:cs typeface="+mn-ea"/>
              <a:sym typeface="Huawei Sans Light" panose="020C0303030203020204" pitchFamily="34" charset="0"/>
            </a:endParaRPr>
          </a:p>
        </p:txBody>
      </p:sp>
      <p:sp>
        <p:nvSpPr>
          <p:cNvPr id="42" name="Rectangle 14">
            <a:extLst>
              <a:ext uri="{FF2B5EF4-FFF2-40B4-BE49-F238E27FC236}">
                <a16:creationId xmlns:a16="http://schemas.microsoft.com/office/drawing/2014/main" xmlns="" id="{7098EA03-421F-4429-9282-121B7C2D4123}"/>
              </a:ext>
            </a:extLst>
          </p:cNvPr>
          <p:cNvSpPr/>
          <p:nvPr/>
        </p:nvSpPr>
        <p:spPr>
          <a:xfrm>
            <a:off x="878627" y="3951378"/>
            <a:ext cx="4803583" cy="1966522"/>
          </a:xfrm>
          <a:prstGeom prst="rect">
            <a:avLst/>
          </a:prstGeom>
          <a:noFill/>
          <a:ln w="19050" cap="flat" cmpd="sng" algn="ctr">
            <a:solidFill>
              <a:schemeClr val="accent5">
                <a:lumMod val="75000"/>
              </a:schemeClr>
            </a:solidFill>
            <a:prstDash val="sysDash"/>
          </a:ln>
          <a:effectLst/>
        </p:spPr>
        <p:txBody>
          <a:bodyPr wrap="none" rIns="45720" rtlCol="0" anchor="ctr"/>
          <a:lstStyle/>
          <a:p>
            <a:pPr marL="0" marR="0" lvl="0" indent="0" algn="r" defTabSz="914400" eaLnBrk="1" fontAlgn="auto" latinLnBrk="0" hangingPunct="1">
              <a:lnSpc>
                <a:spcPct val="100000"/>
              </a:lnSpc>
              <a:spcBef>
                <a:spcPts val="0"/>
              </a:spcBef>
              <a:spcAft>
                <a:spcPts val="0"/>
              </a:spcAft>
              <a:buClrTx/>
              <a:buSzTx/>
              <a:buFontTx/>
              <a:buNone/>
              <a:tabLst/>
              <a:defRPr/>
            </a:pPr>
            <a:endParaRPr kumimoji="0" lang="en-US" sz="1600" b="1" i="0" u="none" strike="noStrike" kern="0" cap="none" spc="0" normalizeH="0" baseline="0" noProof="0" dirty="0">
              <a:ln>
                <a:noFill/>
              </a:ln>
              <a:solidFill>
                <a:srgbClr val="FFFFFF"/>
              </a:solidFill>
              <a:effectLst>
                <a:outerShdw blurRad="38100" dist="38100" dir="2700000" algn="tl">
                  <a:srgbClr val="000000">
                    <a:alpha val="43137"/>
                  </a:srgbClr>
                </a:outerShdw>
              </a:effectLst>
              <a:uLnTx/>
              <a:uFillTx/>
              <a:cs typeface="+mn-ea"/>
              <a:sym typeface="Huawei Sans Light" panose="020C0303030203020204" pitchFamily="34" charset="0"/>
            </a:endParaRPr>
          </a:p>
        </p:txBody>
      </p:sp>
      <p:cxnSp>
        <p:nvCxnSpPr>
          <p:cNvPr id="43" name="直接连接符 42">
            <a:extLst>
              <a:ext uri="{FF2B5EF4-FFF2-40B4-BE49-F238E27FC236}">
                <a16:creationId xmlns:a16="http://schemas.microsoft.com/office/drawing/2014/main" xmlns="" id="{32E070BC-C0BC-42F7-8489-929C93CAB95B}"/>
              </a:ext>
            </a:extLst>
          </p:cNvPr>
          <p:cNvCxnSpPr/>
          <p:nvPr/>
        </p:nvCxnSpPr>
        <p:spPr bwMode="ltGray">
          <a:xfrm flipH="1">
            <a:off x="2100659" y="4509557"/>
            <a:ext cx="664883" cy="671701"/>
          </a:xfrm>
          <a:prstGeom prst="line">
            <a:avLst/>
          </a:prstGeom>
          <a:noFill/>
          <a:ln w="9525" cap="flat" cmpd="sng" algn="ctr">
            <a:solidFill>
              <a:srgbClr val="898989"/>
            </a:solidFill>
            <a:prstDash val="solid"/>
          </a:ln>
          <a:effectLst/>
        </p:spPr>
      </p:cxnSp>
      <p:cxnSp>
        <p:nvCxnSpPr>
          <p:cNvPr id="44" name="直接连接符 43">
            <a:extLst>
              <a:ext uri="{FF2B5EF4-FFF2-40B4-BE49-F238E27FC236}">
                <a16:creationId xmlns:a16="http://schemas.microsoft.com/office/drawing/2014/main" xmlns="" id="{C04F1591-D17A-4B2D-A9E7-E60386C65892}"/>
              </a:ext>
            </a:extLst>
          </p:cNvPr>
          <p:cNvCxnSpPr/>
          <p:nvPr/>
        </p:nvCxnSpPr>
        <p:spPr bwMode="ltGray">
          <a:xfrm flipH="1">
            <a:off x="2100659" y="4509557"/>
            <a:ext cx="1656276" cy="671701"/>
          </a:xfrm>
          <a:prstGeom prst="line">
            <a:avLst/>
          </a:prstGeom>
          <a:noFill/>
          <a:ln w="9525" cap="flat" cmpd="sng" algn="ctr">
            <a:solidFill>
              <a:srgbClr val="898989"/>
            </a:solidFill>
            <a:prstDash val="solid"/>
          </a:ln>
          <a:effectLst/>
        </p:spPr>
      </p:cxnSp>
      <p:cxnSp>
        <p:nvCxnSpPr>
          <p:cNvPr id="45" name="直接连接符 44">
            <a:extLst>
              <a:ext uri="{FF2B5EF4-FFF2-40B4-BE49-F238E27FC236}">
                <a16:creationId xmlns:a16="http://schemas.microsoft.com/office/drawing/2014/main" xmlns="" id="{A006B4EE-2F82-4C89-A827-A953B0CDD0FB}"/>
              </a:ext>
            </a:extLst>
          </p:cNvPr>
          <p:cNvCxnSpPr/>
          <p:nvPr/>
        </p:nvCxnSpPr>
        <p:spPr bwMode="ltGray">
          <a:xfrm>
            <a:off x="2765542" y="4509557"/>
            <a:ext cx="100929" cy="683760"/>
          </a:xfrm>
          <a:prstGeom prst="line">
            <a:avLst/>
          </a:prstGeom>
          <a:noFill/>
          <a:ln w="9525" cap="flat" cmpd="sng" algn="ctr">
            <a:solidFill>
              <a:srgbClr val="898989"/>
            </a:solidFill>
            <a:prstDash val="solid"/>
          </a:ln>
          <a:effectLst/>
        </p:spPr>
      </p:cxnSp>
      <p:cxnSp>
        <p:nvCxnSpPr>
          <p:cNvPr id="46" name="直接连接符 45">
            <a:extLst>
              <a:ext uri="{FF2B5EF4-FFF2-40B4-BE49-F238E27FC236}">
                <a16:creationId xmlns:a16="http://schemas.microsoft.com/office/drawing/2014/main" xmlns="" id="{56796530-E7B8-4F2C-BBB1-F77F301F72B2}"/>
              </a:ext>
            </a:extLst>
          </p:cNvPr>
          <p:cNvCxnSpPr/>
          <p:nvPr/>
        </p:nvCxnSpPr>
        <p:spPr bwMode="ltGray">
          <a:xfrm flipH="1">
            <a:off x="2866471" y="4509557"/>
            <a:ext cx="890464" cy="683760"/>
          </a:xfrm>
          <a:prstGeom prst="line">
            <a:avLst/>
          </a:prstGeom>
          <a:noFill/>
          <a:ln w="9525" cap="flat" cmpd="sng" algn="ctr">
            <a:solidFill>
              <a:srgbClr val="898989"/>
            </a:solidFill>
            <a:prstDash val="solid"/>
          </a:ln>
          <a:effectLst/>
        </p:spPr>
      </p:cxnSp>
      <p:cxnSp>
        <p:nvCxnSpPr>
          <p:cNvPr id="47" name="直接连接符 46">
            <a:extLst>
              <a:ext uri="{FF2B5EF4-FFF2-40B4-BE49-F238E27FC236}">
                <a16:creationId xmlns:a16="http://schemas.microsoft.com/office/drawing/2014/main" xmlns="" id="{4F54CFD1-B06F-4A63-9B1C-9DA2627A8530}"/>
              </a:ext>
            </a:extLst>
          </p:cNvPr>
          <p:cNvCxnSpPr/>
          <p:nvPr/>
        </p:nvCxnSpPr>
        <p:spPr bwMode="ltGray">
          <a:xfrm flipH="1">
            <a:off x="3656097" y="4509557"/>
            <a:ext cx="100838" cy="683760"/>
          </a:xfrm>
          <a:prstGeom prst="line">
            <a:avLst/>
          </a:prstGeom>
          <a:noFill/>
          <a:ln w="9525" cap="flat" cmpd="sng" algn="ctr">
            <a:solidFill>
              <a:srgbClr val="898989"/>
            </a:solidFill>
            <a:prstDash val="solid"/>
          </a:ln>
          <a:effectLst/>
        </p:spPr>
      </p:cxnSp>
      <p:cxnSp>
        <p:nvCxnSpPr>
          <p:cNvPr id="48" name="直接连接符 47">
            <a:extLst>
              <a:ext uri="{FF2B5EF4-FFF2-40B4-BE49-F238E27FC236}">
                <a16:creationId xmlns:a16="http://schemas.microsoft.com/office/drawing/2014/main" xmlns="" id="{F87D560A-FEFA-4422-9B58-BC9F63BA6442}"/>
              </a:ext>
            </a:extLst>
          </p:cNvPr>
          <p:cNvCxnSpPr/>
          <p:nvPr/>
        </p:nvCxnSpPr>
        <p:spPr bwMode="ltGray">
          <a:xfrm>
            <a:off x="2765542" y="4509557"/>
            <a:ext cx="890556" cy="683760"/>
          </a:xfrm>
          <a:prstGeom prst="line">
            <a:avLst/>
          </a:prstGeom>
          <a:noFill/>
          <a:ln w="9525" cap="flat" cmpd="sng" algn="ctr">
            <a:solidFill>
              <a:srgbClr val="898989"/>
            </a:solidFill>
            <a:prstDash val="solid"/>
          </a:ln>
          <a:effectLst/>
        </p:spPr>
      </p:cxnSp>
      <p:cxnSp>
        <p:nvCxnSpPr>
          <p:cNvPr id="49" name="直接连接符 48">
            <a:extLst>
              <a:ext uri="{FF2B5EF4-FFF2-40B4-BE49-F238E27FC236}">
                <a16:creationId xmlns:a16="http://schemas.microsoft.com/office/drawing/2014/main" xmlns="" id="{26FECEB3-16C0-45E2-B3D7-B25B716C3540}"/>
              </a:ext>
            </a:extLst>
          </p:cNvPr>
          <p:cNvCxnSpPr/>
          <p:nvPr/>
        </p:nvCxnSpPr>
        <p:spPr bwMode="ltGray">
          <a:xfrm>
            <a:off x="3756935" y="4509557"/>
            <a:ext cx="664974" cy="683760"/>
          </a:xfrm>
          <a:prstGeom prst="line">
            <a:avLst/>
          </a:prstGeom>
          <a:noFill/>
          <a:ln w="9525" cap="flat" cmpd="sng" algn="ctr">
            <a:solidFill>
              <a:srgbClr val="898989"/>
            </a:solidFill>
            <a:prstDash val="solid"/>
          </a:ln>
          <a:effectLst/>
        </p:spPr>
      </p:cxnSp>
      <p:cxnSp>
        <p:nvCxnSpPr>
          <p:cNvPr id="50" name="直接连接符 49">
            <a:extLst>
              <a:ext uri="{FF2B5EF4-FFF2-40B4-BE49-F238E27FC236}">
                <a16:creationId xmlns:a16="http://schemas.microsoft.com/office/drawing/2014/main" xmlns="" id="{FBE99617-D9B7-493F-8CBA-26DD9DEC80FF}"/>
              </a:ext>
            </a:extLst>
          </p:cNvPr>
          <p:cNvCxnSpPr/>
          <p:nvPr/>
        </p:nvCxnSpPr>
        <p:spPr bwMode="ltGray">
          <a:xfrm>
            <a:off x="2765542" y="4509557"/>
            <a:ext cx="1656367" cy="683760"/>
          </a:xfrm>
          <a:prstGeom prst="line">
            <a:avLst/>
          </a:prstGeom>
          <a:noFill/>
          <a:ln w="9525" cap="flat" cmpd="sng" algn="ctr">
            <a:solidFill>
              <a:srgbClr val="898989"/>
            </a:solidFill>
            <a:prstDash val="solid"/>
          </a:ln>
          <a:effectLst/>
        </p:spPr>
      </p:cxnSp>
      <p:grpSp>
        <p:nvGrpSpPr>
          <p:cNvPr id="51" name="组合 323">
            <a:extLst>
              <a:ext uri="{FF2B5EF4-FFF2-40B4-BE49-F238E27FC236}">
                <a16:creationId xmlns:a16="http://schemas.microsoft.com/office/drawing/2014/main" xmlns="" id="{B7C7C024-072A-49DA-A610-C03744AD9311}"/>
              </a:ext>
            </a:extLst>
          </p:cNvPr>
          <p:cNvGrpSpPr>
            <a:grpSpLocks noChangeAspect="1"/>
          </p:cNvGrpSpPr>
          <p:nvPr/>
        </p:nvGrpSpPr>
        <p:grpSpPr bwMode="auto">
          <a:xfrm>
            <a:off x="3391615" y="5197104"/>
            <a:ext cx="499956" cy="481483"/>
            <a:chOff x="4189413" y="2351088"/>
            <a:chExt cx="630238" cy="646113"/>
          </a:xfrm>
        </p:grpSpPr>
        <p:sp>
          <p:nvSpPr>
            <p:cNvPr id="110" name="Freeform 218">
              <a:extLst>
                <a:ext uri="{FF2B5EF4-FFF2-40B4-BE49-F238E27FC236}">
                  <a16:creationId xmlns:a16="http://schemas.microsoft.com/office/drawing/2014/main" xmlns="" id="{5A932879-0418-45A5-B0C5-8C2E3FDF28EF}"/>
                </a:ext>
              </a:extLst>
            </p:cNvPr>
            <p:cNvSpPr>
              <a:spLocks/>
            </p:cNvSpPr>
            <p:nvPr/>
          </p:nvSpPr>
          <p:spPr bwMode="auto">
            <a:xfrm>
              <a:off x="4613275" y="2711451"/>
              <a:ext cx="104775" cy="176213"/>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4"/>
                  </a:cubicBezTo>
                  <a:cubicBezTo>
                    <a:pt x="1" y="401"/>
                    <a:pt x="0" y="380"/>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11" name="Freeform 219">
              <a:extLst>
                <a:ext uri="{FF2B5EF4-FFF2-40B4-BE49-F238E27FC236}">
                  <a16:creationId xmlns:a16="http://schemas.microsoft.com/office/drawing/2014/main" xmlns="" id="{F1FE8412-DD69-46D6-BE8A-E45DA5019418}"/>
                </a:ext>
              </a:extLst>
            </p:cNvPr>
            <p:cNvSpPr>
              <a:spLocks/>
            </p:cNvSpPr>
            <p:nvPr/>
          </p:nvSpPr>
          <p:spPr bwMode="auto">
            <a:xfrm>
              <a:off x="4292600" y="2786063"/>
              <a:ext cx="423863" cy="28575"/>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12" name="Freeform 220">
              <a:extLst>
                <a:ext uri="{FF2B5EF4-FFF2-40B4-BE49-F238E27FC236}">
                  <a16:creationId xmlns:a16="http://schemas.microsoft.com/office/drawing/2014/main" xmlns="" id="{6BC5B358-B886-4725-B69F-C815FD982C2E}"/>
                </a:ext>
              </a:extLst>
            </p:cNvPr>
            <p:cNvSpPr>
              <a:spLocks/>
            </p:cNvSpPr>
            <p:nvPr/>
          </p:nvSpPr>
          <p:spPr bwMode="auto">
            <a:xfrm>
              <a:off x="4613275" y="2443163"/>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3"/>
                  </a:cubicBezTo>
                  <a:cubicBezTo>
                    <a:pt x="1" y="400"/>
                    <a:pt x="0" y="379"/>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13" name="Freeform 221">
              <a:extLst>
                <a:ext uri="{FF2B5EF4-FFF2-40B4-BE49-F238E27FC236}">
                  <a16:creationId xmlns:a16="http://schemas.microsoft.com/office/drawing/2014/main" xmlns="" id="{E95D56AC-998B-4833-8F44-0AAD1212B468}"/>
                </a:ext>
              </a:extLst>
            </p:cNvPr>
            <p:cNvSpPr>
              <a:spLocks/>
            </p:cNvSpPr>
            <p:nvPr/>
          </p:nvSpPr>
          <p:spPr bwMode="auto">
            <a:xfrm>
              <a:off x="4292600" y="2519363"/>
              <a:ext cx="423863" cy="26988"/>
            </a:xfrm>
            <a:custGeom>
              <a:avLst/>
              <a:gdLst>
                <a:gd name="T0" fmla="*/ 2147483647 w 1010"/>
                <a:gd name="T1" fmla="*/ 2147483647 h 66"/>
                <a:gd name="T2" fmla="*/ 2147483647 w 1010"/>
                <a:gd name="T3" fmla="*/ 2147483647 h 66"/>
                <a:gd name="T4" fmla="*/ 2147483647 w 1010"/>
                <a:gd name="T5" fmla="*/ 2147483647 h 66"/>
                <a:gd name="T6" fmla="*/ 0 w 1010"/>
                <a:gd name="T7" fmla="*/ 2147483647 h 66"/>
                <a:gd name="T8" fmla="*/ 2147483647 w 1010"/>
                <a:gd name="T9" fmla="*/ 0 h 66"/>
                <a:gd name="T10" fmla="*/ 2147483647 w 1010"/>
                <a:gd name="T11" fmla="*/ 0 h 66"/>
                <a:gd name="T12" fmla="*/ 2147483647 w 1010"/>
                <a:gd name="T13" fmla="*/ 2147483647 h 66"/>
                <a:gd name="T14" fmla="*/ 2147483647 w 1010"/>
                <a:gd name="T15" fmla="*/ 2147483647 h 66"/>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6"/>
                <a:gd name="T26" fmla="*/ 1010 w 1010"/>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6">
                  <a:moveTo>
                    <a:pt x="977" y="66"/>
                  </a:moveTo>
                  <a:lnTo>
                    <a:pt x="977" y="66"/>
                  </a:lnTo>
                  <a:lnTo>
                    <a:pt x="33" y="66"/>
                  </a:lnTo>
                  <a:cubicBezTo>
                    <a:pt x="15" y="66"/>
                    <a:pt x="0" y="52"/>
                    <a:pt x="0" y="33"/>
                  </a:cubicBezTo>
                  <a:cubicBezTo>
                    <a:pt x="0" y="15"/>
                    <a:pt x="15" y="0"/>
                    <a:pt x="33" y="0"/>
                  </a:cubicBezTo>
                  <a:lnTo>
                    <a:pt x="977" y="0"/>
                  </a:lnTo>
                  <a:cubicBezTo>
                    <a:pt x="995" y="0"/>
                    <a:pt x="1010" y="15"/>
                    <a:pt x="1010" y="33"/>
                  </a:cubicBezTo>
                  <a:cubicBezTo>
                    <a:pt x="1010" y="52"/>
                    <a:pt x="995" y="66"/>
                    <a:pt x="977"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14" name="Freeform 222">
              <a:extLst>
                <a:ext uri="{FF2B5EF4-FFF2-40B4-BE49-F238E27FC236}">
                  <a16:creationId xmlns:a16="http://schemas.microsoft.com/office/drawing/2014/main" xmlns="" id="{0124123F-516F-4F84-917A-C33DB0B75791}"/>
                </a:ext>
              </a:extLst>
            </p:cNvPr>
            <p:cNvSpPr>
              <a:spLocks/>
            </p:cNvSpPr>
            <p:nvPr/>
          </p:nvSpPr>
          <p:spPr bwMode="auto">
            <a:xfrm>
              <a:off x="4291013" y="2581276"/>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211" y="423"/>
                  </a:moveTo>
                  <a:lnTo>
                    <a:pt x="211" y="423"/>
                  </a:lnTo>
                  <a:cubicBezTo>
                    <a:pt x="202" y="423"/>
                    <a:pt x="194" y="420"/>
                    <a:pt x="187" y="413"/>
                  </a:cubicBezTo>
                  <a:lnTo>
                    <a:pt x="13" y="237"/>
                  </a:lnTo>
                  <a:cubicBezTo>
                    <a:pt x="0" y="224"/>
                    <a:pt x="0" y="203"/>
                    <a:pt x="13" y="190"/>
                  </a:cubicBezTo>
                  <a:lnTo>
                    <a:pt x="187" y="13"/>
                  </a:lnTo>
                  <a:cubicBezTo>
                    <a:pt x="200" y="0"/>
                    <a:pt x="221" y="0"/>
                    <a:pt x="234" y="13"/>
                  </a:cubicBezTo>
                  <a:cubicBezTo>
                    <a:pt x="248" y="26"/>
                    <a:pt x="248" y="47"/>
                    <a:pt x="235" y="60"/>
                  </a:cubicBezTo>
                  <a:lnTo>
                    <a:pt x="83" y="213"/>
                  </a:lnTo>
                  <a:lnTo>
                    <a:pt x="235" y="366"/>
                  </a:lnTo>
                  <a:cubicBezTo>
                    <a:pt x="248" y="379"/>
                    <a:pt x="248" y="400"/>
                    <a:pt x="234" y="413"/>
                  </a:cubicBezTo>
                  <a:cubicBezTo>
                    <a:pt x="228" y="420"/>
                    <a:pt x="220" y="423"/>
                    <a:pt x="211"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15" name="Freeform 223">
              <a:extLst>
                <a:ext uri="{FF2B5EF4-FFF2-40B4-BE49-F238E27FC236}">
                  <a16:creationId xmlns:a16="http://schemas.microsoft.com/office/drawing/2014/main" xmlns="" id="{8E1C55B0-0E6C-4382-A96B-6B425FFAE045}"/>
                </a:ext>
              </a:extLst>
            </p:cNvPr>
            <p:cNvSpPr>
              <a:spLocks/>
            </p:cNvSpPr>
            <p:nvPr/>
          </p:nvSpPr>
          <p:spPr bwMode="auto">
            <a:xfrm>
              <a:off x="4292600" y="2657476"/>
              <a:ext cx="423863" cy="26988"/>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16" name="Freeform 224">
              <a:extLst>
                <a:ext uri="{FF2B5EF4-FFF2-40B4-BE49-F238E27FC236}">
                  <a16:creationId xmlns:a16="http://schemas.microsoft.com/office/drawing/2014/main" xmlns="" id="{33807499-4BCE-4436-BB1F-B946121FEB23}"/>
                </a:ext>
              </a:extLst>
            </p:cNvPr>
            <p:cNvSpPr>
              <a:spLocks/>
            </p:cNvSpPr>
            <p:nvPr/>
          </p:nvSpPr>
          <p:spPr bwMode="auto">
            <a:xfrm>
              <a:off x="4189413"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1" y="1503"/>
                  </a:lnTo>
                  <a:lnTo>
                    <a:pt x="1211" y="1437"/>
                  </a:lnTo>
                  <a:lnTo>
                    <a:pt x="1385" y="1437"/>
                  </a:lnTo>
                  <a:cubicBezTo>
                    <a:pt x="1413" y="1437"/>
                    <a:pt x="1436" y="1414"/>
                    <a:pt x="1436" y="1385"/>
                  </a:cubicBezTo>
                  <a:lnTo>
                    <a:pt x="1436" y="118"/>
                  </a:lnTo>
                  <a:cubicBezTo>
                    <a:pt x="1436" y="90"/>
                    <a:pt x="1413" y="67"/>
                    <a:pt x="1385" y="67"/>
                  </a:cubicBezTo>
                  <a:lnTo>
                    <a:pt x="117" y="67"/>
                  </a:lnTo>
                  <a:cubicBezTo>
                    <a:pt x="89" y="67"/>
                    <a:pt x="66" y="90"/>
                    <a:pt x="66" y="118"/>
                  </a:cubicBezTo>
                  <a:lnTo>
                    <a:pt x="66" y="1385"/>
                  </a:lnTo>
                  <a:cubicBezTo>
                    <a:pt x="66" y="1414"/>
                    <a:pt x="89" y="1437"/>
                    <a:pt x="117" y="1437"/>
                  </a:cubicBezTo>
                  <a:lnTo>
                    <a:pt x="1045" y="1437"/>
                  </a:lnTo>
                  <a:lnTo>
                    <a:pt x="1045" y="1503"/>
                  </a:lnTo>
                  <a:lnTo>
                    <a:pt x="117" y="1503"/>
                  </a:lnTo>
                  <a:cubicBezTo>
                    <a:pt x="52" y="1503"/>
                    <a:pt x="0" y="1450"/>
                    <a:pt x="0" y="1385"/>
                  </a:cubicBezTo>
                  <a:lnTo>
                    <a:pt x="0" y="118"/>
                  </a:lnTo>
                  <a:cubicBezTo>
                    <a:pt x="0" y="53"/>
                    <a:pt x="52" y="0"/>
                    <a:pt x="117"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17" name="Freeform 225">
              <a:extLst>
                <a:ext uri="{FF2B5EF4-FFF2-40B4-BE49-F238E27FC236}">
                  <a16:creationId xmlns:a16="http://schemas.microsoft.com/office/drawing/2014/main" xmlns="" id="{47AF5DD5-CCEB-44BA-89C2-1DD9AE7886A5}"/>
                </a:ext>
              </a:extLst>
            </p:cNvPr>
            <p:cNvSpPr>
              <a:spLocks/>
            </p:cNvSpPr>
            <p:nvPr/>
          </p:nvSpPr>
          <p:spPr bwMode="auto">
            <a:xfrm>
              <a:off x="4592638" y="2938463"/>
              <a:ext cx="57150"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18" name="Freeform 226">
              <a:extLst>
                <a:ext uri="{FF2B5EF4-FFF2-40B4-BE49-F238E27FC236}">
                  <a16:creationId xmlns:a16="http://schemas.microsoft.com/office/drawing/2014/main" xmlns="" id="{DAE8D74C-7EC5-4A07-B39B-A39230D0CFEB}"/>
                </a:ext>
              </a:extLst>
            </p:cNvPr>
            <p:cNvSpPr>
              <a:spLocks/>
            </p:cNvSpPr>
            <p:nvPr/>
          </p:nvSpPr>
          <p:spPr bwMode="auto">
            <a:xfrm>
              <a:off x="4681538" y="2938463"/>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grpSp>
      <p:grpSp>
        <p:nvGrpSpPr>
          <p:cNvPr id="52" name="组合 322">
            <a:extLst>
              <a:ext uri="{FF2B5EF4-FFF2-40B4-BE49-F238E27FC236}">
                <a16:creationId xmlns:a16="http://schemas.microsoft.com/office/drawing/2014/main" xmlns="" id="{D7C57425-23DF-4202-92EA-9C0B62E777F7}"/>
              </a:ext>
            </a:extLst>
          </p:cNvPr>
          <p:cNvGrpSpPr>
            <a:grpSpLocks noChangeAspect="1"/>
          </p:cNvGrpSpPr>
          <p:nvPr/>
        </p:nvGrpSpPr>
        <p:grpSpPr bwMode="auto">
          <a:xfrm>
            <a:off x="2525613" y="4039862"/>
            <a:ext cx="498835" cy="481483"/>
            <a:chOff x="2998787" y="2351088"/>
            <a:chExt cx="630238" cy="646113"/>
          </a:xfrm>
        </p:grpSpPr>
        <p:sp>
          <p:nvSpPr>
            <p:cNvPr id="98" name="Freeform 228">
              <a:extLst>
                <a:ext uri="{FF2B5EF4-FFF2-40B4-BE49-F238E27FC236}">
                  <a16:creationId xmlns:a16="http://schemas.microsoft.com/office/drawing/2014/main" xmlns="" id="{912735E2-819B-428A-B692-50667C6A2125}"/>
                </a:ext>
              </a:extLst>
            </p:cNvPr>
            <p:cNvSpPr>
              <a:spLocks/>
            </p:cNvSpPr>
            <p:nvPr/>
          </p:nvSpPr>
          <p:spPr bwMode="auto">
            <a:xfrm>
              <a:off x="3089275" y="2441575"/>
              <a:ext cx="133350" cy="131763"/>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279" y="313"/>
                  </a:moveTo>
                  <a:lnTo>
                    <a:pt x="279" y="313"/>
                  </a:lnTo>
                  <a:cubicBezTo>
                    <a:pt x="271" y="313"/>
                    <a:pt x="262" y="309"/>
                    <a:pt x="256" y="303"/>
                  </a:cubicBezTo>
                  <a:lnTo>
                    <a:pt x="13" y="60"/>
                  </a:lnTo>
                  <a:cubicBezTo>
                    <a:pt x="0" y="47"/>
                    <a:pt x="0" y="26"/>
                    <a:pt x="13" y="13"/>
                  </a:cubicBezTo>
                  <a:cubicBezTo>
                    <a:pt x="26" y="0"/>
                    <a:pt x="47" y="0"/>
                    <a:pt x="60" y="13"/>
                  </a:cubicBezTo>
                  <a:lnTo>
                    <a:pt x="303" y="256"/>
                  </a:lnTo>
                  <a:cubicBezTo>
                    <a:pt x="316" y="269"/>
                    <a:pt x="316" y="290"/>
                    <a:pt x="303" y="303"/>
                  </a:cubicBezTo>
                  <a:cubicBezTo>
                    <a:pt x="296" y="309"/>
                    <a:pt x="288" y="313"/>
                    <a:pt x="279"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99" name="Freeform 229">
              <a:extLst>
                <a:ext uri="{FF2B5EF4-FFF2-40B4-BE49-F238E27FC236}">
                  <a16:creationId xmlns:a16="http://schemas.microsoft.com/office/drawing/2014/main" xmlns="" id="{EE2F1020-E4C8-4E8D-B73D-98947E4DD416}"/>
                </a:ext>
              </a:extLst>
            </p:cNvPr>
            <p:cNvSpPr>
              <a:spLocks/>
            </p:cNvSpPr>
            <p:nvPr/>
          </p:nvSpPr>
          <p:spPr bwMode="auto">
            <a:xfrm>
              <a:off x="3089275" y="2759075"/>
              <a:ext cx="131763" cy="130175"/>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36" y="313"/>
                  </a:moveTo>
                  <a:lnTo>
                    <a:pt x="36" y="313"/>
                  </a:lnTo>
                  <a:cubicBezTo>
                    <a:pt x="28" y="313"/>
                    <a:pt x="19" y="309"/>
                    <a:pt x="13" y="303"/>
                  </a:cubicBezTo>
                  <a:cubicBezTo>
                    <a:pt x="0" y="290"/>
                    <a:pt x="0" y="269"/>
                    <a:pt x="13" y="256"/>
                  </a:cubicBezTo>
                  <a:lnTo>
                    <a:pt x="256" y="13"/>
                  </a:lnTo>
                  <a:cubicBezTo>
                    <a:pt x="269" y="0"/>
                    <a:pt x="290" y="0"/>
                    <a:pt x="303" y="13"/>
                  </a:cubicBezTo>
                  <a:cubicBezTo>
                    <a:pt x="316" y="26"/>
                    <a:pt x="316" y="47"/>
                    <a:pt x="303" y="60"/>
                  </a:cubicBezTo>
                  <a:lnTo>
                    <a:pt x="60" y="303"/>
                  </a:lnTo>
                  <a:cubicBezTo>
                    <a:pt x="53" y="309"/>
                    <a:pt x="45" y="313"/>
                    <a:pt x="36"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0" name="Freeform 230">
              <a:extLst>
                <a:ext uri="{FF2B5EF4-FFF2-40B4-BE49-F238E27FC236}">
                  <a16:creationId xmlns:a16="http://schemas.microsoft.com/office/drawing/2014/main" xmlns="" id="{EAD76939-DD18-4295-9063-BB6E763CC22C}"/>
                </a:ext>
              </a:extLst>
            </p:cNvPr>
            <p:cNvSpPr>
              <a:spLocks/>
            </p:cNvSpPr>
            <p:nvPr/>
          </p:nvSpPr>
          <p:spPr bwMode="auto">
            <a:xfrm>
              <a:off x="3233738" y="2587625"/>
              <a:ext cx="158750" cy="158750"/>
            </a:xfrm>
            <a:custGeom>
              <a:avLst/>
              <a:gdLst>
                <a:gd name="T0" fmla="*/ 2147483647 w 379"/>
                <a:gd name="T1" fmla="*/ 2147483647 h 379"/>
                <a:gd name="T2" fmla="*/ 2147483647 w 379"/>
                <a:gd name="T3" fmla="*/ 2147483647 h 379"/>
                <a:gd name="T4" fmla="*/ 2147483647 w 379"/>
                <a:gd name="T5" fmla="*/ 2147483647 h 379"/>
                <a:gd name="T6" fmla="*/ 2147483647 w 379"/>
                <a:gd name="T7" fmla="*/ 2147483647 h 379"/>
                <a:gd name="T8" fmla="*/ 2147483647 w 379"/>
                <a:gd name="T9" fmla="*/ 2147483647 h 379"/>
                <a:gd name="T10" fmla="*/ 2147483647 w 379"/>
                <a:gd name="T11" fmla="*/ 2147483647 h 379"/>
                <a:gd name="T12" fmla="*/ 0 60000 65536"/>
                <a:gd name="T13" fmla="*/ 0 60000 65536"/>
                <a:gd name="T14" fmla="*/ 0 60000 65536"/>
                <a:gd name="T15" fmla="*/ 0 60000 65536"/>
                <a:gd name="T16" fmla="*/ 0 60000 65536"/>
                <a:gd name="T17" fmla="*/ 0 60000 65536"/>
                <a:gd name="T18" fmla="*/ 0 w 379"/>
                <a:gd name="T19" fmla="*/ 0 h 379"/>
                <a:gd name="T20" fmla="*/ 379 w 379"/>
                <a:gd name="T21" fmla="*/ 379 h 379"/>
              </a:gdLst>
              <a:ahLst/>
              <a:cxnLst>
                <a:cxn ang="T12">
                  <a:pos x="T0" y="T1"/>
                </a:cxn>
                <a:cxn ang="T13">
                  <a:pos x="T2" y="T3"/>
                </a:cxn>
                <a:cxn ang="T14">
                  <a:pos x="T4" y="T5"/>
                </a:cxn>
                <a:cxn ang="T15">
                  <a:pos x="T6" y="T7"/>
                </a:cxn>
                <a:cxn ang="T16">
                  <a:pos x="T8" y="T9"/>
                </a:cxn>
                <a:cxn ang="T17">
                  <a:pos x="T10" y="T11"/>
                </a:cxn>
              </a:cxnLst>
              <a:rect l="T18" t="T19" r="T20" b="T21"/>
              <a:pathLst>
                <a:path w="379" h="379">
                  <a:moveTo>
                    <a:pt x="312" y="68"/>
                  </a:moveTo>
                  <a:lnTo>
                    <a:pt x="312" y="68"/>
                  </a:lnTo>
                  <a:cubicBezTo>
                    <a:pt x="379" y="135"/>
                    <a:pt x="379" y="244"/>
                    <a:pt x="312" y="312"/>
                  </a:cubicBezTo>
                  <a:cubicBezTo>
                    <a:pt x="244" y="379"/>
                    <a:pt x="135" y="379"/>
                    <a:pt x="68" y="312"/>
                  </a:cubicBezTo>
                  <a:cubicBezTo>
                    <a:pt x="0" y="244"/>
                    <a:pt x="0" y="135"/>
                    <a:pt x="68" y="68"/>
                  </a:cubicBezTo>
                  <a:cubicBezTo>
                    <a:pt x="135" y="0"/>
                    <a:pt x="244" y="0"/>
                    <a:pt x="312" y="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1" name="Freeform 231">
              <a:extLst>
                <a:ext uri="{FF2B5EF4-FFF2-40B4-BE49-F238E27FC236}">
                  <a16:creationId xmlns:a16="http://schemas.microsoft.com/office/drawing/2014/main" xmlns="" id="{52C0016A-6E44-4A82-A057-719255937F53}"/>
                </a:ext>
              </a:extLst>
            </p:cNvPr>
            <p:cNvSpPr>
              <a:spLocks/>
            </p:cNvSpPr>
            <p:nvPr/>
          </p:nvSpPr>
          <p:spPr bwMode="auto">
            <a:xfrm>
              <a:off x="3128963" y="2733675"/>
              <a:ext cx="115888" cy="115888"/>
            </a:xfrm>
            <a:custGeom>
              <a:avLst/>
              <a:gdLst>
                <a:gd name="T0" fmla="*/ 0 w 277"/>
                <a:gd name="T1" fmla="*/ 2147483647 h 276"/>
                <a:gd name="T2" fmla="*/ 0 w 277"/>
                <a:gd name="T3" fmla="*/ 2147483647 h 276"/>
                <a:gd name="T4" fmla="*/ 2147483647 w 277"/>
                <a:gd name="T5" fmla="*/ 0 h 276"/>
                <a:gd name="T6" fmla="*/ 2147483647 w 277"/>
                <a:gd name="T7" fmla="*/ 2147483647 h 276"/>
                <a:gd name="T8" fmla="*/ 0 w 277"/>
                <a:gd name="T9" fmla="*/ 2147483647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0" y="17"/>
                  </a:moveTo>
                  <a:lnTo>
                    <a:pt x="0" y="17"/>
                  </a:lnTo>
                  <a:lnTo>
                    <a:pt x="277" y="0"/>
                  </a:lnTo>
                  <a:lnTo>
                    <a:pt x="260" y="276"/>
                  </a:lnTo>
                  <a:lnTo>
                    <a:pt x="0" y="1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2" name="Freeform 232">
              <a:extLst>
                <a:ext uri="{FF2B5EF4-FFF2-40B4-BE49-F238E27FC236}">
                  <a16:creationId xmlns:a16="http://schemas.microsoft.com/office/drawing/2014/main" xmlns="" id="{7CEDC996-28D7-450F-9D3D-481D9FE1382B}"/>
                </a:ext>
              </a:extLst>
            </p:cNvPr>
            <p:cNvSpPr>
              <a:spLocks/>
            </p:cNvSpPr>
            <p:nvPr/>
          </p:nvSpPr>
          <p:spPr bwMode="auto">
            <a:xfrm>
              <a:off x="3405188" y="2441575"/>
              <a:ext cx="131763" cy="131763"/>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37" y="313"/>
                  </a:moveTo>
                  <a:lnTo>
                    <a:pt x="37" y="313"/>
                  </a:lnTo>
                  <a:cubicBezTo>
                    <a:pt x="28" y="313"/>
                    <a:pt x="20" y="310"/>
                    <a:pt x="13" y="303"/>
                  </a:cubicBezTo>
                  <a:cubicBezTo>
                    <a:pt x="0" y="290"/>
                    <a:pt x="0" y="269"/>
                    <a:pt x="13" y="256"/>
                  </a:cubicBezTo>
                  <a:lnTo>
                    <a:pt x="256" y="13"/>
                  </a:lnTo>
                  <a:cubicBezTo>
                    <a:pt x="269" y="0"/>
                    <a:pt x="290" y="0"/>
                    <a:pt x="303" y="13"/>
                  </a:cubicBezTo>
                  <a:cubicBezTo>
                    <a:pt x="316" y="26"/>
                    <a:pt x="316" y="48"/>
                    <a:pt x="303" y="61"/>
                  </a:cubicBezTo>
                  <a:lnTo>
                    <a:pt x="60" y="303"/>
                  </a:lnTo>
                  <a:cubicBezTo>
                    <a:pt x="54" y="310"/>
                    <a:pt x="45" y="313"/>
                    <a:pt x="37"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3" name="Freeform 233">
              <a:extLst>
                <a:ext uri="{FF2B5EF4-FFF2-40B4-BE49-F238E27FC236}">
                  <a16:creationId xmlns:a16="http://schemas.microsoft.com/office/drawing/2014/main" xmlns="" id="{F4366DE2-3B15-4E19-8087-683217756C5F}"/>
                </a:ext>
              </a:extLst>
            </p:cNvPr>
            <p:cNvSpPr>
              <a:spLocks/>
            </p:cNvSpPr>
            <p:nvPr/>
          </p:nvSpPr>
          <p:spPr bwMode="auto">
            <a:xfrm>
              <a:off x="3381375" y="2482850"/>
              <a:ext cx="115888" cy="115888"/>
            </a:xfrm>
            <a:custGeom>
              <a:avLst/>
              <a:gdLst>
                <a:gd name="T0" fmla="*/ 2147483647 w 277"/>
                <a:gd name="T1" fmla="*/ 0 h 276"/>
                <a:gd name="T2" fmla="*/ 2147483647 w 277"/>
                <a:gd name="T3" fmla="*/ 0 h 276"/>
                <a:gd name="T4" fmla="*/ 0 w 277"/>
                <a:gd name="T5" fmla="*/ 2147483647 h 276"/>
                <a:gd name="T6" fmla="*/ 2147483647 w 277"/>
                <a:gd name="T7" fmla="*/ 2147483647 h 276"/>
                <a:gd name="T8" fmla="*/ 2147483647 w 277"/>
                <a:gd name="T9" fmla="*/ 0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17" y="0"/>
                  </a:moveTo>
                  <a:lnTo>
                    <a:pt x="17" y="0"/>
                  </a:lnTo>
                  <a:lnTo>
                    <a:pt x="0" y="276"/>
                  </a:lnTo>
                  <a:lnTo>
                    <a:pt x="277" y="259"/>
                  </a:lnTo>
                  <a:lnTo>
                    <a:pt x="17"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4" name="Freeform 234">
              <a:extLst>
                <a:ext uri="{FF2B5EF4-FFF2-40B4-BE49-F238E27FC236}">
                  <a16:creationId xmlns:a16="http://schemas.microsoft.com/office/drawing/2014/main" xmlns="" id="{8AC6F5BE-EB7C-43A0-AC31-CF1790D3F4C0}"/>
                </a:ext>
              </a:extLst>
            </p:cNvPr>
            <p:cNvSpPr>
              <a:spLocks/>
            </p:cNvSpPr>
            <p:nvPr/>
          </p:nvSpPr>
          <p:spPr bwMode="auto">
            <a:xfrm>
              <a:off x="3125788" y="2479675"/>
              <a:ext cx="115888" cy="115888"/>
            </a:xfrm>
            <a:custGeom>
              <a:avLst/>
              <a:gdLst>
                <a:gd name="T0" fmla="*/ 2147483647 w 277"/>
                <a:gd name="T1" fmla="*/ 0 h 277"/>
                <a:gd name="T2" fmla="*/ 2147483647 w 277"/>
                <a:gd name="T3" fmla="*/ 0 h 277"/>
                <a:gd name="T4" fmla="*/ 2147483647 w 277"/>
                <a:gd name="T5" fmla="*/ 2147483647 h 277"/>
                <a:gd name="T6" fmla="*/ 0 w 277"/>
                <a:gd name="T7" fmla="*/ 2147483647 h 277"/>
                <a:gd name="T8" fmla="*/ 2147483647 w 277"/>
                <a:gd name="T9" fmla="*/ 0 h 277"/>
                <a:gd name="T10" fmla="*/ 0 60000 65536"/>
                <a:gd name="T11" fmla="*/ 0 60000 65536"/>
                <a:gd name="T12" fmla="*/ 0 60000 65536"/>
                <a:gd name="T13" fmla="*/ 0 60000 65536"/>
                <a:gd name="T14" fmla="*/ 0 60000 65536"/>
                <a:gd name="T15" fmla="*/ 0 w 277"/>
                <a:gd name="T16" fmla="*/ 0 h 277"/>
                <a:gd name="T17" fmla="*/ 277 w 277"/>
                <a:gd name="T18" fmla="*/ 277 h 277"/>
              </a:gdLst>
              <a:ahLst/>
              <a:cxnLst>
                <a:cxn ang="T10">
                  <a:pos x="T0" y="T1"/>
                </a:cxn>
                <a:cxn ang="T11">
                  <a:pos x="T2" y="T3"/>
                </a:cxn>
                <a:cxn ang="T12">
                  <a:pos x="T4" y="T5"/>
                </a:cxn>
                <a:cxn ang="T13">
                  <a:pos x="T6" y="T7"/>
                </a:cxn>
                <a:cxn ang="T14">
                  <a:pos x="T8" y="T9"/>
                </a:cxn>
              </a:cxnLst>
              <a:rect l="T15" t="T16" r="T17" b="T18"/>
              <a:pathLst>
                <a:path w="277" h="277">
                  <a:moveTo>
                    <a:pt x="260" y="0"/>
                  </a:moveTo>
                  <a:lnTo>
                    <a:pt x="260" y="0"/>
                  </a:lnTo>
                  <a:lnTo>
                    <a:pt x="277" y="277"/>
                  </a:lnTo>
                  <a:lnTo>
                    <a:pt x="0" y="260"/>
                  </a:lnTo>
                  <a:lnTo>
                    <a:pt x="260"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5" name="Freeform 235">
              <a:extLst>
                <a:ext uri="{FF2B5EF4-FFF2-40B4-BE49-F238E27FC236}">
                  <a16:creationId xmlns:a16="http://schemas.microsoft.com/office/drawing/2014/main" xmlns="" id="{6C1F1355-6914-4005-8C3A-D163A41DAF90}"/>
                </a:ext>
              </a:extLst>
            </p:cNvPr>
            <p:cNvSpPr>
              <a:spLocks/>
            </p:cNvSpPr>
            <p:nvPr/>
          </p:nvSpPr>
          <p:spPr bwMode="auto">
            <a:xfrm>
              <a:off x="2998787"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2" y="1503"/>
                  </a:lnTo>
                  <a:lnTo>
                    <a:pt x="1212" y="1437"/>
                  </a:lnTo>
                  <a:lnTo>
                    <a:pt x="1385" y="1437"/>
                  </a:lnTo>
                  <a:cubicBezTo>
                    <a:pt x="1413" y="1437"/>
                    <a:pt x="1436" y="1414"/>
                    <a:pt x="1436" y="1385"/>
                  </a:cubicBezTo>
                  <a:lnTo>
                    <a:pt x="1436" y="118"/>
                  </a:lnTo>
                  <a:cubicBezTo>
                    <a:pt x="1436" y="90"/>
                    <a:pt x="1413" y="67"/>
                    <a:pt x="1385" y="67"/>
                  </a:cubicBezTo>
                  <a:lnTo>
                    <a:pt x="118" y="67"/>
                  </a:lnTo>
                  <a:cubicBezTo>
                    <a:pt x="90" y="67"/>
                    <a:pt x="67" y="90"/>
                    <a:pt x="67" y="118"/>
                  </a:cubicBezTo>
                  <a:lnTo>
                    <a:pt x="67" y="1385"/>
                  </a:lnTo>
                  <a:cubicBezTo>
                    <a:pt x="67" y="1414"/>
                    <a:pt x="90" y="1437"/>
                    <a:pt x="118" y="1437"/>
                  </a:cubicBezTo>
                  <a:lnTo>
                    <a:pt x="1046" y="1437"/>
                  </a:lnTo>
                  <a:lnTo>
                    <a:pt x="1046" y="1503"/>
                  </a:lnTo>
                  <a:lnTo>
                    <a:pt x="118" y="1503"/>
                  </a:lnTo>
                  <a:cubicBezTo>
                    <a:pt x="53" y="1503"/>
                    <a:pt x="0" y="1450"/>
                    <a:pt x="0" y="1385"/>
                  </a:cubicBezTo>
                  <a:lnTo>
                    <a:pt x="0" y="118"/>
                  </a:lnTo>
                  <a:cubicBezTo>
                    <a:pt x="0" y="53"/>
                    <a:pt x="53" y="0"/>
                    <a:pt x="118"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6" name="Freeform 236">
              <a:extLst>
                <a:ext uri="{FF2B5EF4-FFF2-40B4-BE49-F238E27FC236}">
                  <a16:creationId xmlns:a16="http://schemas.microsoft.com/office/drawing/2014/main" xmlns="" id="{F3ACFAFF-1535-4963-9D9C-242CB2546F22}"/>
                </a:ext>
              </a:extLst>
            </p:cNvPr>
            <p:cNvSpPr>
              <a:spLocks/>
            </p:cNvSpPr>
            <p:nvPr/>
          </p:nvSpPr>
          <p:spPr bwMode="auto">
            <a:xfrm>
              <a:off x="3397250" y="2938463"/>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2"/>
                    <a:pt x="31" y="0"/>
                    <a:pt x="70" y="0"/>
                  </a:cubicBezTo>
                  <a:cubicBezTo>
                    <a:pt x="108" y="0"/>
                    <a:pt x="139" y="32"/>
                    <a:pt x="139" y="70"/>
                  </a:cubicBezTo>
                  <a:cubicBezTo>
                    <a:pt x="139" y="108"/>
                    <a:pt x="108" y="139"/>
                    <a:pt x="70"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7" name="Freeform 237">
              <a:extLst>
                <a:ext uri="{FF2B5EF4-FFF2-40B4-BE49-F238E27FC236}">
                  <a16:creationId xmlns:a16="http://schemas.microsoft.com/office/drawing/2014/main" xmlns="" id="{2E7922F6-2114-4347-B964-526BB82A53E8}"/>
                </a:ext>
              </a:extLst>
            </p:cNvPr>
            <p:cNvSpPr>
              <a:spLocks/>
            </p:cNvSpPr>
            <p:nvPr/>
          </p:nvSpPr>
          <p:spPr bwMode="auto">
            <a:xfrm>
              <a:off x="3486150" y="2938463"/>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2"/>
                    <a:pt x="31" y="0"/>
                    <a:pt x="70" y="0"/>
                  </a:cubicBezTo>
                  <a:cubicBezTo>
                    <a:pt x="108" y="0"/>
                    <a:pt x="139" y="32"/>
                    <a:pt x="139" y="70"/>
                  </a:cubicBezTo>
                  <a:cubicBezTo>
                    <a:pt x="139" y="108"/>
                    <a:pt x="108" y="139"/>
                    <a:pt x="70"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8" name="Freeform 238">
              <a:extLst>
                <a:ext uri="{FF2B5EF4-FFF2-40B4-BE49-F238E27FC236}">
                  <a16:creationId xmlns:a16="http://schemas.microsoft.com/office/drawing/2014/main" xmlns="" id="{A9E778B3-8717-4D82-85A7-E407F4461804}"/>
                </a:ext>
              </a:extLst>
            </p:cNvPr>
            <p:cNvSpPr>
              <a:spLocks/>
            </p:cNvSpPr>
            <p:nvPr/>
          </p:nvSpPr>
          <p:spPr bwMode="auto">
            <a:xfrm>
              <a:off x="3405188" y="2759075"/>
              <a:ext cx="131763" cy="130175"/>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280" y="313"/>
                  </a:moveTo>
                  <a:lnTo>
                    <a:pt x="280" y="313"/>
                  </a:lnTo>
                  <a:cubicBezTo>
                    <a:pt x="271" y="313"/>
                    <a:pt x="263" y="309"/>
                    <a:pt x="256" y="303"/>
                  </a:cubicBezTo>
                  <a:lnTo>
                    <a:pt x="13" y="60"/>
                  </a:lnTo>
                  <a:cubicBezTo>
                    <a:pt x="0" y="47"/>
                    <a:pt x="0" y="26"/>
                    <a:pt x="13" y="13"/>
                  </a:cubicBezTo>
                  <a:cubicBezTo>
                    <a:pt x="26" y="0"/>
                    <a:pt x="47" y="0"/>
                    <a:pt x="60" y="13"/>
                  </a:cubicBezTo>
                  <a:lnTo>
                    <a:pt x="303" y="256"/>
                  </a:lnTo>
                  <a:cubicBezTo>
                    <a:pt x="316" y="269"/>
                    <a:pt x="316" y="290"/>
                    <a:pt x="303" y="303"/>
                  </a:cubicBezTo>
                  <a:cubicBezTo>
                    <a:pt x="297" y="309"/>
                    <a:pt x="288" y="313"/>
                    <a:pt x="280"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109" name="Freeform 239">
              <a:extLst>
                <a:ext uri="{FF2B5EF4-FFF2-40B4-BE49-F238E27FC236}">
                  <a16:creationId xmlns:a16="http://schemas.microsoft.com/office/drawing/2014/main" xmlns="" id="{F13DC797-7C63-45A6-B040-ED4BC2BF45AC}"/>
                </a:ext>
              </a:extLst>
            </p:cNvPr>
            <p:cNvSpPr>
              <a:spLocks/>
            </p:cNvSpPr>
            <p:nvPr/>
          </p:nvSpPr>
          <p:spPr bwMode="auto">
            <a:xfrm>
              <a:off x="3381375" y="2733675"/>
              <a:ext cx="115888" cy="115888"/>
            </a:xfrm>
            <a:custGeom>
              <a:avLst/>
              <a:gdLst>
                <a:gd name="T0" fmla="*/ 2147483647 w 277"/>
                <a:gd name="T1" fmla="*/ 2147483647 h 276"/>
                <a:gd name="T2" fmla="*/ 2147483647 w 277"/>
                <a:gd name="T3" fmla="*/ 2147483647 h 276"/>
                <a:gd name="T4" fmla="*/ 0 w 277"/>
                <a:gd name="T5" fmla="*/ 0 h 276"/>
                <a:gd name="T6" fmla="*/ 2147483647 w 277"/>
                <a:gd name="T7" fmla="*/ 2147483647 h 276"/>
                <a:gd name="T8" fmla="*/ 2147483647 w 277"/>
                <a:gd name="T9" fmla="*/ 2147483647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277" y="17"/>
                  </a:moveTo>
                  <a:lnTo>
                    <a:pt x="277" y="17"/>
                  </a:lnTo>
                  <a:lnTo>
                    <a:pt x="0" y="0"/>
                  </a:lnTo>
                  <a:lnTo>
                    <a:pt x="17" y="276"/>
                  </a:lnTo>
                  <a:lnTo>
                    <a:pt x="277" y="1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grpSp>
      <p:grpSp>
        <p:nvGrpSpPr>
          <p:cNvPr id="53" name="组合 322">
            <a:extLst>
              <a:ext uri="{FF2B5EF4-FFF2-40B4-BE49-F238E27FC236}">
                <a16:creationId xmlns:a16="http://schemas.microsoft.com/office/drawing/2014/main" xmlns="" id="{D13B1745-D68E-4C76-A9BB-33020A0674EA}"/>
              </a:ext>
            </a:extLst>
          </p:cNvPr>
          <p:cNvGrpSpPr>
            <a:grpSpLocks noChangeAspect="1"/>
          </p:cNvGrpSpPr>
          <p:nvPr/>
        </p:nvGrpSpPr>
        <p:grpSpPr bwMode="auto">
          <a:xfrm>
            <a:off x="3513304" y="4039862"/>
            <a:ext cx="498835" cy="481483"/>
            <a:chOff x="2998788" y="2351088"/>
            <a:chExt cx="630238" cy="646113"/>
          </a:xfrm>
        </p:grpSpPr>
        <p:sp>
          <p:nvSpPr>
            <p:cNvPr id="86" name="Freeform 228">
              <a:extLst>
                <a:ext uri="{FF2B5EF4-FFF2-40B4-BE49-F238E27FC236}">
                  <a16:creationId xmlns:a16="http://schemas.microsoft.com/office/drawing/2014/main" xmlns="" id="{7099E15C-0184-4502-B929-6A762EF6497D}"/>
                </a:ext>
              </a:extLst>
            </p:cNvPr>
            <p:cNvSpPr>
              <a:spLocks/>
            </p:cNvSpPr>
            <p:nvPr/>
          </p:nvSpPr>
          <p:spPr bwMode="auto">
            <a:xfrm>
              <a:off x="3089275" y="2441575"/>
              <a:ext cx="133350" cy="131763"/>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279" y="313"/>
                  </a:moveTo>
                  <a:lnTo>
                    <a:pt x="279" y="313"/>
                  </a:lnTo>
                  <a:cubicBezTo>
                    <a:pt x="271" y="313"/>
                    <a:pt x="262" y="309"/>
                    <a:pt x="256" y="303"/>
                  </a:cubicBezTo>
                  <a:lnTo>
                    <a:pt x="13" y="60"/>
                  </a:lnTo>
                  <a:cubicBezTo>
                    <a:pt x="0" y="47"/>
                    <a:pt x="0" y="26"/>
                    <a:pt x="13" y="13"/>
                  </a:cubicBezTo>
                  <a:cubicBezTo>
                    <a:pt x="26" y="0"/>
                    <a:pt x="47" y="0"/>
                    <a:pt x="60" y="13"/>
                  </a:cubicBezTo>
                  <a:lnTo>
                    <a:pt x="303" y="256"/>
                  </a:lnTo>
                  <a:cubicBezTo>
                    <a:pt x="316" y="269"/>
                    <a:pt x="316" y="290"/>
                    <a:pt x="303" y="303"/>
                  </a:cubicBezTo>
                  <a:cubicBezTo>
                    <a:pt x="296" y="309"/>
                    <a:pt x="288" y="313"/>
                    <a:pt x="279"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87" name="Freeform 229">
              <a:extLst>
                <a:ext uri="{FF2B5EF4-FFF2-40B4-BE49-F238E27FC236}">
                  <a16:creationId xmlns:a16="http://schemas.microsoft.com/office/drawing/2014/main" xmlns="" id="{264B2AE3-D65C-4E29-96E1-B5B3DEE88ED2}"/>
                </a:ext>
              </a:extLst>
            </p:cNvPr>
            <p:cNvSpPr>
              <a:spLocks/>
            </p:cNvSpPr>
            <p:nvPr/>
          </p:nvSpPr>
          <p:spPr bwMode="auto">
            <a:xfrm>
              <a:off x="3089275" y="2759075"/>
              <a:ext cx="131763" cy="130175"/>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36" y="313"/>
                  </a:moveTo>
                  <a:lnTo>
                    <a:pt x="36" y="313"/>
                  </a:lnTo>
                  <a:cubicBezTo>
                    <a:pt x="28" y="313"/>
                    <a:pt x="19" y="309"/>
                    <a:pt x="13" y="303"/>
                  </a:cubicBezTo>
                  <a:cubicBezTo>
                    <a:pt x="0" y="290"/>
                    <a:pt x="0" y="269"/>
                    <a:pt x="13" y="256"/>
                  </a:cubicBezTo>
                  <a:lnTo>
                    <a:pt x="256" y="13"/>
                  </a:lnTo>
                  <a:cubicBezTo>
                    <a:pt x="269" y="0"/>
                    <a:pt x="290" y="0"/>
                    <a:pt x="303" y="13"/>
                  </a:cubicBezTo>
                  <a:cubicBezTo>
                    <a:pt x="316" y="26"/>
                    <a:pt x="316" y="47"/>
                    <a:pt x="303" y="60"/>
                  </a:cubicBezTo>
                  <a:lnTo>
                    <a:pt x="60" y="303"/>
                  </a:lnTo>
                  <a:cubicBezTo>
                    <a:pt x="53" y="309"/>
                    <a:pt x="45" y="313"/>
                    <a:pt x="36"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88" name="Freeform 230">
              <a:extLst>
                <a:ext uri="{FF2B5EF4-FFF2-40B4-BE49-F238E27FC236}">
                  <a16:creationId xmlns:a16="http://schemas.microsoft.com/office/drawing/2014/main" xmlns="" id="{9CF17739-C5EE-4ACA-8540-C4A5BDF771B1}"/>
                </a:ext>
              </a:extLst>
            </p:cNvPr>
            <p:cNvSpPr>
              <a:spLocks/>
            </p:cNvSpPr>
            <p:nvPr/>
          </p:nvSpPr>
          <p:spPr bwMode="auto">
            <a:xfrm>
              <a:off x="3233738" y="2587625"/>
              <a:ext cx="158750" cy="158750"/>
            </a:xfrm>
            <a:custGeom>
              <a:avLst/>
              <a:gdLst>
                <a:gd name="T0" fmla="*/ 2147483647 w 379"/>
                <a:gd name="T1" fmla="*/ 2147483647 h 379"/>
                <a:gd name="T2" fmla="*/ 2147483647 w 379"/>
                <a:gd name="T3" fmla="*/ 2147483647 h 379"/>
                <a:gd name="T4" fmla="*/ 2147483647 w 379"/>
                <a:gd name="T5" fmla="*/ 2147483647 h 379"/>
                <a:gd name="T6" fmla="*/ 2147483647 w 379"/>
                <a:gd name="T7" fmla="*/ 2147483647 h 379"/>
                <a:gd name="T8" fmla="*/ 2147483647 w 379"/>
                <a:gd name="T9" fmla="*/ 2147483647 h 379"/>
                <a:gd name="T10" fmla="*/ 2147483647 w 379"/>
                <a:gd name="T11" fmla="*/ 2147483647 h 379"/>
                <a:gd name="T12" fmla="*/ 0 60000 65536"/>
                <a:gd name="T13" fmla="*/ 0 60000 65536"/>
                <a:gd name="T14" fmla="*/ 0 60000 65536"/>
                <a:gd name="T15" fmla="*/ 0 60000 65536"/>
                <a:gd name="T16" fmla="*/ 0 60000 65536"/>
                <a:gd name="T17" fmla="*/ 0 60000 65536"/>
                <a:gd name="T18" fmla="*/ 0 w 379"/>
                <a:gd name="T19" fmla="*/ 0 h 379"/>
                <a:gd name="T20" fmla="*/ 379 w 379"/>
                <a:gd name="T21" fmla="*/ 379 h 379"/>
              </a:gdLst>
              <a:ahLst/>
              <a:cxnLst>
                <a:cxn ang="T12">
                  <a:pos x="T0" y="T1"/>
                </a:cxn>
                <a:cxn ang="T13">
                  <a:pos x="T2" y="T3"/>
                </a:cxn>
                <a:cxn ang="T14">
                  <a:pos x="T4" y="T5"/>
                </a:cxn>
                <a:cxn ang="T15">
                  <a:pos x="T6" y="T7"/>
                </a:cxn>
                <a:cxn ang="T16">
                  <a:pos x="T8" y="T9"/>
                </a:cxn>
                <a:cxn ang="T17">
                  <a:pos x="T10" y="T11"/>
                </a:cxn>
              </a:cxnLst>
              <a:rect l="T18" t="T19" r="T20" b="T21"/>
              <a:pathLst>
                <a:path w="379" h="379">
                  <a:moveTo>
                    <a:pt x="312" y="68"/>
                  </a:moveTo>
                  <a:lnTo>
                    <a:pt x="312" y="68"/>
                  </a:lnTo>
                  <a:cubicBezTo>
                    <a:pt x="379" y="135"/>
                    <a:pt x="379" y="244"/>
                    <a:pt x="312" y="312"/>
                  </a:cubicBezTo>
                  <a:cubicBezTo>
                    <a:pt x="244" y="379"/>
                    <a:pt x="135" y="379"/>
                    <a:pt x="68" y="312"/>
                  </a:cubicBezTo>
                  <a:cubicBezTo>
                    <a:pt x="0" y="244"/>
                    <a:pt x="0" y="135"/>
                    <a:pt x="68" y="68"/>
                  </a:cubicBezTo>
                  <a:cubicBezTo>
                    <a:pt x="135" y="0"/>
                    <a:pt x="244" y="0"/>
                    <a:pt x="312" y="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89" name="Freeform 231">
              <a:extLst>
                <a:ext uri="{FF2B5EF4-FFF2-40B4-BE49-F238E27FC236}">
                  <a16:creationId xmlns:a16="http://schemas.microsoft.com/office/drawing/2014/main" xmlns="" id="{F9D4081A-0231-4FDE-9A61-C0D2BBC22A0A}"/>
                </a:ext>
              </a:extLst>
            </p:cNvPr>
            <p:cNvSpPr>
              <a:spLocks/>
            </p:cNvSpPr>
            <p:nvPr/>
          </p:nvSpPr>
          <p:spPr bwMode="auto">
            <a:xfrm>
              <a:off x="3128963" y="2733675"/>
              <a:ext cx="115888" cy="115888"/>
            </a:xfrm>
            <a:custGeom>
              <a:avLst/>
              <a:gdLst>
                <a:gd name="T0" fmla="*/ 0 w 277"/>
                <a:gd name="T1" fmla="*/ 2147483647 h 276"/>
                <a:gd name="T2" fmla="*/ 0 w 277"/>
                <a:gd name="T3" fmla="*/ 2147483647 h 276"/>
                <a:gd name="T4" fmla="*/ 2147483647 w 277"/>
                <a:gd name="T5" fmla="*/ 0 h 276"/>
                <a:gd name="T6" fmla="*/ 2147483647 w 277"/>
                <a:gd name="T7" fmla="*/ 2147483647 h 276"/>
                <a:gd name="T8" fmla="*/ 0 w 277"/>
                <a:gd name="T9" fmla="*/ 2147483647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0" y="17"/>
                  </a:moveTo>
                  <a:lnTo>
                    <a:pt x="0" y="17"/>
                  </a:lnTo>
                  <a:lnTo>
                    <a:pt x="277" y="0"/>
                  </a:lnTo>
                  <a:lnTo>
                    <a:pt x="260" y="276"/>
                  </a:lnTo>
                  <a:lnTo>
                    <a:pt x="0" y="1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90" name="Freeform 232">
              <a:extLst>
                <a:ext uri="{FF2B5EF4-FFF2-40B4-BE49-F238E27FC236}">
                  <a16:creationId xmlns:a16="http://schemas.microsoft.com/office/drawing/2014/main" xmlns="" id="{AE348B68-834C-4E92-80EA-13BEDA3B4557}"/>
                </a:ext>
              </a:extLst>
            </p:cNvPr>
            <p:cNvSpPr>
              <a:spLocks/>
            </p:cNvSpPr>
            <p:nvPr/>
          </p:nvSpPr>
          <p:spPr bwMode="auto">
            <a:xfrm>
              <a:off x="3405188" y="2441575"/>
              <a:ext cx="131763" cy="131763"/>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37" y="313"/>
                  </a:moveTo>
                  <a:lnTo>
                    <a:pt x="37" y="313"/>
                  </a:lnTo>
                  <a:cubicBezTo>
                    <a:pt x="28" y="313"/>
                    <a:pt x="20" y="310"/>
                    <a:pt x="13" y="303"/>
                  </a:cubicBezTo>
                  <a:cubicBezTo>
                    <a:pt x="0" y="290"/>
                    <a:pt x="0" y="269"/>
                    <a:pt x="13" y="256"/>
                  </a:cubicBezTo>
                  <a:lnTo>
                    <a:pt x="256" y="13"/>
                  </a:lnTo>
                  <a:cubicBezTo>
                    <a:pt x="269" y="0"/>
                    <a:pt x="290" y="0"/>
                    <a:pt x="303" y="13"/>
                  </a:cubicBezTo>
                  <a:cubicBezTo>
                    <a:pt x="316" y="26"/>
                    <a:pt x="316" y="48"/>
                    <a:pt x="303" y="61"/>
                  </a:cubicBezTo>
                  <a:lnTo>
                    <a:pt x="60" y="303"/>
                  </a:lnTo>
                  <a:cubicBezTo>
                    <a:pt x="54" y="310"/>
                    <a:pt x="45" y="313"/>
                    <a:pt x="37"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91" name="Freeform 233">
              <a:extLst>
                <a:ext uri="{FF2B5EF4-FFF2-40B4-BE49-F238E27FC236}">
                  <a16:creationId xmlns:a16="http://schemas.microsoft.com/office/drawing/2014/main" xmlns="" id="{0A1178F0-303D-494D-B39C-F417488390FC}"/>
                </a:ext>
              </a:extLst>
            </p:cNvPr>
            <p:cNvSpPr>
              <a:spLocks/>
            </p:cNvSpPr>
            <p:nvPr/>
          </p:nvSpPr>
          <p:spPr bwMode="auto">
            <a:xfrm>
              <a:off x="3381375" y="2482850"/>
              <a:ext cx="115888" cy="115888"/>
            </a:xfrm>
            <a:custGeom>
              <a:avLst/>
              <a:gdLst>
                <a:gd name="T0" fmla="*/ 2147483647 w 277"/>
                <a:gd name="T1" fmla="*/ 0 h 276"/>
                <a:gd name="T2" fmla="*/ 2147483647 w 277"/>
                <a:gd name="T3" fmla="*/ 0 h 276"/>
                <a:gd name="T4" fmla="*/ 0 w 277"/>
                <a:gd name="T5" fmla="*/ 2147483647 h 276"/>
                <a:gd name="T6" fmla="*/ 2147483647 w 277"/>
                <a:gd name="T7" fmla="*/ 2147483647 h 276"/>
                <a:gd name="T8" fmla="*/ 2147483647 w 277"/>
                <a:gd name="T9" fmla="*/ 0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17" y="0"/>
                  </a:moveTo>
                  <a:lnTo>
                    <a:pt x="17" y="0"/>
                  </a:lnTo>
                  <a:lnTo>
                    <a:pt x="0" y="276"/>
                  </a:lnTo>
                  <a:lnTo>
                    <a:pt x="277" y="259"/>
                  </a:lnTo>
                  <a:lnTo>
                    <a:pt x="17"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92" name="Freeform 234">
              <a:extLst>
                <a:ext uri="{FF2B5EF4-FFF2-40B4-BE49-F238E27FC236}">
                  <a16:creationId xmlns:a16="http://schemas.microsoft.com/office/drawing/2014/main" xmlns="" id="{09E2E757-15E1-4612-88CD-90AA8123E44E}"/>
                </a:ext>
              </a:extLst>
            </p:cNvPr>
            <p:cNvSpPr>
              <a:spLocks/>
            </p:cNvSpPr>
            <p:nvPr/>
          </p:nvSpPr>
          <p:spPr bwMode="auto">
            <a:xfrm>
              <a:off x="3125788" y="2479675"/>
              <a:ext cx="115888" cy="115888"/>
            </a:xfrm>
            <a:custGeom>
              <a:avLst/>
              <a:gdLst>
                <a:gd name="T0" fmla="*/ 2147483647 w 277"/>
                <a:gd name="T1" fmla="*/ 0 h 277"/>
                <a:gd name="T2" fmla="*/ 2147483647 w 277"/>
                <a:gd name="T3" fmla="*/ 0 h 277"/>
                <a:gd name="T4" fmla="*/ 2147483647 w 277"/>
                <a:gd name="T5" fmla="*/ 2147483647 h 277"/>
                <a:gd name="T6" fmla="*/ 0 w 277"/>
                <a:gd name="T7" fmla="*/ 2147483647 h 277"/>
                <a:gd name="T8" fmla="*/ 2147483647 w 277"/>
                <a:gd name="T9" fmla="*/ 0 h 277"/>
                <a:gd name="T10" fmla="*/ 0 60000 65536"/>
                <a:gd name="T11" fmla="*/ 0 60000 65536"/>
                <a:gd name="T12" fmla="*/ 0 60000 65536"/>
                <a:gd name="T13" fmla="*/ 0 60000 65536"/>
                <a:gd name="T14" fmla="*/ 0 60000 65536"/>
                <a:gd name="T15" fmla="*/ 0 w 277"/>
                <a:gd name="T16" fmla="*/ 0 h 277"/>
                <a:gd name="T17" fmla="*/ 277 w 277"/>
                <a:gd name="T18" fmla="*/ 277 h 277"/>
              </a:gdLst>
              <a:ahLst/>
              <a:cxnLst>
                <a:cxn ang="T10">
                  <a:pos x="T0" y="T1"/>
                </a:cxn>
                <a:cxn ang="T11">
                  <a:pos x="T2" y="T3"/>
                </a:cxn>
                <a:cxn ang="T12">
                  <a:pos x="T4" y="T5"/>
                </a:cxn>
                <a:cxn ang="T13">
                  <a:pos x="T6" y="T7"/>
                </a:cxn>
                <a:cxn ang="T14">
                  <a:pos x="T8" y="T9"/>
                </a:cxn>
              </a:cxnLst>
              <a:rect l="T15" t="T16" r="T17" b="T18"/>
              <a:pathLst>
                <a:path w="277" h="277">
                  <a:moveTo>
                    <a:pt x="260" y="0"/>
                  </a:moveTo>
                  <a:lnTo>
                    <a:pt x="260" y="0"/>
                  </a:lnTo>
                  <a:lnTo>
                    <a:pt x="277" y="277"/>
                  </a:lnTo>
                  <a:lnTo>
                    <a:pt x="0" y="260"/>
                  </a:lnTo>
                  <a:lnTo>
                    <a:pt x="260"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93" name="Freeform 235">
              <a:extLst>
                <a:ext uri="{FF2B5EF4-FFF2-40B4-BE49-F238E27FC236}">
                  <a16:creationId xmlns:a16="http://schemas.microsoft.com/office/drawing/2014/main" xmlns="" id="{4E6CD4DE-0DFA-4E8E-B2ED-0FEA77C96FA1}"/>
                </a:ext>
              </a:extLst>
            </p:cNvPr>
            <p:cNvSpPr>
              <a:spLocks/>
            </p:cNvSpPr>
            <p:nvPr/>
          </p:nvSpPr>
          <p:spPr bwMode="auto">
            <a:xfrm>
              <a:off x="2998788"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2" y="1503"/>
                  </a:lnTo>
                  <a:lnTo>
                    <a:pt x="1212" y="1437"/>
                  </a:lnTo>
                  <a:lnTo>
                    <a:pt x="1385" y="1437"/>
                  </a:lnTo>
                  <a:cubicBezTo>
                    <a:pt x="1413" y="1437"/>
                    <a:pt x="1436" y="1414"/>
                    <a:pt x="1436" y="1385"/>
                  </a:cubicBezTo>
                  <a:lnTo>
                    <a:pt x="1436" y="118"/>
                  </a:lnTo>
                  <a:cubicBezTo>
                    <a:pt x="1436" y="90"/>
                    <a:pt x="1413" y="67"/>
                    <a:pt x="1385" y="67"/>
                  </a:cubicBezTo>
                  <a:lnTo>
                    <a:pt x="118" y="67"/>
                  </a:lnTo>
                  <a:cubicBezTo>
                    <a:pt x="90" y="67"/>
                    <a:pt x="67" y="90"/>
                    <a:pt x="67" y="118"/>
                  </a:cubicBezTo>
                  <a:lnTo>
                    <a:pt x="67" y="1385"/>
                  </a:lnTo>
                  <a:cubicBezTo>
                    <a:pt x="67" y="1414"/>
                    <a:pt x="90" y="1437"/>
                    <a:pt x="118" y="1437"/>
                  </a:cubicBezTo>
                  <a:lnTo>
                    <a:pt x="1046" y="1437"/>
                  </a:lnTo>
                  <a:lnTo>
                    <a:pt x="1046" y="1503"/>
                  </a:lnTo>
                  <a:lnTo>
                    <a:pt x="118" y="1503"/>
                  </a:lnTo>
                  <a:cubicBezTo>
                    <a:pt x="53" y="1503"/>
                    <a:pt x="0" y="1450"/>
                    <a:pt x="0" y="1385"/>
                  </a:cubicBezTo>
                  <a:lnTo>
                    <a:pt x="0" y="118"/>
                  </a:lnTo>
                  <a:cubicBezTo>
                    <a:pt x="0" y="53"/>
                    <a:pt x="53" y="0"/>
                    <a:pt x="118"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94" name="Freeform 236">
              <a:extLst>
                <a:ext uri="{FF2B5EF4-FFF2-40B4-BE49-F238E27FC236}">
                  <a16:creationId xmlns:a16="http://schemas.microsoft.com/office/drawing/2014/main" xmlns="" id="{26A696B8-7AFC-4B1D-8019-7713A18721D1}"/>
                </a:ext>
              </a:extLst>
            </p:cNvPr>
            <p:cNvSpPr>
              <a:spLocks/>
            </p:cNvSpPr>
            <p:nvPr/>
          </p:nvSpPr>
          <p:spPr bwMode="auto">
            <a:xfrm>
              <a:off x="3397250" y="2938463"/>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2"/>
                    <a:pt x="31" y="0"/>
                    <a:pt x="70" y="0"/>
                  </a:cubicBezTo>
                  <a:cubicBezTo>
                    <a:pt x="108" y="0"/>
                    <a:pt x="139" y="32"/>
                    <a:pt x="139" y="70"/>
                  </a:cubicBezTo>
                  <a:cubicBezTo>
                    <a:pt x="139" y="108"/>
                    <a:pt x="108" y="139"/>
                    <a:pt x="70"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95" name="Freeform 237">
              <a:extLst>
                <a:ext uri="{FF2B5EF4-FFF2-40B4-BE49-F238E27FC236}">
                  <a16:creationId xmlns:a16="http://schemas.microsoft.com/office/drawing/2014/main" xmlns="" id="{5CB2FB74-7869-4134-AD25-294779C4CFCA}"/>
                </a:ext>
              </a:extLst>
            </p:cNvPr>
            <p:cNvSpPr>
              <a:spLocks/>
            </p:cNvSpPr>
            <p:nvPr/>
          </p:nvSpPr>
          <p:spPr bwMode="auto">
            <a:xfrm>
              <a:off x="3486150" y="2938463"/>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2"/>
                    <a:pt x="31" y="0"/>
                    <a:pt x="70" y="0"/>
                  </a:cubicBezTo>
                  <a:cubicBezTo>
                    <a:pt x="108" y="0"/>
                    <a:pt x="139" y="32"/>
                    <a:pt x="139" y="70"/>
                  </a:cubicBezTo>
                  <a:cubicBezTo>
                    <a:pt x="139" y="108"/>
                    <a:pt x="108" y="139"/>
                    <a:pt x="70"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96" name="Freeform 238">
              <a:extLst>
                <a:ext uri="{FF2B5EF4-FFF2-40B4-BE49-F238E27FC236}">
                  <a16:creationId xmlns:a16="http://schemas.microsoft.com/office/drawing/2014/main" xmlns="" id="{DC501025-8CEB-4125-A403-B1219A39E46A}"/>
                </a:ext>
              </a:extLst>
            </p:cNvPr>
            <p:cNvSpPr>
              <a:spLocks/>
            </p:cNvSpPr>
            <p:nvPr/>
          </p:nvSpPr>
          <p:spPr bwMode="auto">
            <a:xfrm>
              <a:off x="3405188" y="2759075"/>
              <a:ext cx="131763" cy="130175"/>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280" y="313"/>
                  </a:moveTo>
                  <a:lnTo>
                    <a:pt x="280" y="313"/>
                  </a:lnTo>
                  <a:cubicBezTo>
                    <a:pt x="271" y="313"/>
                    <a:pt x="263" y="309"/>
                    <a:pt x="256" y="303"/>
                  </a:cubicBezTo>
                  <a:lnTo>
                    <a:pt x="13" y="60"/>
                  </a:lnTo>
                  <a:cubicBezTo>
                    <a:pt x="0" y="47"/>
                    <a:pt x="0" y="26"/>
                    <a:pt x="13" y="13"/>
                  </a:cubicBezTo>
                  <a:cubicBezTo>
                    <a:pt x="26" y="0"/>
                    <a:pt x="47" y="0"/>
                    <a:pt x="60" y="13"/>
                  </a:cubicBezTo>
                  <a:lnTo>
                    <a:pt x="303" y="256"/>
                  </a:lnTo>
                  <a:cubicBezTo>
                    <a:pt x="316" y="269"/>
                    <a:pt x="316" y="290"/>
                    <a:pt x="303" y="303"/>
                  </a:cubicBezTo>
                  <a:cubicBezTo>
                    <a:pt x="297" y="309"/>
                    <a:pt x="288" y="313"/>
                    <a:pt x="280"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97" name="Freeform 239">
              <a:extLst>
                <a:ext uri="{FF2B5EF4-FFF2-40B4-BE49-F238E27FC236}">
                  <a16:creationId xmlns:a16="http://schemas.microsoft.com/office/drawing/2014/main" xmlns="" id="{C48B672F-9D87-4308-AAFF-002CB5B81BD1}"/>
                </a:ext>
              </a:extLst>
            </p:cNvPr>
            <p:cNvSpPr>
              <a:spLocks/>
            </p:cNvSpPr>
            <p:nvPr/>
          </p:nvSpPr>
          <p:spPr bwMode="auto">
            <a:xfrm>
              <a:off x="3381375" y="2733675"/>
              <a:ext cx="115888" cy="115888"/>
            </a:xfrm>
            <a:custGeom>
              <a:avLst/>
              <a:gdLst>
                <a:gd name="T0" fmla="*/ 2147483647 w 277"/>
                <a:gd name="T1" fmla="*/ 2147483647 h 276"/>
                <a:gd name="T2" fmla="*/ 2147483647 w 277"/>
                <a:gd name="T3" fmla="*/ 2147483647 h 276"/>
                <a:gd name="T4" fmla="*/ 0 w 277"/>
                <a:gd name="T5" fmla="*/ 0 h 276"/>
                <a:gd name="T6" fmla="*/ 2147483647 w 277"/>
                <a:gd name="T7" fmla="*/ 2147483647 h 276"/>
                <a:gd name="T8" fmla="*/ 2147483647 w 277"/>
                <a:gd name="T9" fmla="*/ 2147483647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277" y="17"/>
                  </a:moveTo>
                  <a:lnTo>
                    <a:pt x="277" y="17"/>
                  </a:lnTo>
                  <a:lnTo>
                    <a:pt x="0" y="0"/>
                  </a:lnTo>
                  <a:lnTo>
                    <a:pt x="17" y="276"/>
                  </a:lnTo>
                  <a:lnTo>
                    <a:pt x="277" y="1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grpSp>
      <p:grpSp>
        <p:nvGrpSpPr>
          <p:cNvPr id="54" name="组合 323">
            <a:extLst>
              <a:ext uri="{FF2B5EF4-FFF2-40B4-BE49-F238E27FC236}">
                <a16:creationId xmlns:a16="http://schemas.microsoft.com/office/drawing/2014/main" xmlns="" id="{770EB0F5-A54E-4E9C-BA5E-CEED003CF2F7}"/>
              </a:ext>
            </a:extLst>
          </p:cNvPr>
          <p:cNvGrpSpPr>
            <a:grpSpLocks noChangeAspect="1"/>
          </p:cNvGrpSpPr>
          <p:nvPr/>
        </p:nvGrpSpPr>
        <p:grpSpPr bwMode="auto">
          <a:xfrm>
            <a:off x="2611323" y="5197104"/>
            <a:ext cx="499956" cy="481483"/>
            <a:chOff x="4189413" y="2351088"/>
            <a:chExt cx="630238" cy="646113"/>
          </a:xfrm>
        </p:grpSpPr>
        <p:sp>
          <p:nvSpPr>
            <p:cNvPr id="77" name="Freeform 218">
              <a:extLst>
                <a:ext uri="{FF2B5EF4-FFF2-40B4-BE49-F238E27FC236}">
                  <a16:creationId xmlns:a16="http://schemas.microsoft.com/office/drawing/2014/main" xmlns="" id="{46B065F9-A6DC-4B30-A52E-64BEBDA98F81}"/>
                </a:ext>
              </a:extLst>
            </p:cNvPr>
            <p:cNvSpPr>
              <a:spLocks/>
            </p:cNvSpPr>
            <p:nvPr/>
          </p:nvSpPr>
          <p:spPr bwMode="auto">
            <a:xfrm>
              <a:off x="4613275" y="2711451"/>
              <a:ext cx="104775" cy="176213"/>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4"/>
                  </a:cubicBezTo>
                  <a:cubicBezTo>
                    <a:pt x="1" y="401"/>
                    <a:pt x="0" y="380"/>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78" name="Freeform 219">
              <a:extLst>
                <a:ext uri="{FF2B5EF4-FFF2-40B4-BE49-F238E27FC236}">
                  <a16:creationId xmlns:a16="http://schemas.microsoft.com/office/drawing/2014/main" xmlns="" id="{18274768-62B4-420A-829D-733E43CC8FED}"/>
                </a:ext>
              </a:extLst>
            </p:cNvPr>
            <p:cNvSpPr>
              <a:spLocks/>
            </p:cNvSpPr>
            <p:nvPr/>
          </p:nvSpPr>
          <p:spPr bwMode="auto">
            <a:xfrm>
              <a:off x="4292600" y="2786063"/>
              <a:ext cx="423863" cy="28575"/>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79" name="Freeform 220">
              <a:extLst>
                <a:ext uri="{FF2B5EF4-FFF2-40B4-BE49-F238E27FC236}">
                  <a16:creationId xmlns:a16="http://schemas.microsoft.com/office/drawing/2014/main" xmlns="" id="{DEB92FFC-91C6-41A5-89BB-D85E285EB123}"/>
                </a:ext>
              </a:extLst>
            </p:cNvPr>
            <p:cNvSpPr>
              <a:spLocks/>
            </p:cNvSpPr>
            <p:nvPr/>
          </p:nvSpPr>
          <p:spPr bwMode="auto">
            <a:xfrm>
              <a:off x="4613275" y="2443163"/>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3"/>
                  </a:cubicBezTo>
                  <a:cubicBezTo>
                    <a:pt x="1" y="400"/>
                    <a:pt x="0" y="379"/>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80" name="Freeform 221">
              <a:extLst>
                <a:ext uri="{FF2B5EF4-FFF2-40B4-BE49-F238E27FC236}">
                  <a16:creationId xmlns:a16="http://schemas.microsoft.com/office/drawing/2014/main" xmlns="" id="{B76C9C9D-6FAF-4538-8456-7C77AF794BD0}"/>
                </a:ext>
              </a:extLst>
            </p:cNvPr>
            <p:cNvSpPr>
              <a:spLocks/>
            </p:cNvSpPr>
            <p:nvPr/>
          </p:nvSpPr>
          <p:spPr bwMode="auto">
            <a:xfrm>
              <a:off x="4292600" y="2519363"/>
              <a:ext cx="423863" cy="26988"/>
            </a:xfrm>
            <a:custGeom>
              <a:avLst/>
              <a:gdLst>
                <a:gd name="T0" fmla="*/ 2147483647 w 1010"/>
                <a:gd name="T1" fmla="*/ 2147483647 h 66"/>
                <a:gd name="T2" fmla="*/ 2147483647 w 1010"/>
                <a:gd name="T3" fmla="*/ 2147483647 h 66"/>
                <a:gd name="T4" fmla="*/ 2147483647 w 1010"/>
                <a:gd name="T5" fmla="*/ 2147483647 h 66"/>
                <a:gd name="T6" fmla="*/ 0 w 1010"/>
                <a:gd name="T7" fmla="*/ 2147483647 h 66"/>
                <a:gd name="T8" fmla="*/ 2147483647 w 1010"/>
                <a:gd name="T9" fmla="*/ 0 h 66"/>
                <a:gd name="T10" fmla="*/ 2147483647 w 1010"/>
                <a:gd name="T11" fmla="*/ 0 h 66"/>
                <a:gd name="T12" fmla="*/ 2147483647 w 1010"/>
                <a:gd name="T13" fmla="*/ 2147483647 h 66"/>
                <a:gd name="T14" fmla="*/ 2147483647 w 1010"/>
                <a:gd name="T15" fmla="*/ 2147483647 h 66"/>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6"/>
                <a:gd name="T26" fmla="*/ 1010 w 1010"/>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6">
                  <a:moveTo>
                    <a:pt x="977" y="66"/>
                  </a:moveTo>
                  <a:lnTo>
                    <a:pt x="977" y="66"/>
                  </a:lnTo>
                  <a:lnTo>
                    <a:pt x="33" y="66"/>
                  </a:lnTo>
                  <a:cubicBezTo>
                    <a:pt x="15" y="66"/>
                    <a:pt x="0" y="52"/>
                    <a:pt x="0" y="33"/>
                  </a:cubicBezTo>
                  <a:cubicBezTo>
                    <a:pt x="0" y="15"/>
                    <a:pt x="15" y="0"/>
                    <a:pt x="33" y="0"/>
                  </a:cubicBezTo>
                  <a:lnTo>
                    <a:pt x="977" y="0"/>
                  </a:lnTo>
                  <a:cubicBezTo>
                    <a:pt x="995" y="0"/>
                    <a:pt x="1010" y="15"/>
                    <a:pt x="1010" y="33"/>
                  </a:cubicBezTo>
                  <a:cubicBezTo>
                    <a:pt x="1010" y="52"/>
                    <a:pt x="995" y="66"/>
                    <a:pt x="977"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81" name="Freeform 222">
              <a:extLst>
                <a:ext uri="{FF2B5EF4-FFF2-40B4-BE49-F238E27FC236}">
                  <a16:creationId xmlns:a16="http://schemas.microsoft.com/office/drawing/2014/main" xmlns="" id="{9C13C258-E712-4788-9C7A-1EE95D11665F}"/>
                </a:ext>
              </a:extLst>
            </p:cNvPr>
            <p:cNvSpPr>
              <a:spLocks/>
            </p:cNvSpPr>
            <p:nvPr/>
          </p:nvSpPr>
          <p:spPr bwMode="auto">
            <a:xfrm>
              <a:off x="4291013" y="2581276"/>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211" y="423"/>
                  </a:moveTo>
                  <a:lnTo>
                    <a:pt x="211" y="423"/>
                  </a:lnTo>
                  <a:cubicBezTo>
                    <a:pt x="202" y="423"/>
                    <a:pt x="194" y="420"/>
                    <a:pt x="187" y="413"/>
                  </a:cubicBezTo>
                  <a:lnTo>
                    <a:pt x="13" y="237"/>
                  </a:lnTo>
                  <a:cubicBezTo>
                    <a:pt x="0" y="224"/>
                    <a:pt x="0" y="203"/>
                    <a:pt x="13" y="190"/>
                  </a:cubicBezTo>
                  <a:lnTo>
                    <a:pt x="187" y="13"/>
                  </a:lnTo>
                  <a:cubicBezTo>
                    <a:pt x="200" y="0"/>
                    <a:pt x="221" y="0"/>
                    <a:pt x="234" y="13"/>
                  </a:cubicBezTo>
                  <a:cubicBezTo>
                    <a:pt x="248" y="26"/>
                    <a:pt x="248" y="47"/>
                    <a:pt x="235" y="60"/>
                  </a:cubicBezTo>
                  <a:lnTo>
                    <a:pt x="83" y="213"/>
                  </a:lnTo>
                  <a:lnTo>
                    <a:pt x="235" y="366"/>
                  </a:lnTo>
                  <a:cubicBezTo>
                    <a:pt x="248" y="379"/>
                    <a:pt x="248" y="400"/>
                    <a:pt x="234" y="413"/>
                  </a:cubicBezTo>
                  <a:cubicBezTo>
                    <a:pt x="228" y="420"/>
                    <a:pt x="220" y="423"/>
                    <a:pt x="211"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82" name="Freeform 223">
              <a:extLst>
                <a:ext uri="{FF2B5EF4-FFF2-40B4-BE49-F238E27FC236}">
                  <a16:creationId xmlns:a16="http://schemas.microsoft.com/office/drawing/2014/main" xmlns="" id="{5D6E1D9A-98BF-4DE8-A34B-F9041F7DE93A}"/>
                </a:ext>
              </a:extLst>
            </p:cNvPr>
            <p:cNvSpPr>
              <a:spLocks/>
            </p:cNvSpPr>
            <p:nvPr/>
          </p:nvSpPr>
          <p:spPr bwMode="auto">
            <a:xfrm>
              <a:off x="4292600" y="2657476"/>
              <a:ext cx="423863" cy="26988"/>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83" name="Freeform 224">
              <a:extLst>
                <a:ext uri="{FF2B5EF4-FFF2-40B4-BE49-F238E27FC236}">
                  <a16:creationId xmlns:a16="http://schemas.microsoft.com/office/drawing/2014/main" xmlns="" id="{61887FB2-61DB-468B-B0FB-376898A55F4A}"/>
                </a:ext>
              </a:extLst>
            </p:cNvPr>
            <p:cNvSpPr>
              <a:spLocks/>
            </p:cNvSpPr>
            <p:nvPr/>
          </p:nvSpPr>
          <p:spPr bwMode="auto">
            <a:xfrm>
              <a:off x="4189413"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1" y="1503"/>
                  </a:lnTo>
                  <a:lnTo>
                    <a:pt x="1211" y="1437"/>
                  </a:lnTo>
                  <a:lnTo>
                    <a:pt x="1385" y="1437"/>
                  </a:lnTo>
                  <a:cubicBezTo>
                    <a:pt x="1413" y="1437"/>
                    <a:pt x="1436" y="1414"/>
                    <a:pt x="1436" y="1385"/>
                  </a:cubicBezTo>
                  <a:lnTo>
                    <a:pt x="1436" y="118"/>
                  </a:lnTo>
                  <a:cubicBezTo>
                    <a:pt x="1436" y="90"/>
                    <a:pt x="1413" y="67"/>
                    <a:pt x="1385" y="67"/>
                  </a:cubicBezTo>
                  <a:lnTo>
                    <a:pt x="117" y="67"/>
                  </a:lnTo>
                  <a:cubicBezTo>
                    <a:pt x="89" y="67"/>
                    <a:pt x="66" y="90"/>
                    <a:pt x="66" y="118"/>
                  </a:cubicBezTo>
                  <a:lnTo>
                    <a:pt x="66" y="1385"/>
                  </a:lnTo>
                  <a:cubicBezTo>
                    <a:pt x="66" y="1414"/>
                    <a:pt x="89" y="1437"/>
                    <a:pt x="117" y="1437"/>
                  </a:cubicBezTo>
                  <a:lnTo>
                    <a:pt x="1045" y="1437"/>
                  </a:lnTo>
                  <a:lnTo>
                    <a:pt x="1045" y="1503"/>
                  </a:lnTo>
                  <a:lnTo>
                    <a:pt x="117" y="1503"/>
                  </a:lnTo>
                  <a:cubicBezTo>
                    <a:pt x="52" y="1503"/>
                    <a:pt x="0" y="1450"/>
                    <a:pt x="0" y="1385"/>
                  </a:cubicBezTo>
                  <a:lnTo>
                    <a:pt x="0" y="118"/>
                  </a:lnTo>
                  <a:cubicBezTo>
                    <a:pt x="0" y="53"/>
                    <a:pt x="52" y="0"/>
                    <a:pt x="117"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84" name="Freeform 225">
              <a:extLst>
                <a:ext uri="{FF2B5EF4-FFF2-40B4-BE49-F238E27FC236}">
                  <a16:creationId xmlns:a16="http://schemas.microsoft.com/office/drawing/2014/main" xmlns="" id="{691FCB7F-90E0-4B4B-B4BF-1E4516D97D3C}"/>
                </a:ext>
              </a:extLst>
            </p:cNvPr>
            <p:cNvSpPr>
              <a:spLocks/>
            </p:cNvSpPr>
            <p:nvPr/>
          </p:nvSpPr>
          <p:spPr bwMode="auto">
            <a:xfrm>
              <a:off x="4592638" y="2938463"/>
              <a:ext cx="57150"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85" name="Freeform 226">
              <a:extLst>
                <a:ext uri="{FF2B5EF4-FFF2-40B4-BE49-F238E27FC236}">
                  <a16:creationId xmlns:a16="http://schemas.microsoft.com/office/drawing/2014/main" xmlns="" id="{84FE1D1A-D21C-4E9D-9F9C-A0823E6E35C9}"/>
                </a:ext>
              </a:extLst>
            </p:cNvPr>
            <p:cNvSpPr>
              <a:spLocks/>
            </p:cNvSpPr>
            <p:nvPr/>
          </p:nvSpPr>
          <p:spPr bwMode="auto">
            <a:xfrm>
              <a:off x="4681538" y="2938463"/>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grpSp>
      <p:grpSp>
        <p:nvGrpSpPr>
          <p:cNvPr id="55" name="组合 323">
            <a:extLst>
              <a:ext uri="{FF2B5EF4-FFF2-40B4-BE49-F238E27FC236}">
                <a16:creationId xmlns:a16="http://schemas.microsoft.com/office/drawing/2014/main" xmlns="" id="{F7BAAB94-3A92-4166-A4F3-37C652FB88E6}"/>
              </a:ext>
            </a:extLst>
          </p:cNvPr>
          <p:cNvGrpSpPr>
            <a:grpSpLocks noChangeAspect="1"/>
          </p:cNvGrpSpPr>
          <p:nvPr/>
        </p:nvGrpSpPr>
        <p:grpSpPr bwMode="auto">
          <a:xfrm>
            <a:off x="4171908" y="5197104"/>
            <a:ext cx="499956" cy="481483"/>
            <a:chOff x="4189413" y="2351088"/>
            <a:chExt cx="630238" cy="646113"/>
          </a:xfrm>
        </p:grpSpPr>
        <p:sp>
          <p:nvSpPr>
            <p:cNvPr id="68" name="Freeform 218">
              <a:extLst>
                <a:ext uri="{FF2B5EF4-FFF2-40B4-BE49-F238E27FC236}">
                  <a16:creationId xmlns:a16="http://schemas.microsoft.com/office/drawing/2014/main" xmlns="" id="{4F4DBFB7-AA12-4E11-93A1-FF61B038AD07}"/>
                </a:ext>
              </a:extLst>
            </p:cNvPr>
            <p:cNvSpPr>
              <a:spLocks/>
            </p:cNvSpPr>
            <p:nvPr/>
          </p:nvSpPr>
          <p:spPr bwMode="auto">
            <a:xfrm>
              <a:off x="4613275" y="2711451"/>
              <a:ext cx="104775" cy="176213"/>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4"/>
                  </a:cubicBezTo>
                  <a:cubicBezTo>
                    <a:pt x="1" y="401"/>
                    <a:pt x="0" y="380"/>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69" name="Freeform 219">
              <a:extLst>
                <a:ext uri="{FF2B5EF4-FFF2-40B4-BE49-F238E27FC236}">
                  <a16:creationId xmlns:a16="http://schemas.microsoft.com/office/drawing/2014/main" xmlns="" id="{6141A4B2-1DDF-4542-ACE7-E56ACBD426D2}"/>
                </a:ext>
              </a:extLst>
            </p:cNvPr>
            <p:cNvSpPr>
              <a:spLocks/>
            </p:cNvSpPr>
            <p:nvPr/>
          </p:nvSpPr>
          <p:spPr bwMode="auto">
            <a:xfrm>
              <a:off x="4292600" y="2786063"/>
              <a:ext cx="423863" cy="28575"/>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70" name="Freeform 220">
              <a:extLst>
                <a:ext uri="{FF2B5EF4-FFF2-40B4-BE49-F238E27FC236}">
                  <a16:creationId xmlns:a16="http://schemas.microsoft.com/office/drawing/2014/main" xmlns="" id="{9F1D010F-C86B-4D59-A8FC-501EB6A58F83}"/>
                </a:ext>
              </a:extLst>
            </p:cNvPr>
            <p:cNvSpPr>
              <a:spLocks/>
            </p:cNvSpPr>
            <p:nvPr/>
          </p:nvSpPr>
          <p:spPr bwMode="auto">
            <a:xfrm>
              <a:off x="4613275" y="2443163"/>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3"/>
                  </a:cubicBezTo>
                  <a:cubicBezTo>
                    <a:pt x="1" y="400"/>
                    <a:pt x="0" y="379"/>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71" name="Freeform 221">
              <a:extLst>
                <a:ext uri="{FF2B5EF4-FFF2-40B4-BE49-F238E27FC236}">
                  <a16:creationId xmlns:a16="http://schemas.microsoft.com/office/drawing/2014/main" xmlns="" id="{D12734B9-9B2B-422D-9B66-0EF680C41B49}"/>
                </a:ext>
              </a:extLst>
            </p:cNvPr>
            <p:cNvSpPr>
              <a:spLocks/>
            </p:cNvSpPr>
            <p:nvPr/>
          </p:nvSpPr>
          <p:spPr bwMode="auto">
            <a:xfrm>
              <a:off x="4292600" y="2519363"/>
              <a:ext cx="423863" cy="26988"/>
            </a:xfrm>
            <a:custGeom>
              <a:avLst/>
              <a:gdLst>
                <a:gd name="T0" fmla="*/ 2147483647 w 1010"/>
                <a:gd name="T1" fmla="*/ 2147483647 h 66"/>
                <a:gd name="T2" fmla="*/ 2147483647 w 1010"/>
                <a:gd name="T3" fmla="*/ 2147483647 h 66"/>
                <a:gd name="T4" fmla="*/ 2147483647 w 1010"/>
                <a:gd name="T5" fmla="*/ 2147483647 h 66"/>
                <a:gd name="T6" fmla="*/ 0 w 1010"/>
                <a:gd name="T7" fmla="*/ 2147483647 h 66"/>
                <a:gd name="T8" fmla="*/ 2147483647 w 1010"/>
                <a:gd name="T9" fmla="*/ 0 h 66"/>
                <a:gd name="T10" fmla="*/ 2147483647 w 1010"/>
                <a:gd name="T11" fmla="*/ 0 h 66"/>
                <a:gd name="T12" fmla="*/ 2147483647 w 1010"/>
                <a:gd name="T13" fmla="*/ 2147483647 h 66"/>
                <a:gd name="T14" fmla="*/ 2147483647 w 1010"/>
                <a:gd name="T15" fmla="*/ 2147483647 h 66"/>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6"/>
                <a:gd name="T26" fmla="*/ 1010 w 1010"/>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6">
                  <a:moveTo>
                    <a:pt x="977" y="66"/>
                  </a:moveTo>
                  <a:lnTo>
                    <a:pt x="977" y="66"/>
                  </a:lnTo>
                  <a:lnTo>
                    <a:pt x="33" y="66"/>
                  </a:lnTo>
                  <a:cubicBezTo>
                    <a:pt x="15" y="66"/>
                    <a:pt x="0" y="52"/>
                    <a:pt x="0" y="33"/>
                  </a:cubicBezTo>
                  <a:cubicBezTo>
                    <a:pt x="0" y="15"/>
                    <a:pt x="15" y="0"/>
                    <a:pt x="33" y="0"/>
                  </a:cubicBezTo>
                  <a:lnTo>
                    <a:pt x="977" y="0"/>
                  </a:lnTo>
                  <a:cubicBezTo>
                    <a:pt x="995" y="0"/>
                    <a:pt x="1010" y="15"/>
                    <a:pt x="1010" y="33"/>
                  </a:cubicBezTo>
                  <a:cubicBezTo>
                    <a:pt x="1010" y="52"/>
                    <a:pt x="995" y="66"/>
                    <a:pt x="977"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72" name="Freeform 222">
              <a:extLst>
                <a:ext uri="{FF2B5EF4-FFF2-40B4-BE49-F238E27FC236}">
                  <a16:creationId xmlns:a16="http://schemas.microsoft.com/office/drawing/2014/main" xmlns="" id="{F2AC79E1-DFF8-40D5-863E-D6B7431D773D}"/>
                </a:ext>
              </a:extLst>
            </p:cNvPr>
            <p:cNvSpPr>
              <a:spLocks/>
            </p:cNvSpPr>
            <p:nvPr/>
          </p:nvSpPr>
          <p:spPr bwMode="auto">
            <a:xfrm>
              <a:off x="4291013" y="2581276"/>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211" y="423"/>
                  </a:moveTo>
                  <a:lnTo>
                    <a:pt x="211" y="423"/>
                  </a:lnTo>
                  <a:cubicBezTo>
                    <a:pt x="202" y="423"/>
                    <a:pt x="194" y="420"/>
                    <a:pt x="187" y="413"/>
                  </a:cubicBezTo>
                  <a:lnTo>
                    <a:pt x="13" y="237"/>
                  </a:lnTo>
                  <a:cubicBezTo>
                    <a:pt x="0" y="224"/>
                    <a:pt x="0" y="203"/>
                    <a:pt x="13" y="190"/>
                  </a:cubicBezTo>
                  <a:lnTo>
                    <a:pt x="187" y="13"/>
                  </a:lnTo>
                  <a:cubicBezTo>
                    <a:pt x="200" y="0"/>
                    <a:pt x="221" y="0"/>
                    <a:pt x="234" y="13"/>
                  </a:cubicBezTo>
                  <a:cubicBezTo>
                    <a:pt x="248" y="26"/>
                    <a:pt x="248" y="47"/>
                    <a:pt x="235" y="60"/>
                  </a:cubicBezTo>
                  <a:lnTo>
                    <a:pt x="83" y="213"/>
                  </a:lnTo>
                  <a:lnTo>
                    <a:pt x="235" y="366"/>
                  </a:lnTo>
                  <a:cubicBezTo>
                    <a:pt x="248" y="379"/>
                    <a:pt x="248" y="400"/>
                    <a:pt x="234" y="413"/>
                  </a:cubicBezTo>
                  <a:cubicBezTo>
                    <a:pt x="228" y="420"/>
                    <a:pt x="220" y="423"/>
                    <a:pt x="211"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73" name="Freeform 223">
              <a:extLst>
                <a:ext uri="{FF2B5EF4-FFF2-40B4-BE49-F238E27FC236}">
                  <a16:creationId xmlns:a16="http://schemas.microsoft.com/office/drawing/2014/main" xmlns="" id="{30AAA475-A7FF-4C15-9C98-4DB0A594B3CC}"/>
                </a:ext>
              </a:extLst>
            </p:cNvPr>
            <p:cNvSpPr>
              <a:spLocks/>
            </p:cNvSpPr>
            <p:nvPr/>
          </p:nvSpPr>
          <p:spPr bwMode="auto">
            <a:xfrm>
              <a:off x="4292600" y="2657476"/>
              <a:ext cx="423863" cy="26988"/>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74" name="Freeform 224">
              <a:extLst>
                <a:ext uri="{FF2B5EF4-FFF2-40B4-BE49-F238E27FC236}">
                  <a16:creationId xmlns:a16="http://schemas.microsoft.com/office/drawing/2014/main" xmlns="" id="{3B1B47BF-0EF7-4203-905B-F0A8EA9E0526}"/>
                </a:ext>
              </a:extLst>
            </p:cNvPr>
            <p:cNvSpPr>
              <a:spLocks/>
            </p:cNvSpPr>
            <p:nvPr/>
          </p:nvSpPr>
          <p:spPr bwMode="auto">
            <a:xfrm>
              <a:off x="4189413"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1" y="1503"/>
                  </a:lnTo>
                  <a:lnTo>
                    <a:pt x="1211" y="1437"/>
                  </a:lnTo>
                  <a:lnTo>
                    <a:pt x="1385" y="1437"/>
                  </a:lnTo>
                  <a:cubicBezTo>
                    <a:pt x="1413" y="1437"/>
                    <a:pt x="1436" y="1414"/>
                    <a:pt x="1436" y="1385"/>
                  </a:cubicBezTo>
                  <a:lnTo>
                    <a:pt x="1436" y="118"/>
                  </a:lnTo>
                  <a:cubicBezTo>
                    <a:pt x="1436" y="90"/>
                    <a:pt x="1413" y="67"/>
                    <a:pt x="1385" y="67"/>
                  </a:cubicBezTo>
                  <a:lnTo>
                    <a:pt x="117" y="67"/>
                  </a:lnTo>
                  <a:cubicBezTo>
                    <a:pt x="89" y="67"/>
                    <a:pt x="66" y="90"/>
                    <a:pt x="66" y="118"/>
                  </a:cubicBezTo>
                  <a:lnTo>
                    <a:pt x="66" y="1385"/>
                  </a:lnTo>
                  <a:cubicBezTo>
                    <a:pt x="66" y="1414"/>
                    <a:pt x="89" y="1437"/>
                    <a:pt x="117" y="1437"/>
                  </a:cubicBezTo>
                  <a:lnTo>
                    <a:pt x="1045" y="1437"/>
                  </a:lnTo>
                  <a:lnTo>
                    <a:pt x="1045" y="1503"/>
                  </a:lnTo>
                  <a:lnTo>
                    <a:pt x="117" y="1503"/>
                  </a:lnTo>
                  <a:cubicBezTo>
                    <a:pt x="52" y="1503"/>
                    <a:pt x="0" y="1450"/>
                    <a:pt x="0" y="1385"/>
                  </a:cubicBezTo>
                  <a:lnTo>
                    <a:pt x="0" y="118"/>
                  </a:lnTo>
                  <a:cubicBezTo>
                    <a:pt x="0" y="53"/>
                    <a:pt x="52" y="0"/>
                    <a:pt x="117"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75" name="Freeform 225">
              <a:extLst>
                <a:ext uri="{FF2B5EF4-FFF2-40B4-BE49-F238E27FC236}">
                  <a16:creationId xmlns:a16="http://schemas.microsoft.com/office/drawing/2014/main" xmlns="" id="{6C49292E-251A-4843-ADBE-4A9F116A212C}"/>
                </a:ext>
              </a:extLst>
            </p:cNvPr>
            <p:cNvSpPr>
              <a:spLocks/>
            </p:cNvSpPr>
            <p:nvPr/>
          </p:nvSpPr>
          <p:spPr bwMode="auto">
            <a:xfrm>
              <a:off x="4592638" y="2938463"/>
              <a:ext cx="57150"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76" name="Freeform 226">
              <a:extLst>
                <a:ext uri="{FF2B5EF4-FFF2-40B4-BE49-F238E27FC236}">
                  <a16:creationId xmlns:a16="http://schemas.microsoft.com/office/drawing/2014/main" xmlns="" id="{9BC8FB1F-80BF-4A81-9FE7-349CE8963C0F}"/>
                </a:ext>
              </a:extLst>
            </p:cNvPr>
            <p:cNvSpPr>
              <a:spLocks/>
            </p:cNvSpPr>
            <p:nvPr/>
          </p:nvSpPr>
          <p:spPr bwMode="auto">
            <a:xfrm>
              <a:off x="4681538" y="2938463"/>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grpSp>
      <p:grpSp>
        <p:nvGrpSpPr>
          <p:cNvPr id="56" name="组合 323">
            <a:extLst>
              <a:ext uri="{FF2B5EF4-FFF2-40B4-BE49-F238E27FC236}">
                <a16:creationId xmlns:a16="http://schemas.microsoft.com/office/drawing/2014/main" xmlns="" id="{B83AA7BD-3AA8-4FD9-82D3-A06E6E331601}"/>
              </a:ext>
            </a:extLst>
          </p:cNvPr>
          <p:cNvGrpSpPr>
            <a:grpSpLocks noChangeAspect="1"/>
          </p:cNvGrpSpPr>
          <p:nvPr/>
        </p:nvGrpSpPr>
        <p:grpSpPr bwMode="auto">
          <a:xfrm>
            <a:off x="1831032" y="5197104"/>
            <a:ext cx="499956" cy="481483"/>
            <a:chOff x="4189413" y="2351088"/>
            <a:chExt cx="630238" cy="646113"/>
          </a:xfrm>
        </p:grpSpPr>
        <p:sp>
          <p:nvSpPr>
            <p:cNvPr id="59" name="Freeform 218">
              <a:extLst>
                <a:ext uri="{FF2B5EF4-FFF2-40B4-BE49-F238E27FC236}">
                  <a16:creationId xmlns:a16="http://schemas.microsoft.com/office/drawing/2014/main" xmlns="" id="{E86ADF43-DCC5-4651-8C43-AB19F9C48251}"/>
                </a:ext>
              </a:extLst>
            </p:cNvPr>
            <p:cNvSpPr>
              <a:spLocks/>
            </p:cNvSpPr>
            <p:nvPr/>
          </p:nvSpPr>
          <p:spPr bwMode="auto">
            <a:xfrm>
              <a:off x="4613275" y="2711451"/>
              <a:ext cx="104775" cy="176213"/>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4"/>
                  </a:cubicBezTo>
                  <a:cubicBezTo>
                    <a:pt x="1" y="401"/>
                    <a:pt x="0" y="380"/>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60" name="Freeform 219">
              <a:extLst>
                <a:ext uri="{FF2B5EF4-FFF2-40B4-BE49-F238E27FC236}">
                  <a16:creationId xmlns:a16="http://schemas.microsoft.com/office/drawing/2014/main" xmlns="" id="{5CFE496A-0A0B-412D-9E14-37854DA86E94}"/>
                </a:ext>
              </a:extLst>
            </p:cNvPr>
            <p:cNvSpPr>
              <a:spLocks/>
            </p:cNvSpPr>
            <p:nvPr/>
          </p:nvSpPr>
          <p:spPr bwMode="auto">
            <a:xfrm>
              <a:off x="4292600" y="2786063"/>
              <a:ext cx="423863" cy="28575"/>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61" name="Freeform 220">
              <a:extLst>
                <a:ext uri="{FF2B5EF4-FFF2-40B4-BE49-F238E27FC236}">
                  <a16:creationId xmlns:a16="http://schemas.microsoft.com/office/drawing/2014/main" xmlns="" id="{84C11465-9217-4384-A48E-6413FEE4BD40}"/>
                </a:ext>
              </a:extLst>
            </p:cNvPr>
            <p:cNvSpPr>
              <a:spLocks/>
            </p:cNvSpPr>
            <p:nvPr/>
          </p:nvSpPr>
          <p:spPr bwMode="auto">
            <a:xfrm>
              <a:off x="4613275" y="2443163"/>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3"/>
                  </a:cubicBezTo>
                  <a:cubicBezTo>
                    <a:pt x="1" y="400"/>
                    <a:pt x="0" y="379"/>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62" name="Freeform 221">
              <a:extLst>
                <a:ext uri="{FF2B5EF4-FFF2-40B4-BE49-F238E27FC236}">
                  <a16:creationId xmlns:a16="http://schemas.microsoft.com/office/drawing/2014/main" xmlns="" id="{AE5F9DE3-56D3-4951-8C2F-763976701A01}"/>
                </a:ext>
              </a:extLst>
            </p:cNvPr>
            <p:cNvSpPr>
              <a:spLocks/>
            </p:cNvSpPr>
            <p:nvPr/>
          </p:nvSpPr>
          <p:spPr bwMode="auto">
            <a:xfrm>
              <a:off x="4292600" y="2519363"/>
              <a:ext cx="423863" cy="26988"/>
            </a:xfrm>
            <a:custGeom>
              <a:avLst/>
              <a:gdLst>
                <a:gd name="T0" fmla="*/ 2147483647 w 1010"/>
                <a:gd name="T1" fmla="*/ 2147483647 h 66"/>
                <a:gd name="T2" fmla="*/ 2147483647 w 1010"/>
                <a:gd name="T3" fmla="*/ 2147483647 h 66"/>
                <a:gd name="T4" fmla="*/ 2147483647 w 1010"/>
                <a:gd name="T5" fmla="*/ 2147483647 h 66"/>
                <a:gd name="T6" fmla="*/ 0 w 1010"/>
                <a:gd name="T7" fmla="*/ 2147483647 h 66"/>
                <a:gd name="T8" fmla="*/ 2147483647 w 1010"/>
                <a:gd name="T9" fmla="*/ 0 h 66"/>
                <a:gd name="T10" fmla="*/ 2147483647 w 1010"/>
                <a:gd name="T11" fmla="*/ 0 h 66"/>
                <a:gd name="T12" fmla="*/ 2147483647 w 1010"/>
                <a:gd name="T13" fmla="*/ 2147483647 h 66"/>
                <a:gd name="T14" fmla="*/ 2147483647 w 1010"/>
                <a:gd name="T15" fmla="*/ 2147483647 h 66"/>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6"/>
                <a:gd name="T26" fmla="*/ 1010 w 1010"/>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6">
                  <a:moveTo>
                    <a:pt x="977" y="66"/>
                  </a:moveTo>
                  <a:lnTo>
                    <a:pt x="977" y="66"/>
                  </a:lnTo>
                  <a:lnTo>
                    <a:pt x="33" y="66"/>
                  </a:lnTo>
                  <a:cubicBezTo>
                    <a:pt x="15" y="66"/>
                    <a:pt x="0" y="52"/>
                    <a:pt x="0" y="33"/>
                  </a:cubicBezTo>
                  <a:cubicBezTo>
                    <a:pt x="0" y="15"/>
                    <a:pt x="15" y="0"/>
                    <a:pt x="33" y="0"/>
                  </a:cubicBezTo>
                  <a:lnTo>
                    <a:pt x="977" y="0"/>
                  </a:lnTo>
                  <a:cubicBezTo>
                    <a:pt x="995" y="0"/>
                    <a:pt x="1010" y="15"/>
                    <a:pt x="1010" y="33"/>
                  </a:cubicBezTo>
                  <a:cubicBezTo>
                    <a:pt x="1010" y="52"/>
                    <a:pt x="995" y="66"/>
                    <a:pt x="977"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63" name="Freeform 222">
              <a:extLst>
                <a:ext uri="{FF2B5EF4-FFF2-40B4-BE49-F238E27FC236}">
                  <a16:creationId xmlns:a16="http://schemas.microsoft.com/office/drawing/2014/main" xmlns="" id="{C435482A-86DE-4269-BEF5-E1E76D3299EC}"/>
                </a:ext>
              </a:extLst>
            </p:cNvPr>
            <p:cNvSpPr>
              <a:spLocks/>
            </p:cNvSpPr>
            <p:nvPr/>
          </p:nvSpPr>
          <p:spPr bwMode="auto">
            <a:xfrm>
              <a:off x="4291013" y="2581276"/>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211" y="423"/>
                  </a:moveTo>
                  <a:lnTo>
                    <a:pt x="211" y="423"/>
                  </a:lnTo>
                  <a:cubicBezTo>
                    <a:pt x="202" y="423"/>
                    <a:pt x="194" y="420"/>
                    <a:pt x="187" y="413"/>
                  </a:cubicBezTo>
                  <a:lnTo>
                    <a:pt x="13" y="237"/>
                  </a:lnTo>
                  <a:cubicBezTo>
                    <a:pt x="0" y="224"/>
                    <a:pt x="0" y="203"/>
                    <a:pt x="13" y="190"/>
                  </a:cubicBezTo>
                  <a:lnTo>
                    <a:pt x="187" y="13"/>
                  </a:lnTo>
                  <a:cubicBezTo>
                    <a:pt x="200" y="0"/>
                    <a:pt x="221" y="0"/>
                    <a:pt x="234" y="13"/>
                  </a:cubicBezTo>
                  <a:cubicBezTo>
                    <a:pt x="248" y="26"/>
                    <a:pt x="248" y="47"/>
                    <a:pt x="235" y="60"/>
                  </a:cubicBezTo>
                  <a:lnTo>
                    <a:pt x="83" y="213"/>
                  </a:lnTo>
                  <a:lnTo>
                    <a:pt x="235" y="366"/>
                  </a:lnTo>
                  <a:cubicBezTo>
                    <a:pt x="248" y="379"/>
                    <a:pt x="248" y="400"/>
                    <a:pt x="234" y="413"/>
                  </a:cubicBezTo>
                  <a:cubicBezTo>
                    <a:pt x="228" y="420"/>
                    <a:pt x="220" y="423"/>
                    <a:pt x="211"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64" name="Freeform 223">
              <a:extLst>
                <a:ext uri="{FF2B5EF4-FFF2-40B4-BE49-F238E27FC236}">
                  <a16:creationId xmlns:a16="http://schemas.microsoft.com/office/drawing/2014/main" xmlns="" id="{85CFBD3A-563C-4141-A9AC-2E9F6BC3B14F}"/>
                </a:ext>
              </a:extLst>
            </p:cNvPr>
            <p:cNvSpPr>
              <a:spLocks/>
            </p:cNvSpPr>
            <p:nvPr/>
          </p:nvSpPr>
          <p:spPr bwMode="auto">
            <a:xfrm>
              <a:off x="4292600" y="2657476"/>
              <a:ext cx="423863" cy="26988"/>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65" name="Freeform 224">
              <a:extLst>
                <a:ext uri="{FF2B5EF4-FFF2-40B4-BE49-F238E27FC236}">
                  <a16:creationId xmlns:a16="http://schemas.microsoft.com/office/drawing/2014/main" xmlns="" id="{AAB45364-4C5B-4FF7-95D4-17533EF26488}"/>
                </a:ext>
              </a:extLst>
            </p:cNvPr>
            <p:cNvSpPr>
              <a:spLocks/>
            </p:cNvSpPr>
            <p:nvPr/>
          </p:nvSpPr>
          <p:spPr bwMode="auto">
            <a:xfrm>
              <a:off x="4189413"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1" y="1503"/>
                  </a:lnTo>
                  <a:lnTo>
                    <a:pt x="1211" y="1437"/>
                  </a:lnTo>
                  <a:lnTo>
                    <a:pt x="1385" y="1437"/>
                  </a:lnTo>
                  <a:cubicBezTo>
                    <a:pt x="1413" y="1437"/>
                    <a:pt x="1436" y="1414"/>
                    <a:pt x="1436" y="1385"/>
                  </a:cubicBezTo>
                  <a:lnTo>
                    <a:pt x="1436" y="118"/>
                  </a:lnTo>
                  <a:cubicBezTo>
                    <a:pt x="1436" y="90"/>
                    <a:pt x="1413" y="67"/>
                    <a:pt x="1385" y="67"/>
                  </a:cubicBezTo>
                  <a:lnTo>
                    <a:pt x="117" y="67"/>
                  </a:lnTo>
                  <a:cubicBezTo>
                    <a:pt x="89" y="67"/>
                    <a:pt x="66" y="90"/>
                    <a:pt x="66" y="118"/>
                  </a:cubicBezTo>
                  <a:lnTo>
                    <a:pt x="66" y="1385"/>
                  </a:lnTo>
                  <a:cubicBezTo>
                    <a:pt x="66" y="1414"/>
                    <a:pt x="89" y="1437"/>
                    <a:pt x="117" y="1437"/>
                  </a:cubicBezTo>
                  <a:lnTo>
                    <a:pt x="1045" y="1437"/>
                  </a:lnTo>
                  <a:lnTo>
                    <a:pt x="1045" y="1503"/>
                  </a:lnTo>
                  <a:lnTo>
                    <a:pt x="117" y="1503"/>
                  </a:lnTo>
                  <a:cubicBezTo>
                    <a:pt x="52" y="1503"/>
                    <a:pt x="0" y="1450"/>
                    <a:pt x="0" y="1385"/>
                  </a:cubicBezTo>
                  <a:lnTo>
                    <a:pt x="0" y="118"/>
                  </a:lnTo>
                  <a:cubicBezTo>
                    <a:pt x="0" y="53"/>
                    <a:pt x="52" y="0"/>
                    <a:pt x="117"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66" name="Freeform 225">
              <a:extLst>
                <a:ext uri="{FF2B5EF4-FFF2-40B4-BE49-F238E27FC236}">
                  <a16:creationId xmlns:a16="http://schemas.microsoft.com/office/drawing/2014/main" xmlns="" id="{5C6EF05B-9AF8-46D7-A62C-A60FCE9231C5}"/>
                </a:ext>
              </a:extLst>
            </p:cNvPr>
            <p:cNvSpPr>
              <a:spLocks/>
            </p:cNvSpPr>
            <p:nvPr/>
          </p:nvSpPr>
          <p:spPr bwMode="auto">
            <a:xfrm>
              <a:off x="4592638" y="2938463"/>
              <a:ext cx="57150"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sp>
          <p:nvSpPr>
            <p:cNvPr id="67" name="Freeform 226">
              <a:extLst>
                <a:ext uri="{FF2B5EF4-FFF2-40B4-BE49-F238E27FC236}">
                  <a16:creationId xmlns:a16="http://schemas.microsoft.com/office/drawing/2014/main" xmlns="" id="{AD4B13D6-9195-41E0-AF1F-A9FDD4D883CA}"/>
                </a:ext>
              </a:extLst>
            </p:cNvPr>
            <p:cNvSpPr>
              <a:spLocks/>
            </p:cNvSpPr>
            <p:nvPr/>
          </p:nvSpPr>
          <p:spPr bwMode="auto">
            <a:xfrm>
              <a:off x="4681538" y="2938463"/>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600" dirty="0">
                <a:cs typeface="+mn-ea"/>
                <a:sym typeface="Huawei Sans Light" panose="020C0303030203020204" pitchFamily="34" charset="0"/>
              </a:endParaRPr>
            </a:p>
          </p:txBody>
        </p:sp>
      </p:grpSp>
      <p:cxnSp>
        <p:nvCxnSpPr>
          <p:cNvPr id="121" name="直接箭头连接符 120">
            <a:extLst>
              <a:ext uri="{FF2B5EF4-FFF2-40B4-BE49-F238E27FC236}">
                <a16:creationId xmlns:a16="http://schemas.microsoft.com/office/drawing/2014/main" xmlns="" id="{D2286C73-224E-48D5-9F13-6BC3C060E121}"/>
              </a:ext>
            </a:extLst>
          </p:cNvPr>
          <p:cNvCxnSpPr>
            <a:cxnSpLocks/>
          </p:cNvCxnSpPr>
          <p:nvPr/>
        </p:nvCxnSpPr>
        <p:spPr>
          <a:xfrm>
            <a:off x="3198636" y="3205007"/>
            <a:ext cx="0" cy="712144"/>
          </a:xfrm>
          <a:prstGeom prst="straightConnector1">
            <a:avLst/>
          </a:prstGeom>
          <a:ln w="19050">
            <a:prstDash val="solid"/>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22" name="直接箭头连接符 121">
            <a:extLst>
              <a:ext uri="{FF2B5EF4-FFF2-40B4-BE49-F238E27FC236}">
                <a16:creationId xmlns:a16="http://schemas.microsoft.com/office/drawing/2014/main" xmlns="" id="{231ABB1E-7E34-432C-967E-2BE669C5F9BB}"/>
              </a:ext>
            </a:extLst>
          </p:cNvPr>
          <p:cNvCxnSpPr>
            <a:cxnSpLocks/>
          </p:cNvCxnSpPr>
          <p:nvPr/>
        </p:nvCxnSpPr>
        <p:spPr>
          <a:xfrm>
            <a:off x="2513810" y="3205007"/>
            <a:ext cx="0" cy="712144"/>
          </a:xfrm>
          <a:prstGeom prst="straightConnector1">
            <a:avLst/>
          </a:prstGeom>
          <a:ln w="19050">
            <a:prstDash val="solid"/>
            <a:headEnd type="triangle"/>
            <a:tailEnd type="none"/>
          </a:ln>
        </p:spPr>
        <p:style>
          <a:lnRef idx="1">
            <a:schemeClr val="accent1"/>
          </a:lnRef>
          <a:fillRef idx="0">
            <a:schemeClr val="accent1"/>
          </a:fillRef>
          <a:effectRef idx="0">
            <a:schemeClr val="accent1"/>
          </a:effectRef>
          <a:fontRef idx="minor">
            <a:schemeClr val="tx1"/>
          </a:fontRef>
        </p:style>
      </p:cxnSp>
      <p:cxnSp>
        <p:nvCxnSpPr>
          <p:cNvPr id="125" name="直接箭头连接符 124">
            <a:extLst>
              <a:ext uri="{FF2B5EF4-FFF2-40B4-BE49-F238E27FC236}">
                <a16:creationId xmlns:a16="http://schemas.microsoft.com/office/drawing/2014/main" xmlns="" id="{5490064D-3533-4AE8-80C7-EB3E4D3036E3}"/>
              </a:ext>
            </a:extLst>
          </p:cNvPr>
          <p:cNvCxnSpPr>
            <a:cxnSpLocks/>
          </p:cNvCxnSpPr>
          <p:nvPr/>
        </p:nvCxnSpPr>
        <p:spPr>
          <a:xfrm>
            <a:off x="3884956" y="3146352"/>
            <a:ext cx="0" cy="770799"/>
          </a:xfrm>
          <a:prstGeom prst="straightConnector1">
            <a:avLst/>
          </a:prstGeom>
          <a:ln w="19050">
            <a:prstDash val="solid"/>
            <a:headEnd type="none"/>
            <a:tailEnd type="triangle"/>
          </a:ln>
        </p:spPr>
        <p:style>
          <a:lnRef idx="1">
            <a:schemeClr val="accent1"/>
          </a:lnRef>
          <a:fillRef idx="0">
            <a:schemeClr val="accent1"/>
          </a:fillRef>
          <a:effectRef idx="0">
            <a:schemeClr val="accent1"/>
          </a:effectRef>
          <a:fontRef idx="minor">
            <a:schemeClr val="tx1"/>
          </a:fontRef>
        </p:style>
      </p:cxnSp>
      <p:pic>
        <p:nvPicPr>
          <p:cNvPr id="133" name="图片 132">
            <a:extLst>
              <a:ext uri="{FF2B5EF4-FFF2-40B4-BE49-F238E27FC236}">
                <a16:creationId xmlns:a16="http://schemas.microsoft.com/office/drawing/2014/main" xmlns="" id="{4E15E5F3-3D36-4EB6-8B35-D28DDEEBE6E2}"/>
              </a:ext>
            </a:extLst>
          </p:cNvPr>
          <p:cNvPicPr>
            <a:picLocks noChangeAspect="1"/>
          </p:cNvPicPr>
          <p:nvPr/>
        </p:nvPicPr>
        <p:blipFill>
          <a:blip r:embed="rId3"/>
          <a:stretch>
            <a:fillRect/>
          </a:stretch>
        </p:blipFill>
        <p:spPr>
          <a:xfrm>
            <a:off x="2166093" y="2533645"/>
            <a:ext cx="2029193" cy="525203"/>
          </a:xfrm>
          <a:prstGeom prst="rect">
            <a:avLst/>
          </a:prstGeom>
        </p:spPr>
      </p:pic>
      <p:sp>
        <p:nvSpPr>
          <p:cNvPr id="144" name="Oval 4">
            <a:extLst>
              <a:ext uri="{FF2B5EF4-FFF2-40B4-BE49-F238E27FC236}">
                <a16:creationId xmlns:a16="http://schemas.microsoft.com/office/drawing/2014/main" xmlns="" id="{F3711EE7-1FAE-493B-8BB8-0952EF70822D}"/>
              </a:ext>
            </a:extLst>
          </p:cNvPr>
          <p:cNvSpPr>
            <a:spLocks noChangeAspect="1"/>
          </p:cNvSpPr>
          <p:nvPr/>
        </p:nvSpPr>
        <p:spPr>
          <a:xfrm>
            <a:off x="2564006" y="2057656"/>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文本框 144">
            <a:extLst>
              <a:ext uri="{FF2B5EF4-FFF2-40B4-BE49-F238E27FC236}">
                <a16:creationId xmlns:a16="http://schemas.microsoft.com/office/drawing/2014/main" xmlns="" id="{8A0F2263-77B8-4E39-9AE4-0C607BC74C67}"/>
              </a:ext>
            </a:extLst>
          </p:cNvPr>
          <p:cNvSpPr txBox="1"/>
          <p:nvPr/>
        </p:nvSpPr>
        <p:spPr>
          <a:xfrm>
            <a:off x="6054196" y="1490373"/>
            <a:ext cx="5596987" cy="3632468"/>
          </a:xfrm>
          <a:prstGeom prst="rect">
            <a:avLst/>
          </a:prstGeom>
        </p:spPr>
        <p:txBody>
          <a:bodyPr/>
          <a:lstStyle>
            <a:defPPr>
              <a:defRPr lang="en-US"/>
            </a:defPPr>
            <a:lvl1pPr marL="302279" indent="-302279" defTabSz="914034">
              <a:lnSpc>
                <a:spcPct val="140000"/>
              </a:lnSpc>
              <a:spcBef>
                <a:spcPts val="792"/>
              </a:spcBef>
              <a:buFont typeface="Arial" panose="020B0604020202020204" pitchFamily="34" charset="0"/>
              <a:buChar char="•"/>
            </a:lvl1pPr>
            <a:lvl2pPr marL="654938" indent="-251899" defTabSz="914034">
              <a:lnSpc>
                <a:spcPct val="140000"/>
              </a:lnSpc>
              <a:spcBef>
                <a:spcPts val="720"/>
              </a:spcBef>
              <a:buClrTx/>
              <a:buFont typeface="Huawei Sans" panose="020C0503030203020204" pitchFamily="34" charset="0"/>
              <a:buChar char="▫"/>
              <a:defRPr sz="1999"/>
            </a:lvl2pPr>
            <a:lvl3pPr marL="1003998" indent="-201519" defTabSz="914034">
              <a:lnSpc>
                <a:spcPct val="140000"/>
              </a:lnSpc>
              <a:spcBef>
                <a:spcPts val="648"/>
              </a:spcBef>
              <a:buClrTx/>
              <a:buFont typeface="微软雅黑" panose="020B0503020204020204" pitchFamily="34" charset="-122"/>
              <a:buChar char="▪"/>
              <a:defRPr sz="1799"/>
            </a:lvl3pPr>
            <a:lvl4pPr marL="1399840" indent="-197921" defTabSz="914034">
              <a:lnSpc>
                <a:spcPct val="140000"/>
              </a:lnSpc>
              <a:spcBef>
                <a:spcPts val="576"/>
              </a:spcBef>
              <a:buFont typeface="Huawei Sans" panose="020C0503030203020204" pitchFamily="34" charset="0"/>
              <a:buChar char="−"/>
              <a:defRPr sz="1599"/>
            </a:lvl4pPr>
            <a:lvl5pPr marL="1802879" indent="-201519" defTabSz="914034">
              <a:lnSpc>
                <a:spcPct val="140000"/>
              </a:lnSpc>
              <a:spcBef>
                <a:spcPts val="576"/>
              </a:spcBef>
              <a:buFont typeface="Huawei Sans" panose="020C0503030203020204" pitchFamily="34" charset="0"/>
              <a:buChar char="~"/>
              <a:defRPr sz="1399"/>
            </a:lvl5pPr>
            <a:lvl6pPr marL="2513594" indent="-228509" defTabSz="914034">
              <a:lnSpc>
                <a:spcPct val="90000"/>
              </a:lnSpc>
              <a:spcBef>
                <a:spcPts val="500"/>
              </a:spcBef>
              <a:buFont typeface="Arial" panose="020B0604020202020204" pitchFamily="34" charset="0"/>
              <a:buChar char="•"/>
              <a:defRPr sz="1799"/>
            </a:lvl6pPr>
            <a:lvl7pPr marL="2970611" indent="-228509" defTabSz="914034">
              <a:lnSpc>
                <a:spcPct val="90000"/>
              </a:lnSpc>
              <a:spcBef>
                <a:spcPts val="500"/>
              </a:spcBef>
              <a:buFont typeface="Arial" panose="020B0604020202020204" pitchFamily="34" charset="0"/>
              <a:buChar char="•"/>
              <a:defRPr sz="1799"/>
            </a:lvl7pPr>
            <a:lvl8pPr marL="3427628" indent="-228509" defTabSz="914034">
              <a:lnSpc>
                <a:spcPct val="90000"/>
              </a:lnSpc>
              <a:spcBef>
                <a:spcPts val="500"/>
              </a:spcBef>
              <a:buFont typeface="Arial" panose="020B0604020202020204" pitchFamily="34" charset="0"/>
              <a:buChar char="•"/>
              <a:defRPr sz="1799"/>
            </a:lvl8pPr>
            <a:lvl9pPr marL="3884646" indent="-228509" defTabSz="914034">
              <a:lnSpc>
                <a:spcPct val="90000"/>
              </a:lnSpc>
              <a:spcBef>
                <a:spcPts val="500"/>
              </a:spcBef>
              <a:buFont typeface="Arial" panose="020B0604020202020204" pitchFamily="34" charset="0"/>
              <a:buChar char="•"/>
              <a:defRPr sz="1799"/>
            </a:lvl9pPr>
          </a:lstStyle>
          <a:p>
            <a:pPr marL="0" indent="0">
              <a:buNone/>
            </a:pPr>
            <a:r>
              <a:rPr lang="en-US" altLang="zh-CN"/>
              <a:t>ZTP</a:t>
            </a:r>
            <a:r>
              <a:rPr lang="zh-CN" altLang="en-US"/>
              <a:t>部署流程：</a:t>
            </a:r>
            <a:endParaRPr lang="en-US" altLang="zh-CN"/>
          </a:p>
          <a:p>
            <a:pPr marL="352659" lvl="1" indent="0">
              <a:buNone/>
            </a:pPr>
            <a:r>
              <a:rPr lang="en-US" altLang="zh-CN" sz="1800"/>
              <a:t>1. </a:t>
            </a:r>
            <a:r>
              <a:rPr lang="zh-CN" altLang="en-US" sz="1800"/>
              <a:t>网络管理员点击启动</a:t>
            </a:r>
            <a:r>
              <a:rPr lang="en-US" altLang="zh-CN" sz="1800"/>
              <a:t>ZTP</a:t>
            </a:r>
            <a:r>
              <a:rPr lang="zh-CN" altLang="en-US" sz="1800"/>
              <a:t>任务。</a:t>
            </a:r>
            <a:endParaRPr lang="en-US" altLang="zh-CN" sz="1800"/>
          </a:p>
          <a:p>
            <a:pPr marL="352659" lvl="1" indent="0">
              <a:buNone/>
            </a:pPr>
            <a:r>
              <a:rPr lang="en-US" altLang="zh-CN" sz="1800"/>
              <a:t>2. </a:t>
            </a:r>
            <a:r>
              <a:rPr lang="zh-CN" altLang="en-US" sz="1800"/>
              <a:t>设备自动获取</a:t>
            </a:r>
            <a:r>
              <a:rPr lang="en-US" altLang="zh-CN" sz="1800"/>
              <a:t>IP</a:t>
            </a:r>
            <a:r>
              <a:rPr lang="zh-CN" altLang="en-US" sz="1800"/>
              <a:t>地址访问控制器。</a:t>
            </a:r>
            <a:endParaRPr lang="en-US" altLang="zh-CN" sz="1800"/>
          </a:p>
          <a:p>
            <a:pPr marL="352659" lvl="1" indent="0">
              <a:buNone/>
            </a:pPr>
            <a:r>
              <a:rPr lang="en-US" altLang="zh-CN" sz="1800"/>
              <a:t>3. </a:t>
            </a:r>
            <a:r>
              <a:rPr lang="zh-CN" altLang="en-US" sz="1800"/>
              <a:t>控制器判断设备角色（</a:t>
            </a:r>
            <a:r>
              <a:rPr lang="en-US" altLang="zh-CN" sz="1800"/>
              <a:t>Spine or Leaf</a:t>
            </a:r>
            <a:r>
              <a:rPr lang="zh-CN" altLang="en-US" sz="1800"/>
              <a:t>），对上线设备下发管理</a:t>
            </a:r>
            <a:r>
              <a:rPr lang="en-US" altLang="zh-CN" sz="1800"/>
              <a:t>IP</a:t>
            </a:r>
            <a:r>
              <a:rPr lang="zh-CN" altLang="en-US" sz="1800"/>
              <a:t>、</a:t>
            </a:r>
            <a:r>
              <a:rPr lang="en-US" altLang="zh-CN" sz="1800"/>
              <a:t>SNMP</a:t>
            </a:r>
            <a:r>
              <a:rPr lang="zh-CN" altLang="en-US" sz="1800"/>
              <a:t>、</a:t>
            </a:r>
            <a:r>
              <a:rPr lang="en-US" altLang="zh-CN" sz="1800"/>
              <a:t>NETCONF</a:t>
            </a:r>
            <a:r>
              <a:rPr lang="zh-CN" altLang="en-US" sz="1800"/>
              <a:t>等配置，并通过管理</a:t>
            </a:r>
            <a:r>
              <a:rPr lang="en-US" altLang="zh-CN" sz="1800"/>
              <a:t>IP</a:t>
            </a:r>
            <a:r>
              <a:rPr lang="zh-CN" altLang="en-US" sz="1800"/>
              <a:t>纳管设备。</a:t>
            </a:r>
            <a:endParaRPr lang="en-US" altLang="zh-CN" sz="1800"/>
          </a:p>
          <a:p>
            <a:pPr marL="352659" lvl="1" indent="0">
              <a:buNone/>
            </a:pPr>
            <a:r>
              <a:rPr lang="en-US" altLang="zh-CN" sz="1800"/>
              <a:t>4. </a:t>
            </a:r>
            <a:r>
              <a:rPr lang="zh-CN" altLang="en-US" sz="1800"/>
              <a:t>控制器全局下发互联配置及</a:t>
            </a:r>
            <a:r>
              <a:rPr lang="en-US" altLang="zh-CN" sz="1800"/>
              <a:t>OSPF</a:t>
            </a:r>
            <a:r>
              <a:rPr lang="zh-CN" altLang="en-US" sz="1800"/>
              <a:t>、</a:t>
            </a:r>
            <a:r>
              <a:rPr lang="en-US" altLang="zh-CN" sz="1800"/>
              <a:t>BGP</a:t>
            </a:r>
            <a:r>
              <a:rPr lang="zh-CN" altLang="en-US" sz="1800"/>
              <a:t>等配置。</a:t>
            </a:r>
            <a:endParaRPr lang="en-US" altLang="zh-CN" sz="1800"/>
          </a:p>
          <a:p>
            <a:pPr marL="352659" lvl="1" indent="0">
              <a:buNone/>
            </a:pPr>
            <a:r>
              <a:rPr lang="en-US" altLang="zh-CN" sz="1800"/>
              <a:t>5. </a:t>
            </a:r>
            <a:r>
              <a:rPr lang="zh-CN" altLang="en-US" sz="1800"/>
              <a:t>设备上线成功，管理员</a:t>
            </a:r>
            <a:r>
              <a:rPr lang="en-US" altLang="zh-CN" sz="1800"/>
              <a:t>NCE</a:t>
            </a:r>
            <a:r>
              <a:rPr lang="zh-CN" altLang="en-US" sz="1800"/>
              <a:t>查看全网信息。</a:t>
            </a:r>
            <a:endParaRPr lang="zh-CN" altLang="en-US" sz="1800" dirty="0"/>
          </a:p>
        </p:txBody>
      </p:sp>
      <p:sp>
        <p:nvSpPr>
          <p:cNvPr id="146" name="Oval 4">
            <a:extLst>
              <a:ext uri="{FF2B5EF4-FFF2-40B4-BE49-F238E27FC236}">
                <a16:creationId xmlns:a16="http://schemas.microsoft.com/office/drawing/2014/main" xmlns="" id="{BEFE4F51-93D5-4C5C-8032-A0F3EC09AB64}"/>
              </a:ext>
            </a:extLst>
          </p:cNvPr>
          <p:cNvSpPr>
            <a:spLocks noChangeAspect="1"/>
          </p:cNvSpPr>
          <p:nvPr/>
        </p:nvSpPr>
        <p:spPr>
          <a:xfrm>
            <a:off x="2045397" y="346385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Oval 4">
            <a:extLst>
              <a:ext uri="{FF2B5EF4-FFF2-40B4-BE49-F238E27FC236}">
                <a16:creationId xmlns:a16="http://schemas.microsoft.com/office/drawing/2014/main" xmlns="" id="{CB9F1299-AA67-4BEA-9015-03BE3333BD09}"/>
              </a:ext>
            </a:extLst>
          </p:cNvPr>
          <p:cNvSpPr>
            <a:spLocks noChangeAspect="1"/>
          </p:cNvSpPr>
          <p:nvPr/>
        </p:nvSpPr>
        <p:spPr>
          <a:xfrm>
            <a:off x="2730223" y="346385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Oval 4">
            <a:extLst>
              <a:ext uri="{FF2B5EF4-FFF2-40B4-BE49-F238E27FC236}">
                <a16:creationId xmlns:a16="http://schemas.microsoft.com/office/drawing/2014/main" xmlns="" id="{648368A4-34FD-426F-BD88-DA05EDC7F635}"/>
              </a:ext>
            </a:extLst>
          </p:cNvPr>
          <p:cNvSpPr>
            <a:spLocks noChangeAspect="1"/>
          </p:cNvSpPr>
          <p:nvPr/>
        </p:nvSpPr>
        <p:spPr>
          <a:xfrm>
            <a:off x="3416543" y="346385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Oval 4">
            <a:extLst>
              <a:ext uri="{FF2B5EF4-FFF2-40B4-BE49-F238E27FC236}">
                <a16:creationId xmlns:a16="http://schemas.microsoft.com/office/drawing/2014/main" xmlns="" id="{D389411A-2359-4E3C-A088-B835575AEDA7}"/>
              </a:ext>
            </a:extLst>
          </p:cNvPr>
          <p:cNvSpPr>
            <a:spLocks noChangeAspect="1"/>
          </p:cNvSpPr>
          <p:nvPr/>
        </p:nvSpPr>
        <p:spPr>
          <a:xfrm>
            <a:off x="4436302" y="2698201"/>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5</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文本框 159">
            <a:extLst>
              <a:ext uri="{FF2B5EF4-FFF2-40B4-BE49-F238E27FC236}">
                <a16:creationId xmlns:a16="http://schemas.microsoft.com/office/drawing/2014/main" xmlns="" id="{1552CD0D-5864-435D-BE4B-477CB082211C}"/>
              </a:ext>
            </a:extLst>
          </p:cNvPr>
          <p:cNvSpPr txBox="1"/>
          <p:nvPr/>
        </p:nvSpPr>
        <p:spPr>
          <a:xfrm>
            <a:off x="7992794" y="5783793"/>
            <a:ext cx="3429144" cy="338554"/>
          </a:xfrm>
          <a:prstGeom prst="rect">
            <a:avLst/>
          </a:prstGeom>
          <a:noFill/>
        </p:spPr>
        <p:txBody>
          <a:bodyPr wrap="none" rtlCol="0">
            <a:spAutoFit/>
          </a:bodyPr>
          <a:lstStyle/>
          <a:p>
            <a:r>
              <a:rPr lang="zh-CN" altLang="en-US" sz="1600"/>
              <a:t>注：</a:t>
            </a:r>
            <a:r>
              <a:rPr lang="en-US" altLang="zh-CN" sz="1600"/>
              <a:t>Spine-Leaf</a:t>
            </a:r>
            <a:r>
              <a:rPr lang="zh-CN" altLang="en-US" sz="1600"/>
              <a:t>是数据中心网络架构</a:t>
            </a:r>
            <a:endParaRPr lang="en-US" altLang="zh-CN" sz="1600"/>
          </a:p>
        </p:txBody>
      </p:sp>
      <p:sp>
        <p:nvSpPr>
          <p:cNvPr id="161" name="文本框 160">
            <a:extLst>
              <a:ext uri="{FF2B5EF4-FFF2-40B4-BE49-F238E27FC236}">
                <a16:creationId xmlns:a16="http://schemas.microsoft.com/office/drawing/2014/main" xmlns="" id="{BB501CBB-3788-4627-BA3B-70D779347656}"/>
              </a:ext>
            </a:extLst>
          </p:cNvPr>
          <p:cNvSpPr txBox="1"/>
          <p:nvPr/>
        </p:nvSpPr>
        <p:spPr>
          <a:xfrm>
            <a:off x="2866471" y="4699234"/>
            <a:ext cx="869149" cy="338554"/>
          </a:xfrm>
          <a:prstGeom prst="rect">
            <a:avLst/>
          </a:prstGeom>
          <a:noFill/>
        </p:spPr>
        <p:txBody>
          <a:bodyPr wrap="none" rtlCol="0">
            <a:spAutoFit/>
          </a:bodyPr>
          <a:lstStyle>
            <a:defPPr>
              <a:defRPr lang="zh-CN"/>
            </a:defPPr>
            <a:lvl1pPr>
              <a:defRPr sz="600" u="sng">
                <a:solidFill>
                  <a:srgbClr val="0070C0"/>
                </a:solidFill>
                <a:latin typeface="Arial Black" panose="020B0A04020102020204" pitchFamily="34" charset="0"/>
              </a:defRPr>
            </a:lvl1pPr>
          </a:lstStyle>
          <a:p>
            <a:pPr defTabSz="914400" fontAlgn="base">
              <a:spcBef>
                <a:spcPct val="0"/>
              </a:spcBef>
              <a:spcAft>
                <a:spcPct val="0"/>
              </a:spcAft>
            </a:pPr>
            <a:r>
              <a:rPr lang="en-US" altLang="zh-CN" sz="1600" b="1" u="none">
                <a:solidFill>
                  <a:srgbClr val="474747"/>
                </a:solidFill>
                <a:latin typeface="+mn-lt"/>
                <a:cs typeface="+mn-ea"/>
                <a:sym typeface="Huawei Sans Light" panose="020C0303030203020204" pitchFamily="34" charset="0"/>
              </a:rPr>
              <a:t>VXLAN</a:t>
            </a:r>
            <a:endParaRPr lang="zh-CN" altLang="en-US" sz="1600" b="1" u="none" dirty="0">
              <a:solidFill>
                <a:srgbClr val="474747"/>
              </a:solidFill>
              <a:latin typeface="+mn-lt"/>
              <a:cs typeface="+mn-ea"/>
              <a:sym typeface="Huawei Sans Light" panose="020C0303030203020204" pitchFamily="34" charset="0"/>
            </a:endParaRPr>
          </a:p>
        </p:txBody>
      </p:sp>
      <p:sp>
        <p:nvSpPr>
          <p:cNvPr id="119" name="燕尾形 25">
            <a:extLst>
              <a:ext uri="{FF2B5EF4-FFF2-40B4-BE49-F238E27FC236}">
                <a16:creationId xmlns:a16="http://schemas.microsoft.com/office/drawing/2014/main" xmlns="" id="{40C1ABC4-E3E2-4422-A6FF-3B3764D75A75}"/>
              </a:ext>
            </a:extLst>
          </p:cNvPr>
          <p:cNvSpPr/>
          <p:nvPr/>
        </p:nvSpPr>
        <p:spPr bwMode="auto">
          <a:xfrm>
            <a:off x="10187647"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数据中心</a:t>
            </a:r>
            <a:endParaRPr lang="en-US" altLang="zh-CN" sz="1200" b="1" kern="0">
              <a:solidFill>
                <a:srgbClr val="FFFFFF"/>
              </a:solidFill>
            </a:endParaRPr>
          </a:p>
        </p:txBody>
      </p:sp>
      <p:sp>
        <p:nvSpPr>
          <p:cNvPr id="120" name="燕尾形 26">
            <a:extLst>
              <a:ext uri="{FF2B5EF4-FFF2-40B4-BE49-F238E27FC236}">
                <a16:creationId xmlns:a16="http://schemas.microsoft.com/office/drawing/2014/main" xmlns="" id="{1DCB73DF-83FC-4DB2-8C01-38F43D258A41}"/>
              </a:ext>
            </a:extLst>
          </p:cNvPr>
          <p:cNvSpPr/>
          <p:nvPr/>
        </p:nvSpPr>
        <p:spPr bwMode="auto">
          <a:xfrm>
            <a:off x="10996392"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企业园区</a:t>
            </a:r>
            <a:endParaRPr lang="en-US" altLang="zh-CN" sz="1200" kern="0"/>
          </a:p>
        </p:txBody>
      </p:sp>
    </p:spTree>
    <p:extLst>
      <p:ext uri="{BB962C8B-B14F-4D97-AF65-F5344CB8AC3E}">
        <p14:creationId xmlns:p14="http://schemas.microsoft.com/office/powerpoint/2010/main" val="329324493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圆角矩形 8">
            <a:extLst>
              <a:ext uri="{FF2B5EF4-FFF2-40B4-BE49-F238E27FC236}">
                <a16:creationId xmlns:a16="http://schemas.microsoft.com/office/drawing/2014/main" xmlns="" id="{5306ED12-F539-41C1-AB5B-271782E7738C}"/>
              </a:ext>
            </a:extLst>
          </p:cNvPr>
          <p:cNvSpPr/>
          <p:nvPr/>
        </p:nvSpPr>
        <p:spPr>
          <a:xfrm>
            <a:off x="1240266" y="2938184"/>
            <a:ext cx="9684779" cy="2793492"/>
          </a:xfrm>
          <a:prstGeom prst="roundRect">
            <a:avLst>
              <a:gd name="adj" fmla="val 4211"/>
            </a:avLst>
          </a:prstGeom>
          <a:noFill/>
          <a:ln w="38100" cap="flat" cmpd="sng" algn="ctr">
            <a:solidFill>
              <a:srgbClr val="EC7061"/>
            </a:solidFill>
            <a:prstDash val="solid"/>
          </a:ln>
          <a:effectLst/>
        </p:spPr>
        <p:txBody>
          <a:bodyPr wrap="square" rtlCol="0" anchor="ctr">
            <a:noAutofit/>
          </a:bodyPr>
          <a:lstStyle/>
          <a:p>
            <a:endParaRPr lang="zh-CN" altLang="en-US" dirty="0">
              <a:sym typeface="Arial" panose="020B0604020202020204" pitchFamily="34" charset="0"/>
            </a:endParaRPr>
          </a:p>
        </p:txBody>
      </p:sp>
      <p:sp>
        <p:nvSpPr>
          <p:cNvPr id="2" name="标题 1">
            <a:extLst>
              <a:ext uri="{FF2B5EF4-FFF2-40B4-BE49-F238E27FC236}">
                <a16:creationId xmlns:a16="http://schemas.microsoft.com/office/drawing/2014/main" xmlns="" id="{23F8558D-34AF-4C64-A391-D2B8F82E2709}"/>
              </a:ext>
            </a:extLst>
          </p:cNvPr>
          <p:cNvSpPr>
            <a:spLocks noGrp="1"/>
          </p:cNvSpPr>
          <p:nvPr>
            <p:ph type="title"/>
          </p:nvPr>
        </p:nvSpPr>
        <p:spPr/>
        <p:txBody>
          <a:bodyPr/>
          <a:lstStyle/>
          <a:p>
            <a:r>
              <a:rPr lang="zh-CN" altLang="en-US"/>
              <a:t>关键特性：网络意图自理解，业务快速部署</a:t>
            </a:r>
          </a:p>
        </p:txBody>
      </p:sp>
      <p:sp>
        <p:nvSpPr>
          <p:cNvPr id="5" name="圆角矩形">
            <a:extLst>
              <a:ext uri="{FF2B5EF4-FFF2-40B4-BE49-F238E27FC236}">
                <a16:creationId xmlns:a16="http://schemas.microsoft.com/office/drawing/2014/main" xmlns="" id="{3CADF32A-4994-4DF1-BF22-25220596CA4C}"/>
              </a:ext>
            </a:extLst>
          </p:cNvPr>
          <p:cNvSpPr/>
          <p:nvPr/>
        </p:nvSpPr>
        <p:spPr>
          <a:xfrm>
            <a:off x="1453078" y="3733906"/>
            <a:ext cx="3809651" cy="541500"/>
          </a:xfrm>
          <a:prstGeom prst="roundRect">
            <a:avLst>
              <a:gd name="adj" fmla="val 13607"/>
            </a:avLst>
          </a:prstGeom>
          <a:noFill/>
          <a:ln w="19050" cap="flat" cmpd="sng" algn="ctr">
            <a:solidFill>
              <a:schemeClr val="accent5">
                <a:lumMod val="75000"/>
              </a:schemeClr>
            </a:solidFill>
            <a:prstDash val="sysDash"/>
          </a:ln>
          <a:effectLst/>
        </p:spPr>
        <p:txBody>
          <a:bodyPr wrap="none" rIns="45720" rtlCol="0" anchor="ctr"/>
          <a:lstStyle/>
          <a:p>
            <a:pPr algn="r" defTabSz="914400"/>
            <a:endParaRPr sz="1600" b="1" kern="0">
              <a:solidFill>
                <a:srgbClr val="FFFFFF"/>
              </a:solidFill>
              <a:effectLst>
                <a:outerShdw blurRad="38100" dist="38100" dir="2700000" algn="tl">
                  <a:srgbClr val="000000">
                    <a:alpha val="43137"/>
                  </a:srgbClr>
                </a:outerShdw>
              </a:effectLst>
              <a:cs typeface="+mn-ea"/>
              <a:sym typeface="Arial" panose="020B0604020202020204" pitchFamily="34" charset="0"/>
            </a:endParaRPr>
          </a:p>
        </p:txBody>
      </p:sp>
      <p:sp>
        <p:nvSpPr>
          <p:cNvPr id="6" name="圆角矩形 11">
            <a:extLst>
              <a:ext uri="{FF2B5EF4-FFF2-40B4-BE49-F238E27FC236}">
                <a16:creationId xmlns:a16="http://schemas.microsoft.com/office/drawing/2014/main" xmlns="" id="{2B1630BA-4B47-46D0-B8D0-5AB72BC9FD68}"/>
              </a:ext>
            </a:extLst>
          </p:cNvPr>
          <p:cNvSpPr/>
          <p:nvPr/>
        </p:nvSpPr>
        <p:spPr>
          <a:xfrm>
            <a:off x="1834389" y="3845302"/>
            <a:ext cx="1406121" cy="254056"/>
          </a:xfrm>
          <a:prstGeom prst="roundRect">
            <a:avLst>
              <a:gd name="adj" fmla="val 50000"/>
            </a:avLst>
          </a:prstGeom>
          <a:solidFill>
            <a:srgbClr val="FFFFFF"/>
          </a:solidFill>
          <a:ln w="6350" cap="flat" cmpd="sng" algn="ctr">
            <a:solidFill>
              <a:srgbClr val="FFFFFF">
                <a:lumMod val="75000"/>
              </a:srgbClr>
            </a:solidFill>
            <a:prstDash val="solid"/>
          </a:ln>
          <a:effectLst/>
        </p:spPr>
        <p:txBody>
          <a:bodyPr rtlCol="0" anchor="ctr"/>
          <a:lstStyle/>
          <a:p>
            <a:pPr algn="ctr" defTabSz="371127" fontAlgn="base">
              <a:spcBef>
                <a:spcPts val="244"/>
              </a:spcBef>
              <a:spcAft>
                <a:spcPct val="0"/>
              </a:spcAft>
            </a:pPr>
            <a:r>
              <a:rPr lang="zh-CN" altLang="en-US" sz="1600" dirty="0">
                <a:solidFill>
                  <a:srgbClr val="EC7061"/>
                </a:solidFill>
                <a:sym typeface="Arial" panose="020B0604020202020204" pitchFamily="34" charset="0"/>
              </a:rPr>
              <a:t>意图转换</a:t>
            </a:r>
            <a:endParaRPr lang="en-US" altLang="zh-CN" sz="1600" dirty="0">
              <a:solidFill>
                <a:srgbClr val="EC7061"/>
              </a:solidFill>
              <a:sym typeface="Arial" panose="020B0604020202020204" pitchFamily="34" charset="0"/>
            </a:endParaRPr>
          </a:p>
        </p:txBody>
      </p:sp>
      <p:sp>
        <p:nvSpPr>
          <p:cNvPr id="7" name="圆角矩形">
            <a:extLst>
              <a:ext uri="{FF2B5EF4-FFF2-40B4-BE49-F238E27FC236}">
                <a16:creationId xmlns:a16="http://schemas.microsoft.com/office/drawing/2014/main" xmlns="" id="{E52C249A-2297-4C8A-BCA7-C685803E019A}"/>
              </a:ext>
            </a:extLst>
          </p:cNvPr>
          <p:cNvSpPr/>
          <p:nvPr/>
        </p:nvSpPr>
        <p:spPr>
          <a:xfrm>
            <a:off x="5631834" y="3735803"/>
            <a:ext cx="2219973" cy="547165"/>
          </a:xfrm>
          <a:prstGeom prst="roundRect">
            <a:avLst>
              <a:gd name="adj" fmla="val 17892"/>
            </a:avLst>
          </a:prstGeom>
          <a:noFill/>
          <a:ln w="19050" cap="flat" cmpd="sng" algn="ctr">
            <a:solidFill>
              <a:schemeClr val="accent5">
                <a:lumMod val="75000"/>
              </a:schemeClr>
            </a:solidFill>
            <a:prstDash val="sysDash"/>
          </a:ln>
          <a:effectLst/>
        </p:spPr>
        <p:txBody>
          <a:bodyPr wrap="none" rIns="45720" rtlCol="0" anchor="ctr"/>
          <a:lstStyle/>
          <a:p>
            <a:pPr algn="r" defTabSz="914400"/>
            <a:endParaRPr sz="1600" b="1" kern="0">
              <a:solidFill>
                <a:srgbClr val="FFFFFF"/>
              </a:solidFill>
              <a:effectLst>
                <a:outerShdw blurRad="38100" dist="38100" dir="2700000" algn="tl">
                  <a:srgbClr val="000000">
                    <a:alpha val="43137"/>
                  </a:srgbClr>
                </a:outerShdw>
              </a:effectLst>
              <a:cs typeface="+mn-ea"/>
              <a:sym typeface="Arial" panose="020B0604020202020204" pitchFamily="34" charset="0"/>
            </a:endParaRPr>
          </a:p>
        </p:txBody>
      </p:sp>
      <p:sp>
        <p:nvSpPr>
          <p:cNvPr id="8" name="圆角矩形 14">
            <a:extLst>
              <a:ext uri="{FF2B5EF4-FFF2-40B4-BE49-F238E27FC236}">
                <a16:creationId xmlns:a16="http://schemas.microsoft.com/office/drawing/2014/main" xmlns="" id="{F01BF206-D566-4481-9A86-FE7FA5173579}"/>
              </a:ext>
            </a:extLst>
          </p:cNvPr>
          <p:cNvSpPr/>
          <p:nvPr/>
        </p:nvSpPr>
        <p:spPr>
          <a:xfrm>
            <a:off x="5957359" y="3847628"/>
            <a:ext cx="1785504" cy="254056"/>
          </a:xfrm>
          <a:prstGeom prst="roundRect">
            <a:avLst>
              <a:gd name="adj" fmla="val 50000"/>
            </a:avLst>
          </a:prstGeom>
          <a:solidFill>
            <a:srgbClr val="FFFFFF"/>
          </a:solidFill>
          <a:ln w="6350" cap="flat" cmpd="sng" algn="ctr">
            <a:solidFill>
              <a:srgbClr val="FFFFFF">
                <a:lumMod val="75000"/>
              </a:srgbClr>
            </a:solidFill>
            <a:prstDash val="solid"/>
          </a:ln>
          <a:effectLst/>
        </p:spPr>
        <p:txBody>
          <a:bodyPr rtlCol="0" anchor="ctr"/>
          <a:lstStyle/>
          <a:p>
            <a:pPr algn="ctr" defTabSz="371127" fontAlgn="base">
              <a:spcBef>
                <a:spcPts val="244"/>
              </a:spcBef>
              <a:spcAft>
                <a:spcPct val="0"/>
              </a:spcAft>
            </a:pPr>
            <a:r>
              <a:rPr lang="zh-CN" altLang="en-US" sz="1600" dirty="0">
                <a:solidFill>
                  <a:srgbClr val="EC7061"/>
                </a:solidFill>
                <a:sym typeface="Arial" panose="020B0604020202020204" pitchFamily="34" charset="0"/>
              </a:rPr>
              <a:t>仿真校验</a:t>
            </a:r>
            <a:endParaRPr lang="en-US" altLang="zh-CN" sz="1600" dirty="0">
              <a:solidFill>
                <a:srgbClr val="EC7061"/>
              </a:solidFill>
              <a:sym typeface="Arial" panose="020B0604020202020204" pitchFamily="34" charset="0"/>
            </a:endParaRPr>
          </a:p>
        </p:txBody>
      </p:sp>
      <p:sp>
        <p:nvSpPr>
          <p:cNvPr id="9" name="圆角矩形 15">
            <a:extLst>
              <a:ext uri="{FF2B5EF4-FFF2-40B4-BE49-F238E27FC236}">
                <a16:creationId xmlns:a16="http://schemas.microsoft.com/office/drawing/2014/main" xmlns="" id="{C621E56B-DC57-4D2E-B2D7-D9009B92651C}"/>
              </a:ext>
            </a:extLst>
          </p:cNvPr>
          <p:cNvSpPr/>
          <p:nvPr/>
        </p:nvSpPr>
        <p:spPr>
          <a:xfrm>
            <a:off x="3581592" y="3844536"/>
            <a:ext cx="1406121" cy="254056"/>
          </a:xfrm>
          <a:prstGeom prst="roundRect">
            <a:avLst>
              <a:gd name="adj" fmla="val 50000"/>
            </a:avLst>
          </a:prstGeom>
          <a:solidFill>
            <a:srgbClr val="FFFFFF"/>
          </a:solidFill>
          <a:ln w="6350" cap="flat" cmpd="sng" algn="ctr">
            <a:solidFill>
              <a:srgbClr val="FFFFFF">
                <a:lumMod val="75000"/>
              </a:srgbClr>
            </a:solidFill>
            <a:prstDash val="solid"/>
          </a:ln>
          <a:effectLst/>
        </p:spPr>
        <p:txBody>
          <a:bodyPr rtlCol="0" anchor="ctr"/>
          <a:lstStyle/>
          <a:p>
            <a:pPr algn="ctr" fontAlgn="base">
              <a:spcBef>
                <a:spcPts val="244"/>
              </a:spcBef>
              <a:spcAft>
                <a:spcPct val="0"/>
              </a:spcAft>
            </a:pPr>
            <a:r>
              <a:rPr lang="zh-CN" altLang="en-US" sz="1600" dirty="0">
                <a:solidFill>
                  <a:schemeClr val="bg2">
                    <a:lumMod val="10000"/>
                  </a:schemeClr>
                </a:solidFill>
                <a:sym typeface="Arial" panose="020B0604020202020204" pitchFamily="34" charset="0"/>
              </a:rPr>
              <a:t>网络设计</a:t>
            </a:r>
            <a:endParaRPr lang="en-US" altLang="zh-CN" sz="1600" dirty="0">
              <a:solidFill>
                <a:schemeClr val="bg2">
                  <a:lumMod val="10000"/>
                </a:schemeClr>
              </a:solidFill>
              <a:sym typeface="Arial" panose="020B0604020202020204" pitchFamily="34" charset="0"/>
            </a:endParaRPr>
          </a:p>
        </p:txBody>
      </p:sp>
      <p:sp>
        <p:nvSpPr>
          <p:cNvPr id="10" name="燕尾形 67">
            <a:extLst>
              <a:ext uri="{FF2B5EF4-FFF2-40B4-BE49-F238E27FC236}">
                <a16:creationId xmlns:a16="http://schemas.microsoft.com/office/drawing/2014/main" xmlns="" id="{AA32B7D6-4833-40AD-9CE6-715BCA218770}"/>
              </a:ext>
            </a:extLst>
          </p:cNvPr>
          <p:cNvSpPr/>
          <p:nvPr/>
        </p:nvSpPr>
        <p:spPr>
          <a:xfrm>
            <a:off x="3322887" y="3876417"/>
            <a:ext cx="140275" cy="191829"/>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651">
              <a:defRPr sz="3400" b="0">
                <a:latin typeface="微软雅黑"/>
                <a:ea typeface="微软雅黑"/>
                <a:cs typeface="微软雅黑"/>
                <a:sym typeface="微软雅黑"/>
              </a:defRPr>
            </a:pPr>
            <a:endParaRPr sz="1600">
              <a:sym typeface="Arial" panose="020B0604020202020204" pitchFamily="34" charset="0"/>
            </a:endParaRPr>
          </a:p>
        </p:txBody>
      </p:sp>
      <p:sp>
        <p:nvSpPr>
          <p:cNvPr id="11" name="文本框 10">
            <a:extLst>
              <a:ext uri="{FF2B5EF4-FFF2-40B4-BE49-F238E27FC236}">
                <a16:creationId xmlns:a16="http://schemas.microsoft.com/office/drawing/2014/main" xmlns="" id="{DCDBFF8A-EDF0-4F43-9E0F-F5109EBCF891}"/>
              </a:ext>
            </a:extLst>
          </p:cNvPr>
          <p:cNvSpPr txBox="1"/>
          <p:nvPr/>
        </p:nvSpPr>
        <p:spPr>
          <a:xfrm>
            <a:off x="3488562" y="3043560"/>
            <a:ext cx="3928238" cy="338554"/>
          </a:xfrm>
          <a:prstGeom prst="rect">
            <a:avLst/>
          </a:prstGeom>
        </p:spPr>
        <p:txBody>
          <a:bodyPr wrap="square">
            <a:spAutoFit/>
          </a:bodyPr>
          <a:lstStyle>
            <a:defPPr lvl="0">
              <a:defRPr lang="zh-CN"/>
            </a:defPPr>
            <a:lvl1pPr algn="ctr" defTabSz="495178">
              <a:defRPr sz="900" b="1">
                <a:solidFill>
                  <a:srgbClr val="000000"/>
                </a:solidFill>
              </a:defRPr>
            </a:lvl1pPr>
          </a:lstStyle>
          <a:p>
            <a:pPr lvl="0"/>
            <a:r>
              <a:rPr lang="en-US" altLang="zh-CN" sz="1600" dirty="0">
                <a:sym typeface="Arial" panose="020B0604020202020204" pitchFamily="34" charset="0"/>
              </a:rPr>
              <a:t>       </a:t>
            </a:r>
            <a:r>
              <a:rPr lang="en-US" altLang="zh-CN" sz="1600" dirty="0" err="1">
                <a:sym typeface="Arial" panose="020B0604020202020204" pitchFamily="34" charset="0"/>
              </a:rPr>
              <a:t>iMaster</a:t>
            </a:r>
            <a:r>
              <a:rPr lang="en-US" altLang="zh-CN" sz="1600" dirty="0">
                <a:sym typeface="Arial" panose="020B0604020202020204" pitchFamily="34" charset="0"/>
              </a:rPr>
              <a:t> NCE-Fabric</a:t>
            </a:r>
          </a:p>
        </p:txBody>
      </p:sp>
      <p:sp>
        <p:nvSpPr>
          <p:cNvPr id="12" name="燕尾形 67">
            <a:extLst>
              <a:ext uri="{FF2B5EF4-FFF2-40B4-BE49-F238E27FC236}">
                <a16:creationId xmlns:a16="http://schemas.microsoft.com/office/drawing/2014/main" xmlns="" id="{FAC36DF6-A1A2-41B8-BFD1-FFBDC0EAF303}"/>
              </a:ext>
            </a:extLst>
          </p:cNvPr>
          <p:cNvSpPr/>
          <p:nvPr/>
        </p:nvSpPr>
        <p:spPr>
          <a:xfrm>
            <a:off x="5425354" y="3873273"/>
            <a:ext cx="140275" cy="191829"/>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651">
              <a:defRPr sz="3400" b="0">
                <a:latin typeface="微软雅黑"/>
                <a:ea typeface="微软雅黑"/>
                <a:cs typeface="微软雅黑"/>
                <a:sym typeface="微软雅黑"/>
              </a:defRPr>
            </a:pPr>
            <a:endParaRPr sz="1600">
              <a:sym typeface="Arial" panose="020B0604020202020204" pitchFamily="34" charset="0"/>
            </a:endParaRPr>
          </a:p>
        </p:txBody>
      </p:sp>
      <p:sp>
        <p:nvSpPr>
          <p:cNvPr id="13" name="燕尾形 67">
            <a:extLst>
              <a:ext uri="{FF2B5EF4-FFF2-40B4-BE49-F238E27FC236}">
                <a16:creationId xmlns:a16="http://schemas.microsoft.com/office/drawing/2014/main" xmlns="" id="{A22EAF01-810A-4071-A9CA-7C8F1CFF3131}"/>
              </a:ext>
            </a:extLst>
          </p:cNvPr>
          <p:cNvSpPr/>
          <p:nvPr/>
        </p:nvSpPr>
        <p:spPr>
          <a:xfrm>
            <a:off x="8045746" y="3876417"/>
            <a:ext cx="140275" cy="191829"/>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651">
              <a:defRPr sz="3400" b="0">
                <a:latin typeface="微软雅黑"/>
                <a:ea typeface="微软雅黑"/>
                <a:cs typeface="微软雅黑"/>
                <a:sym typeface="微软雅黑"/>
              </a:defRPr>
            </a:pPr>
            <a:endParaRPr sz="1600">
              <a:sym typeface="Arial" panose="020B0604020202020204" pitchFamily="34" charset="0"/>
            </a:endParaRPr>
          </a:p>
        </p:txBody>
      </p:sp>
      <p:sp>
        <p:nvSpPr>
          <p:cNvPr id="14" name="圆角矩形">
            <a:extLst>
              <a:ext uri="{FF2B5EF4-FFF2-40B4-BE49-F238E27FC236}">
                <a16:creationId xmlns:a16="http://schemas.microsoft.com/office/drawing/2014/main" xmlns="" id="{FD4DC778-EB7C-4A48-83E0-C4CAED979714}"/>
              </a:ext>
            </a:extLst>
          </p:cNvPr>
          <p:cNvSpPr/>
          <p:nvPr/>
        </p:nvSpPr>
        <p:spPr>
          <a:xfrm>
            <a:off x="8256987" y="3735803"/>
            <a:ext cx="2219973" cy="547165"/>
          </a:xfrm>
          <a:prstGeom prst="roundRect">
            <a:avLst>
              <a:gd name="adj" fmla="val 17892"/>
            </a:avLst>
          </a:prstGeom>
          <a:noFill/>
          <a:ln w="19050" cap="flat" cmpd="sng" algn="ctr">
            <a:solidFill>
              <a:schemeClr val="accent5">
                <a:lumMod val="75000"/>
              </a:schemeClr>
            </a:solidFill>
            <a:prstDash val="sysDash"/>
          </a:ln>
          <a:effectLst/>
        </p:spPr>
        <p:txBody>
          <a:bodyPr wrap="none" rIns="45720" rtlCol="0" anchor="ctr"/>
          <a:lstStyle/>
          <a:p>
            <a:pPr algn="r" defTabSz="914400"/>
            <a:endParaRPr sz="1600" b="1" kern="0">
              <a:solidFill>
                <a:srgbClr val="FFFFFF"/>
              </a:solidFill>
              <a:effectLst>
                <a:outerShdw blurRad="38100" dist="38100" dir="2700000" algn="tl">
                  <a:srgbClr val="000000">
                    <a:alpha val="43137"/>
                  </a:srgbClr>
                </a:outerShdw>
              </a:effectLst>
              <a:cs typeface="+mn-ea"/>
              <a:sym typeface="Arial" panose="020B0604020202020204" pitchFamily="34" charset="0"/>
            </a:endParaRPr>
          </a:p>
        </p:txBody>
      </p:sp>
      <p:sp>
        <p:nvSpPr>
          <p:cNvPr id="15" name="圆角矩形 22">
            <a:extLst>
              <a:ext uri="{FF2B5EF4-FFF2-40B4-BE49-F238E27FC236}">
                <a16:creationId xmlns:a16="http://schemas.microsoft.com/office/drawing/2014/main" xmlns="" id="{0DACCF86-303B-4F5A-AC26-D0EA19CD9476}"/>
              </a:ext>
            </a:extLst>
          </p:cNvPr>
          <p:cNvSpPr/>
          <p:nvPr/>
        </p:nvSpPr>
        <p:spPr>
          <a:xfrm>
            <a:off x="8582512" y="3847628"/>
            <a:ext cx="1785504" cy="254056"/>
          </a:xfrm>
          <a:prstGeom prst="roundRect">
            <a:avLst>
              <a:gd name="adj" fmla="val 50000"/>
            </a:avLst>
          </a:prstGeom>
          <a:solidFill>
            <a:srgbClr val="FFFFFF"/>
          </a:solidFill>
          <a:ln w="6350" cap="flat" cmpd="sng" algn="ctr">
            <a:solidFill>
              <a:srgbClr val="FFFFFF">
                <a:lumMod val="75000"/>
              </a:srgbClr>
            </a:solidFill>
            <a:prstDash val="solid"/>
          </a:ln>
          <a:effectLst/>
        </p:spPr>
        <p:txBody>
          <a:bodyPr rtlCol="0" anchor="ctr"/>
          <a:lstStyle/>
          <a:p>
            <a:pPr algn="ctr" fontAlgn="base">
              <a:spcBef>
                <a:spcPts val="244"/>
              </a:spcBef>
              <a:spcAft>
                <a:spcPct val="0"/>
              </a:spcAft>
            </a:pPr>
            <a:r>
              <a:rPr lang="zh-CN" altLang="en-US" sz="1600" dirty="0">
                <a:solidFill>
                  <a:schemeClr val="bg2">
                    <a:lumMod val="10000"/>
                  </a:schemeClr>
                </a:solidFill>
                <a:sym typeface="Arial" panose="020B0604020202020204" pitchFamily="34" charset="0"/>
              </a:rPr>
              <a:t>网络配置</a:t>
            </a:r>
            <a:endParaRPr lang="en-US" altLang="zh-CN" sz="1600" dirty="0">
              <a:solidFill>
                <a:schemeClr val="bg2">
                  <a:lumMod val="10000"/>
                </a:schemeClr>
              </a:solidFill>
              <a:sym typeface="Arial" panose="020B0604020202020204" pitchFamily="34" charset="0"/>
            </a:endParaRPr>
          </a:p>
        </p:txBody>
      </p:sp>
      <p:cxnSp>
        <p:nvCxnSpPr>
          <p:cNvPr id="20" name="肘形连接符 36">
            <a:extLst>
              <a:ext uri="{FF2B5EF4-FFF2-40B4-BE49-F238E27FC236}">
                <a16:creationId xmlns:a16="http://schemas.microsoft.com/office/drawing/2014/main" xmlns="" id="{B76B53A5-A589-4300-BE18-B9D92235EA47}"/>
              </a:ext>
            </a:extLst>
          </p:cNvPr>
          <p:cNvCxnSpPr>
            <a:cxnSpLocks/>
            <a:stCxn id="7" idx="0"/>
            <a:endCxn id="9" idx="0"/>
          </p:cNvCxnSpPr>
          <p:nvPr/>
        </p:nvCxnSpPr>
        <p:spPr>
          <a:xfrm rot="16200000" flipH="1" flipV="1">
            <a:off x="5458870" y="2561585"/>
            <a:ext cx="108733" cy="2457168"/>
          </a:xfrm>
          <a:prstGeom prst="bentConnector3">
            <a:avLst>
              <a:gd name="adj1" fmla="val -210240"/>
            </a:avLst>
          </a:prstGeom>
          <a:ln w="6350">
            <a:solidFill>
              <a:schemeClr val="bg1">
                <a:lumMod val="50000"/>
              </a:schemeClr>
            </a:solidFill>
            <a:headEnd w="sm" len="sm"/>
            <a:tailEnd type="triangle" w="sm" len="sm"/>
          </a:ln>
        </p:spPr>
        <p:style>
          <a:lnRef idx="1">
            <a:schemeClr val="accent1"/>
          </a:lnRef>
          <a:fillRef idx="0">
            <a:schemeClr val="accent1"/>
          </a:fillRef>
          <a:effectRef idx="0">
            <a:schemeClr val="accent1"/>
          </a:effectRef>
          <a:fontRef idx="minor">
            <a:schemeClr val="tx1"/>
          </a:fontRef>
        </p:style>
      </p:cxnSp>
      <p:sp>
        <p:nvSpPr>
          <p:cNvPr id="21" name="文本框 20">
            <a:extLst>
              <a:ext uri="{FF2B5EF4-FFF2-40B4-BE49-F238E27FC236}">
                <a16:creationId xmlns:a16="http://schemas.microsoft.com/office/drawing/2014/main" xmlns="" id="{E31B6D0E-AFD5-4675-A7E1-C78395224509}"/>
              </a:ext>
            </a:extLst>
          </p:cNvPr>
          <p:cNvSpPr txBox="1"/>
          <p:nvPr/>
        </p:nvSpPr>
        <p:spPr>
          <a:xfrm>
            <a:off x="1676809" y="4352673"/>
            <a:ext cx="1009452" cy="338554"/>
          </a:xfrm>
          <a:prstGeom prst="rect">
            <a:avLst/>
          </a:prstGeom>
          <a:noFill/>
        </p:spPr>
        <p:txBody>
          <a:bodyPr wrap="square" rtlCol="0">
            <a:spAutoFit/>
          </a:bodyPr>
          <a:lstStyle/>
          <a:p>
            <a:pPr defTabSz="1219107"/>
            <a:r>
              <a:rPr lang="zh-CN" altLang="en-US" sz="1600">
                <a:solidFill>
                  <a:prstClr val="black"/>
                </a:solidFill>
                <a:cs typeface="Huawei Sans Light" panose="020C0303030203020204" pitchFamily="34" charset="0"/>
                <a:sym typeface="Arial" panose="020B0604020202020204" pitchFamily="34" charset="0"/>
              </a:rPr>
              <a:t>工单</a:t>
            </a:r>
            <a:endParaRPr lang="zh-CN" altLang="en-US" sz="1600" dirty="0">
              <a:solidFill>
                <a:prstClr val="black"/>
              </a:solidFill>
              <a:cs typeface="Huawei Sans Light" panose="020C0303030203020204" pitchFamily="34" charset="0"/>
              <a:sym typeface="Arial" panose="020B0604020202020204" pitchFamily="34" charset="0"/>
            </a:endParaRPr>
          </a:p>
        </p:txBody>
      </p:sp>
      <p:cxnSp>
        <p:nvCxnSpPr>
          <p:cNvPr id="22" name="直接箭头连接符 21">
            <a:extLst>
              <a:ext uri="{FF2B5EF4-FFF2-40B4-BE49-F238E27FC236}">
                <a16:creationId xmlns:a16="http://schemas.microsoft.com/office/drawing/2014/main" xmlns="" id="{7A71FD8F-86B9-4E90-A3CA-861BB397716D}"/>
              </a:ext>
            </a:extLst>
          </p:cNvPr>
          <p:cNvCxnSpPr/>
          <p:nvPr/>
        </p:nvCxnSpPr>
        <p:spPr>
          <a:xfrm>
            <a:off x="2361962" y="4247718"/>
            <a:ext cx="0" cy="609928"/>
          </a:xfrm>
          <a:prstGeom prst="straightConnector1">
            <a:avLst/>
          </a:prstGeom>
          <a:ln w="6350">
            <a:solidFill>
              <a:schemeClr val="bg1">
                <a:lumMod val="50000"/>
              </a:schemeClr>
            </a:solidFill>
            <a:prstDash val="dash"/>
            <a:tailEnd type="triangle" w="sm" len="sm"/>
          </a:ln>
        </p:spPr>
        <p:style>
          <a:lnRef idx="1">
            <a:schemeClr val="accent1"/>
          </a:lnRef>
          <a:fillRef idx="0">
            <a:schemeClr val="accent1"/>
          </a:fillRef>
          <a:effectRef idx="0">
            <a:schemeClr val="accent1"/>
          </a:effectRef>
          <a:fontRef idx="minor">
            <a:schemeClr val="tx1"/>
          </a:fontRef>
        </p:style>
      </p:cxnSp>
      <p:sp>
        <p:nvSpPr>
          <p:cNvPr id="23" name="圆角矩形 43">
            <a:extLst>
              <a:ext uri="{FF2B5EF4-FFF2-40B4-BE49-F238E27FC236}">
                <a16:creationId xmlns:a16="http://schemas.microsoft.com/office/drawing/2014/main" xmlns="" id="{44ECEF6E-12F9-486C-B46E-32755C6201C8}"/>
              </a:ext>
            </a:extLst>
          </p:cNvPr>
          <p:cNvSpPr/>
          <p:nvPr/>
        </p:nvSpPr>
        <p:spPr>
          <a:xfrm>
            <a:off x="1808582" y="4879137"/>
            <a:ext cx="1423823" cy="337041"/>
          </a:xfrm>
          <a:prstGeom prst="roundRect">
            <a:avLst>
              <a:gd name="adj" fmla="val 50000"/>
            </a:avLst>
          </a:prstGeom>
          <a:solidFill>
            <a:srgbClr val="FFFFFF"/>
          </a:solidFill>
          <a:ln w="6350" cap="flat" cmpd="sng" algn="ctr">
            <a:solidFill>
              <a:srgbClr val="BFBFBF"/>
            </a:solidFill>
            <a:prstDash val="solid"/>
          </a:ln>
          <a:effectLst/>
        </p:spPr>
        <p:txBody>
          <a:bodyPr rtlCol="0" anchor="ctr"/>
          <a:lstStyle/>
          <a:p>
            <a:pPr algn="ctr" defTabSz="371127" fontAlgn="base">
              <a:lnSpc>
                <a:spcPct val="120000"/>
              </a:lnSpc>
              <a:spcBef>
                <a:spcPts val="244"/>
              </a:spcBef>
              <a:spcAft>
                <a:spcPct val="0"/>
              </a:spcAft>
            </a:pPr>
            <a:r>
              <a:rPr lang="zh-CN" altLang="en-US" sz="1600" dirty="0">
                <a:solidFill>
                  <a:schemeClr val="bg2">
                    <a:lumMod val="10000"/>
                  </a:schemeClr>
                </a:solidFill>
                <a:sym typeface="Arial" panose="020B0604020202020204" pitchFamily="34" charset="0"/>
              </a:rPr>
              <a:t>意图模型</a:t>
            </a:r>
          </a:p>
        </p:txBody>
      </p:sp>
      <p:sp>
        <p:nvSpPr>
          <p:cNvPr id="24" name="圆角矩形 44">
            <a:extLst>
              <a:ext uri="{FF2B5EF4-FFF2-40B4-BE49-F238E27FC236}">
                <a16:creationId xmlns:a16="http://schemas.microsoft.com/office/drawing/2014/main" xmlns="" id="{64C92B8C-2E3A-4004-92CB-D3949FDD8A72}"/>
              </a:ext>
            </a:extLst>
          </p:cNvPr>
          <p:cNvSpPr/>
          <p:nvPr/>
        </p:nvSpPr>
        <p:spPr>
          <a:xfrm>
            <a:off x="3428776" y="4487244"/>
            <a:ext cx="1737153" cy="1033660"/>
          </a:xfrm>
          <a:prstGeom prst="roundRect">
            <a:avLst>
              <a:gd name="adj" fmla="val 13430"/>
            </a:avLst>
          </a:prstGeom>
          <a:noFill/>
        </p:spPr>
        <p:txBody>
          <a:bodyPr wrap="square" rtlCol="0">
            <a:spAutoFit/>
          </a:bodyPr>
          <a:lstStyle/>
          <a:p>
            <a:pPr defTabSz="495210">
              <a:lnSpc>
                <a:spcPct val="120000"/>
              </a:lnSpc>
            </a:pPr>
            <a:r>
              <a:rPr lang="zh-CN" altLang="en-US" sz="1600" dirty="0">
                <a:solidFill>
                  <a:srgbClr val="0070C0"/>
                </a:solidFill>
                <a:cs typeface="Huawei Sans Light" panose="020C0303030203020204" pitchFamily="34" charset="0"/>
                <a:sym typeface="Arial" panose="020B0604020202020204" pitchFamily="34" charset="0"/>
              </a:rPr>
              <a:t>内置模型</a:t>
            </a:r>
            <a:r>
              <a:rPr lang="en-US" altLang="zh-CN" sz="1600" dirty="0">
                <a:solidFill>
                  <a:srgbClr val="0070C0"/>
                </a:solidFill>
                <a:cs typeface="Huawei Sans Light" panose="020C0303030203020204" pitchFamily="34" charset="0"/>
                <a:sym typeface="Arial" panose="020B0604020202020204" pitchFamily="34" charset="0"/>
              </a:rPr>
              <a:t>:</a:t>
            </a:r>
          </a:p>
          <a:p>
            <a:pPr marL="69635" indent="-69635" defTabSz="495210">
              <a:lnSpc>
                <a:spcPct val="120000"/>
              </a:lnSpc>
              <a:buFont typeface="Wingdings" panose="05000000000000000000" pitchFamily="2" charset="2"/>
              <a:buChar char="ü"/>
            </a:pPr>
            <a:r>
              <a:rPr lang="en-US" altLang="zh-CN" sz="1600">
                <a:solidFill>
                  <a:srgbClr val="0070C0"/>
                </a:solidFill>
                <a:cs typeface="Huawei Sans Light" panose="020C0303030203020204" pitchFamily="34" charset="0"/>
                <a:sym typeface="Arial" panose="020B0604020202020204" pitchFamily="34" charset="0"/>
              </a:rPr>
              <a:t> ACL</a:t>
            </a:r>
            <a:r>
              <a:rPr lang="zh-CN" altLang="en-US" sz="1600">
                <a:solidFill>
                  <a:srgbClr val="0070C0"/>
                </a:solidFill>
                <a:cs typeface="Huawei Sans Light" panose="020C0303030203020204" pitchFamily="34" charset="0"/>
                <a:sym typeface="Arial" panose="020B0604020202020204" pitchFamily="34" charset="0"/>
              </a:rPr>
              <a:t>部署</a:t>
            </a:r>
            <a:endParaRPr lang="en-US" altLang="zh-CN" sz="1600" dirty="0">
              <a:solidFill>
                <a:srgbClr val="0070C0"/>
              </a:solidFill>
              <a:cs typeface="Huawei Sans Light" panose="020C0303030203020204" pitchFamily="34" charset="0"/>
              <a:sym typeface="Arial" panose="020B0604020202020204" pitchFamily="34" charset="0"/>
            </a:endParaRPr>
          </a:p>
          <a:p>
            <a:pPr marL="69635" indent="-69635" defTabSz="495210">
              <a:lnSpc>
                <a:spcPct val="120000"/>
              </a:lnSpc>
              <a:buFont typeface="Wingdings" panose="05000000000000000000" pitchFamily="2" charset="2"/>
              <a:buChar char="ü"/>
            </a:pPr>
            <a:r>
              <a:rPr lang="zh-CN" altLang="en-US" sz="1600">
                <a:solidFill>
                  <a:srgbClr val="0070C0"/>
                </a:solidFill>
                <a:cs typeface="Huawei Sans Light" panose="020C0303030203020204" pitchFamily="34" charset="0"/>
                <a:sym typeface="Arial" panose="020B0604020202020204" pitchFamily="34" charset="0"/>
              </a:rPr>
              <a:t> 网络开通</a:t>
            </a:r>
            <a:endParaRPr lang="en-US" altLang="zh-CN" sz="1600" dirty="0">
              <a:solidFill>
                <a:srgbClr val="0070C0"/>
              </a:solidFill>
              <a:cs typeface="Huawei Sans Light" panose="020C0303030203020204" pitchFamily="34" charset="0"/>
              <a:sym typeface="Arial" panose="020B0604020202020204" pitchFamily="34" charset="0"/>
            </a:endParaRPr>
          </a:p>
        </p:txBody>
      </p:sp>
      <p:cxnSp>
        <p:nvCxnSpPr>
          <p:cNvPr id="27" name="直接连接符 26">
            <a:extLst>
              <a:ext uri="{FF2B5EF4-FFF2-40B4-BE49-F238E27FC236}">
                <a16:creationId xmlns:a16="http://schemas.microsoft.com/office/drawing/2014/main" xmlns="" id="{3B8FA7A5-E550-4E39-88CD-23F98E4BDD86}"/>
              </a:ext>
            </a:extLst>
          </p:cNvPr>
          <p:cNvCxnSpPr>
            <a:cxnSpLocks/>
          </p:cNvCxnSpPr>
          <p:nvPr/>
        </p:nvCxnSpPr>
        <p:spPr>
          <a:xfrm flipV="1">
            <a:off x="4161646" y="1379822"/>
            <a:ext cx="0" cy="1129622"/>
          </a:xfrm>
          <a:prstGeom prst="line">
            <a:avLst/>
          </a:prstGeom>
          <a:ln>
            <a:solidFill>
              <a:srgbClr val="424242"/>
            </a:solidFill>
            <a:prstDash val="dash"/>
          </a:ln>
        </p:spPr>
        <p:style>
          <a:lnRef idx="1">
            <a:schemeClr val="accent1"/>
          </a:lnRef>
          <a:fillRef idx="0">
            <a:schemeClr val="accent1"/>
          </a:fillRef>
          <a:effectRef idx="0">
            <a:schemeClr val="accent1"/>
          </a:effectRef>
          <a:fontRef idx="minor">
            <a:schemeClr val="tx1"/>
          </a:fontRef>
        </p:style>
      </p:cxnSp>
      <p:sp>
        <p:nvSpPr>
          <p:cNvPr id="28" name="文本框 27">
            <a:extLst>
              <a:ext uri="{FF2B5EF4-FFF2-40B4-BE49-F238E27FC236}">
                <a16:creationId xmlns:a16="http://schemas.microsoft.com/office/drawing/2014/main" xmlns="" id="{0F9BF8E1-BEF0-4CDD-A355-913E5F008E7C}"/>
              </a:ext>
            </a:extLst>
          </p:cNvPr>
          <p:cNvSpPr txBox="1"/>
          <p:nvPr/>
        </p:nvSpPr>
        <p:spPr>
          <a:xfrm>
            <a:off x="1843367" y="1909618"/>
            <a:ext cx="969941" cy="480773"/>
          </a:xfrm>
          <a:prstGeom prst="rect">
            <a:avLst/>
          </a:prstGeom>
          <a:noFill/>
        </p:spPr>
        <p:txBody>
          <a:bodyPr wrap="square" rtlCol="0">
            <a:spAutoFit/>
          </a:bodyPr>
          <a:lstStyle/>
          <a:p>
            <a:pPr algn="r" defTabSz="913746">
              <a:lnSpc>
                <a:spcPts val="3438"/>
              </a:lnSpc>
            </a:pPr>
            <a:r>
              <a:rPr lang="en-US" altLang="zh-CN" b="1" dirty="0">
                <a:solidFill>
                  <a:srgbClr val="00B0F0"/>
                </a:solidFill>
                <a:sym typeface="Arial" panose="020B0604020202020204" pitchFamily="34" charset="0"/>
              </a:rPr>
              <a:t>2~3</a:t>
            </a:r>
            <a:r>
              <a:rPr lang="zh-CN" altLang="en-US" b="1" dirty="0">
                <a:solidFill>
                  <a:srgbClr val="00B0F0"/>
                </a:solidFill>
                <a:sym typeface="Arial" panose="020B0604020202020204" pitchFamily="34" charset="0"/>
              </a:rPr>
              <a:t>天</a:t>
            </a:r>
          </a:p>
        </p:txBody>
      </p:sp>
      <p:sp>
        <p:nvSpPr>
          <p:cNvPr id="29" name="文本框 28">
            <a:extLst>
              <a:ext uri="{FF2B5EF4-FFF2-40B4-BE49-F238E27FC236}">
                <a16:creationId xmlns:a16="http://schemas.microsoft.com/office/drawing/2014/main" xmlns="" id="{1B6B2773-BDEB-4BA4-9153-1FF275A9B7A6}"/>
              </a:ext>
            </a:extLst>
          </p:cNvPr>
          <p:cNvSpPr txBox="1"/>
          <p:nvPr/>
        </p:nvSpPr>
        <p:spPr>
          <a:xfrm>
            <a:off x="5051093" y="1909618"/>
            <a:ext cx="1102900" cy="480773"/>
          </a:xfrm>
          <a:prstGeom prst="rect">
            <a:avLst/>
          </a:prstGeom>
          <a:noFill/>
        </p:spPr>
        <p:txBody>
          <a:bodyPr wrap="square" rtlCol="0">
            <a:spAutoFit/>
          </a:bodyPr>
          <a:lstStyle/>
          <a:p>
            <a:pPr algn="r" defTabSz="913746">
              <a:lnSpc>
                <a:spcPts val="3438"/>
              </a:lnSpc>
            </a:pPr>
            <a:r>
              <a:rPr lang="en-US" altLang="zh-CN" b="1" dirty="0">
                <a:solidFill>
                  <a:srgbClr val="EC7061"/>
                </a:solidFill>
                <a:sym typeface="Arial" panose="020B0604020202020204" pitchFamily="34" charset="0"/>
              </a:rPr>
              <a:t>10</a:t>
            </a:r>
            <a:r>
              <a:rPr lang="zh-CN" altLang="en-US" b="1" dirty="0">
                <a:solidFill>
                  <a:srgbClr val="EC7061"/>
                </a:solidFill>
                <a:sym typeface="Arial" panose="020B0604020202020204" pitchFamily="34" charset="0"/>
              </a:rPr>
              <a:t>分钟</a:t>
            </a:r>
          </a:p>
        </p:txBody>
      </p:sp>
      <p:sp>
        <p:nvSpPr>
          <p:cNvPr id="30" name="文本框 29">
            <a:extLst>
              <a:ext uri="{FF2B5EF4-FFF2-40B4-BE49-F238E27FC236}">
                <a16:creationId xmlns:a16="http://schemas.microsoft.com/office/drawing/2014/main" xmlns="" id="{4CC93618-B0E9-4FC6-86A2-E814442AA6C5}"/>
              </a:ext>
            </a:extLst>
          </p:cNvPr>
          <p:cNvSpPr txBox="1"/>
          <p:nvPr/>
        </p:nvSpPr>
        <p:spPr>
          <a:xfrm>
            <a:off x="8377255" y="1909618"/>
            <a:ext cx="969941" cy="480773"/>
          </a:xfrm>
          <a:prstGeom prst="rect">
            <a:avLst/>
          </a:prstGeom>
          <a:noFill/>
        </p:spPr>
        <p:txBody>
          <a:bodyPr wrap="square" rtlCol="0">
            <a:spAutoFit/>
          </a:bodyPr>
          <a:lstStyle/>
          <a:p>
            <a:pPr algn="r" defTabSz="913746">
              <a:lnSpc>
                <a:spcPts val="3438"/>
              </a:lnSpc>
            </a:pPr>
            <a:r>
              <a:rPr lang="en-US" altLang="zh-CN" b="1" dirty="0">
                <a:solidFill>
                  <a:srgbClr val="00B0F0"/>
                </a:solidFill>
                <a:sym typeface="Arial" panose="020B0604020202020204" pitchFamily="34" charset="0"/>
              </a:rPr>
              <a:t>1~2</a:t>
            </a:r>
            <a:r>
              <a:rPr lang="zh-CN" altLang="en-US" b="1" dirty="0">
                <a:solidFill>
                  <a:srgbClr val="00B0F0"/>
                </a:solidFill>
                <a:sym typeface="Arial" panose="020B0604020202020204" pitchFamily="34" charset="0"/>
              </a:rPr>
              <a:t>天</a:t>
            </a:r>
          </a:p>
        </p:txBody>
      </p:sp>
      <p:cxnSp>
        <p:nvCxnSpPr>
          <p:cNvPr id="37" name="直接连接符 36">
            <a:extLst>
              <a:ext uri="{FF2B5EF4-FFF2-40B4-BE49-F238E27FC236}">
                <a16:creationId xmlns:a16="http://schemas.microsoft.com/office/drawing/2014/main" xmlns="" id="{25176548-B584-4858-9936-CD28685788B6}"/>
              </a:ext>
            </a:extLst>
          </p:cNvPr>
          <p:cNvCxnSpPr>
            <a:cxnSpLocks/>
          </p:cNvCxnSpPr>
          <p:nvPr/>
        </p:nvCxnSpPr>
        <p:spPr>
          <a:xfrm flipV="1">
            <a:off x="7272491" y="1407133"/>
            <a:ext cx="0" cy="1140085"/>
          </a:xfrm>
          <a:prstGeom prst="line">
            <a:avLst/>
          </a:prstGeom>
          <a:ln>
            <a:solidFill>
              <a:srgbClr val="424242"/>
            </a:solidFill>
            <a:prstDash val="dash"/>
          </a:ln>
        </p:spPr>
        <p:style>
          <a:lnRef idx="1">
            <a:schemeClr val="accent1"/>
          </a:lnRef>
          <a:fillRef idx="0">
            <a:schemeClr val="accent1"/>
          </a:fillRef>
          <a:effectRef idx="0">
            <a:schemeClr val="accent1"/>
          </a:effectRef>
          <a:fontRef idx="minor">
            <a:schemeClr val="tx1"/>
          </a:fontRef>
        </p:style>
      </p:cxnSp>
      <p:sp>
        <p:nvSpPr>
          <p:cNvPr id="38" name="矩形 37">
            <a:extLst>
              <a:ext uri="{FF2B5EF4-FFF2-40B4-BE49-F238E27FC236}">
                <a16:creationId xmlns:a16="http://schemas.microsoft.com/office/drawing/2014/main" xmlns="" id="{6B7E15F1-3F01-4ADE-94AB-5AD59F81430F}"/>
              </a:ext>
            </a:extLst>
          </p:cNvPr>
          <p:cNvSpPr/>
          <p:nvPr/>
        </p:nvSpPr>
        <p:spPr>
          <a:xfrm>
            <a:off x="1835581" y="1407133"/>
            <a:ext cx="1233463" cy="40201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3746"/>
            <a:r>
              <a:rPr lang="zh-CN" altLang="en-US" sz="2000" b="1" dirty="0">
                <a:solidFill>
                  <a:schemeClr val="tx1"/>
                </a:solidFill>
                <a:sym typeface="Arial" panose="020B0604020202020204" pitchFamily="34" charset="0"/>
              </a:rPr>
              <a:t>网络设计</a:t>
            </a:r>
          </a:p>
        </p:txBody>
      </p:sp>
      <p:sp>
        <p:nvSpPr>
          <p:cNvPr id="39" name="矩形 38">
            <a:extLst>
              <a:ext uri="{FF2B5EF4-FFF2-40B4-BE49-F238E27FC236}">
                <a16:creationId xmlns:a16="http://schemas.microsoft.com/office/drawing/2014/main" xmlns="" id="{BAE07CA8-FB68-4CA8-B12D-50D24889C7A4}"/>
              </a:ext>
            </a:extLst>
          </p:cNvPr>
          <p:cNvSpPr/>
          <p:nvPr/>
        </p:nvSpPr>
        <p:spPr>
          <a:xfrm>
            <a:off x="5048025" y="1379822"/>
            <a:ext cx="1233463" cy="40201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3746"/>
            <a:r>
              <a:rPr lang="zh-CN" altLang="en-US" sz="2000" b="1" dirty="0">
                <a:solidFill>
                  <a:srgbClr val="EC7061"/>
                </a:solidFill>
                <a:sym typeface="Arial" panose="020B0604020202020204" pitchFamily="34" charset="0"/>
              </a:rPr>
              <a:t>配置下发</a:t>
            </a:r>
          </a:p>
        </p:txBody>
      </p:sp>
      <p:sp>
        <p:nvSpPr>
          <p:cNvPr id="40" name="矩形 39">
            <a:extLst>
              <a:ext uri="{FF2B5EF4-FFF2-40B4-BE49-F238E27FC236}">
                <a16:creationId xmlns:a16="http://schemas.microsoft.com/office/drawing/2014/main" xmlns="" id="{11E1A4B6-71B6-4751-91C0-4EA222BA8FD3}"/>
              </a:ext>
            </a:extLst>
          </p:cNvPr>
          <p:cNvSpPr/>
          <p:nvPr/>
        </p:nvSpPr>
        <p:spPr>
          <a:xfrm>
            <a:off x="8356603" y="1379822"/>
            <a:ext cx="1233463" cy="40201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3746"/>
            <a:r>
              <a:rPr lang="zh-CN" altLang="en-US" sz="2000" b="1" dirty="0">
                <a:solidFill>
                  <a:schemeClr val="tx1"/>
                </a:solidFill>
                <a:sym typeface="Arial" panose="020B0604020202020204" pitchFamily="34" charset="0"/>
              </a:rPr>
              <a:t>业务验证</a:t>
            </a:r>
          </a:p>
        </p:txBody>
      </p:sp>
      <p:sp>
        <p:nvSpPr>
          <p:cNvPr id="41" name="文本框 40">
            <a:extLst>
              <a:ext uri="{FF2B5EF4-FFF2-40B4-BE49-F238E27FC236}">
                <a16:creationId xmlns:a16="http://schemas.microsoft.com/office/drawing/2014/main" xmlns="" id="{9379AC09-B5B1-48E1-9043-D51CF7AD8C87}"/>
              </a:ext>
            </a:extLst>
          </p:cNvPr>
          <p:cNvSpPr txBox="1"/>
          <p:nvPr/>
        </p:nvSpPr>
        <p:spPr>
          <a:xfrm>
            <a:off x="9314812" y="4821665"/>
            <a:ext cx="1110637" cy="473912"/>
          </a:xfrm>
          <a:prstGeom prst="rect">
            <a:avLst/>
          </a:prstGeom>
          <a:noFill/>
        </p:spPr>
        <p:txBody>
          <a:bodyPr wrap="square" rtlCol="0">
            <a:spAutoFit/>
          </a:bodyPr>
          <a:lstStyle/>
          <a:p>
            <a:pPr algn="r" defTabSz="913746">
              <a:lnSpc>
                <a:spcPts val="3438"/>
              </a:lnSpc>
            </a:pPr>
            <a:r>
              <a:rPr lang="en-US" altLang="zh-CN" sz="1600" b="1" dirty="0">
                <a:solidFill>
                  <a:srgbClr val="EC7061"/>
                </a:solidFill>
                <a:sym typeface="Arial" panose="020B0604020202020204" pitchFamily="34" charset="0"/>
              </a:rPr>
              <a:t>10</a:t>
            </a:r>
            <a:r>
              <a:rPr lang="zh-CN" altLang="en-US" sz="1600" b="1" dirty="0">
                <a:solidFill>
                  <a:srgbClr val="EC7061"/>
                </a:solidFill>
                <a:sym typeface="Arial" panose="020B0604020202020204" pitchFamily="34" charset="0"/>
              </a:rPr>
              <a:t>分钟</a:t>
            </a:r>
          </a:p>
        </p:txBody>
      </p:sp>
      <p:grpSp>
        <p:nvGrpSpPr>
          <p:cNvPr id="42" name="组合 41">
            <a:extLst>
              <a:ext uri="{FF2B5EF4-FFF2-40B4-BE49-F238E27FC236}">
                <a16:creationId xmlns:a16="http://schemas.microsoft.com/office/drawing/2014/main" xmlns="" id="{656E5A3A-57C2-4289-AB8C-498069F2ED93}"/>
              </a:ext>
            </a:extLst>
          </p:cNvPr>
          <p:cNvGrpSpPr/>
          <p:nvPr/>
        </p:nvGrpSpPr>
        <p:grpSpPr>
          <a:xfrm rot="5400000">
            <a:off x="5590163" y="2509255"/>
            <a:ext cx="171307" cy="274556"/>
            <a:chOff x="4816772" y="3193742"/>
            <a:chExt cx="171307" cy="274556"/>
          </a:xfrm>
        </p:grpSpPr>
        <p:sp>
          <p:nvSpPr>
            <p:cNvPr id="43" name="燕尾形 67">
              <a:extLst>
                <a:ext uri="{FF2B5EF4-FFF2-40B4-BE49-F238E27FC236}">
                  <a16:creationId xmlns:a16="http://schemas.microsoft.com/office/drawing/2014/main" xmlns="" id="{D601CD4D-B6E9-45B1-8AAF-77AAE3A35F39}"/>
                </a:ext>
              </a:extLst>
            </p:cNvPr>
            <p:cNvSpPr/>
            <p:nvPr/>
          </p:nvSpPr>
          <p:spPr>
            <a:xfrm>
              <a:off x="4816772" y="3194146"/>
              <a:ext cx="100581" cy="274152"/>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380">
                <a:defRPr sz="3400" b="0">
                  <a:latin typeface="微软雅黑"/>
                  <a:ea typeface="微软雅黑"/>
                  <a:cs typeface="微软雅黑"/>
                  <a:sym typeface="微软雅黑"/>
                </a:defRPr>
              </a:pPr>
              <a:endParaRPr sz="1600">
                <a:sym typeface="Arial" panose="020B0604020202020204" pitchFamily="34" charset="0"/>
              </a:endParaRPr>
            </a:p>
          </p:txBody>
        </p:sp>
        <p:sp>
          <p:nvSpPr>
            <p:cNvPr id="44" name="燕尾形 67">
              <a:extLst>
                <a:ext uri="{FF2B5EF4-FFF2-40B4-BE49-F238E27FC236}">
                  <a16:creationId xmlns:a16="http://schemas.microsoft.com/office/drawing/2014/main" xmlns="" id="{28E34ABE-53F8-4BC5-950E-EAEFC6F9A967}"/>
                </a:ext>
              </a:extLst>
            </p:cNvPr>
            <p:cNvSpPr/>
            <p:nvPr/>
          </p:nvSpPr>
          <p:spPr>
            <a:xfrm>
              <a:off x="4887498" y="3193742"/>
              <a:ext cx="100581" cy="274152"/>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380">
                <a:defRPr sz="3400" b="0">
                  <a:latin typeface="微软雅黑"/>
                  <a:ea typeface="微软雅黑"/>
                  <a:cs typeface="微软雅黑"/>
                  <a:sym typeface="微软雅黑"/>
                </a:defRPr>
              </a:pPr>
              <a:endParaRPr sz="1600">
                <a:sym typeface="Arial" panose="020B0604020202020204" pitchFamily="34" charset="0"/>
              </a:endParaRPr>
            </a:p>
          </p:txBody>
        </p:sp>
      </p:grpSp>
      <p:sp>
        <p:nvSpPr>
          <p:cNvPr id="52" name="燕尾形 25">
            <a:extLst>
              <a:ext uri="{FF2B5EF4-FFF2-40B4-BE49-F238E27FC236}">
                <a16:creationId xmlns:a16="http://schemas.microsoft.com/office/drawing/2014/main" xmlns="" id="{E499FC65-9689-4EE8-86F5-FCAC88F21B23}"/>
              </a:ext>
            </a:extLst>
          </p:cNvPr>
          <p:cNvSpPr/>
          <p:nvPr/>
        </p:nvSpPr>
        <p:spPr bwMode="auto">
          <a:xfrm>
            <a:off x="10187647"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数据中心</a:t>
            </a:r>
            <a:endParaRPr lang="en-US" altLang="zh-CN" sz="1200" b="1" kern="0">
              <a:solidFill>
                <a:srgbClr val="FFFFFF"/>
              </a:solidFill>
            </a:endParaRPr>
          </a:p>
        </p:txBody>
      </p:sp>
      <p:sp>
        <p:nvSpPr>
          <p:cNvPr id="53" name="燕尾形 26">
            <a:extLst>
              <a:ext uri="{FF2B5EF4-FFF2-40B4-BE49-F238E27FC236}">
                <a16:creationId xmlns:a16="http://schemas.microsoft.com/office/drawing/2014/main" xmlns="" id="{0BEF3D0D-2762-49DE-8C1D-52A779C4B244}"/>
              </a:ext>
            </a:extLst>
          </p:cNvPr>
          <p:cNvSpPr/>
          <p:nvPr/>
        </p:nvSpPr>
        <p:spPr bwMode="auto">
          <a:xfrm>
            <a:off x="10996392"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企业园区</a:t>
            </a:r>
            <a:endParaRPr lang="en-US" altLang="zh-CN" sz="1200" kern="0"/>
          </a:p>
        </p:txBody>
      </p:sp>
      <p:sp>
        <p:nvSpPr>
          <p:cNvPr id="3" name="文本框 2">
            <a:extLst>
              <a:ext uri="{FF2B5EF4-FFF2-40B4-BE49-F238E27FC236}">
                <a16:creationId xmlns:a16="http://schemas.microsoft.com/office/drawing/2014/main" xmlns="" id="{BBD475D4-E1E0-4F22-BE27-85EE56974246}"/>
              </a:ext>
            </a:extLst>
          </p:cNvPr>
          <p:cNvSpPr txBox="1"/>
          <p:nvPr/>
        </p:nvSpPr>
        <p:spPr>
          <a:xfrm>
            <a:off x="2119229" y="5903148"/>
            <a:ext cx="8220520" cy="369332"/>
          </a:xfrm>
          <a:prstGeom prst="rect">
            <a:avLst/>
          </a:prstGeom>
          <a:noFill/>
        </p:spPr>
        <p:txBody>
          <a:bodyPr wrap="none" rtlCol="0">
            <a:spAutoFit/>
          </a:bodyPr>
          <a:lstStyle/>
          <a:p>
            <a:r>
              <a:rPr lang="zh-CN" altLang="en-US"/>
              <a:t>华为</a:t>
            </a:r>
            <a:r>
              <a:rPr lang="en-US" altLang="zh-CN"/>
              <a:t>iMaster NCE-Fabric</a:t>
            </a:r>
            <a:r>
              <a:rPr lang="zh-CN" altLang="en-US"/>
              <a:t>支持虚拟化、云计算和容器网络的自动化快速部署。</a:t>
            </a:r>
          </a:p>
        </p:txBody>
      </p:sp>
      <p:sp>
        <p:nvSpPr>
          <p:cNvPr id="35" name="文本框 34">
            <a:extLst>
              <a:ext uri="{FF2B5EF4-FFF2-40B4-BE49-F238E27FC236}">
                <a16:creationId xmlns:a16="http://schemas.microsoft.com/office/drawing/2014/main" xmlns="" id="{568E5B06-736A-4602-80BF-BD062BB36229}"/>
              </a:ext>
            </a:extLst>
          </p:cNvPr>
          <p:cNvSpPr txBox="1"/>
          <p:nvPr/>
        </p:nvSpPr>
        <p:spPr>
          <a:xfrm>
            <a:off x="6777040" y="3372624"/>
            <a:ext cx="1304200" cy="307777"/>
          </a:xfrm>
          <a:prstGeom prst="rect">
            <a:avLst/>
          </a:prstGeom>
          <a:noFill/>
        </p:spPr>
        <p:txBody>
          <a:bodyPr wrap="square" rtlCol="0">
            <a:spAutoFit/>
          </a:bodyPr>
          <a:lstStyle/>
          <a:p>
            <a:pPr defTabSz="1219107"/>
            <a:r>
              <a:rPr lang="zh-CN" altLang="en-US" sz="1400">
                <a:solidFill>
                  <a:prstClr val="black"/>
                </a:solidFill>
                <a:cs typeface="Huawei Sans Light" panose="020C0303030203020204" pitchFamily="34" charset="0"/>
                <a:sym typeface="Arial" panose="020B0604020202020204" pitchFamily="34" charset="0"/>
              </a:rPr>
              <a:t>校验结果分析</a:t>
            </a:r>
            <a:endParaRPr lang="zh-CN" altLang="en-US" sz="1400" dirty="0">
              <a:solidFill>
                <a:prstClr val="black"/>
              </a:solidFill>
              <a:cs typeface="Huawei Sans Light" panose="020C0303030203020204" pitchFamily="34" charset="0"/>
              <a:sym typeface="Arial" panose="020B0604020202020204" pitchFamily="34" charset="0"/>
            </a:endParaRPr>
          </a:p>
        </p:txBody>
      </p:sp>
    </p:spTree>
    <p:extLst>
      <p:ext uri="{BB962C8B-B14F-4D97-AF65-F5344CB8AC3E}">
        <p14:creationId xmlns:p14="http://schemas.microsoft.com/office/powerpoint/2010/main" val="276319522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2CE430BA-FB7A-430A-8B2E-DDE3BBABD6EE}"/>
              </a:ext>
            </a:extLst>
          </p:cNvPr>
          <p:cNvSpPr>
            <a:spLocks noGrp="1"/>
          </p:cNvSpPr>
          <p:nvPr>
            <p:ph type="title"/>
          </p:nvPr>
        </p:nvSpPr>
        <p:spPr/>
        <p:txBody>
          <a:bodyPr/>
          <a:lstStyle/>
          <a:p>
            <a:r>
              <a:rPr lang="zh-CN" altLang="en-US"/>
              <a:t>关键特性：网络变更仿真，预判变更风险</a:t>
            </a:r>
          </a:p>
        </p:txBody>
      </p:sp>
      <p:sp>
        <p:nvSpPr>
          <p:cNvPr id="3" name="圆角矩形 67">
            <a:extLst>
              <a:ext uri="{FF2B5EF4-FFF2-40B4-BE49-F238E27FC236}">
                <a16:creationId xmlns:a16="http://schemas.microsoft.com/office/drawing/2014/main" xmlns="" id="{0DA1E651-4CB3-49DC-BDE4-6E1B79C141F5}"/>
              </a:ext>
            </a:extLst>
          </p:cNvPr>
          <p:cNvSpPr/>
          <p:nvPr/>
        </p:nvSpPr>
        <p:spPr>
          <a:xfrm>
            <a:off x="3934017" y="1957467"/>
            <a:ext cx="3686784" cy="2237128"/>
          </a:xfrm>
          <a:prstGeom prst="roundRect">
            <a:avLst>
              <a:gd name="adj" fmla="val 5736"/>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zh-CN" altLang="en-US" sz="1500" kern="0" dirty="0">
              <a:solidFill>
                <a:srgbClr val="1D1D1A"/>
              </a:solidFill>
              <a:latin typeface="Huawei Sans" panose="020C0503030203020204" pitchFamily="34" charset="0"/>
              <a:ea typeface="方正兰亭黑简体" panose="02000000000000000000" pitchFamily="2" charset="-122"/>
              <a:sym typeface="Arial" panose="020B0604020202020204" pitchFamily="34" charset="0"/>
            </a:endParaRPr>
          </a:p>
        </p:txBody>
      </p:sp>
      <p:sp>
        <p:nvSpPr>
          <p:cNvPr id="4" name="圆角矩形 68">
            <a:extLst>
              <a:ext uri="{FF2B5EF4-FFF2-40B4-BE49-F238E27FC236}">
                <a16:creationId xmlns:a16="http://schemas.microsoft.com/office/drawing/2014/main" xmlns="" id="{31D15077-9930-4962-8787-ABE42951F4CD}"/>
              </a:ext>
            </a:extLst>
          </p:cNvPr>
          <p:cNvSpPr/>
          <p:nvPr/>
        </p:nvSpPr>
        <p:spPr>
          <a:xfrm>
            <a:off x="1007509" y="2583453"/>
            <a:ext cx="1368152" cy="432048"/>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500" kern="0" dirty="0">
                <a:solidFill>
                  <a:srgbClr val="1D1D1A"/>
                </a:solidFill>
                <a:latin typeface="Huawei Sans" panose="020C0503030203020204" pitchFamily="34" charset="0"/>
                <a:ea typeface="方正兰亭黑简体" panose="02000000000000000000" pitchFamily="2" charset="-122"/>
                <a:sym typeface="Arial" panose="020B0604020202020204" pitchFamily="34" charset="0"/>
              </a:rPr>
              <a:t>现网配置信息</a:t>
            </a:r>
          </a:p>
        </p:txBody>
      </p:sp>
      <p:sp>
        <p:nvSpPr>
          <p:cNvPr id="5" name="圆角矩形 69">
            <a:extLst>
              <a:ext uri="{FF2B5EF4-FFF2-40B4-BE49-F238E27FC236}">
                <a16:creationId xmlns:a16="http://schemas.microsoft.com/office/drawing/2014/main" xmlns="" id="{1A0504DF-5CBA-42F0-AD1E-0D812CEF39E0}"/>
              </a:ext>
            </a:extLst>
          </p:cNvPr>
          <p:cNvSpPr/>
          <p:nvPr/>
        </p:nvSpPr>
        <p:spPr>
          <a:xfrm>
            <a:off x="1007509" y="3177045"/>
            <a:ext cx="1368152" cy="432048"/>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500" kern="0" dirty="0">
                <a:solidFill>
                  <a:srgbClr val="1D1D1A"/>
                </a:solidFill>
                <a:latin typeface="Huawei Sans" panose="020C0503030203020204" pitchFamily="34" charset="0"/>
                <a:ea typeface="方正兰亭黑简体" panose="02000000000000000000" pitchFamily="2" charset="-122"/>
                <a:sym typeface="Arial" panose="020B0604020202020204" pitchFamily="34" charset="0"/>
              </a:rPr>
              <a:t>现网拓扑信息</a:t>
            </a:r>
          </a:p>
        </p:txBody>
      </p:sp>
      <p:sp>
        <p:nvSpPr>
          <p:cNvPr id="6" name="圆角矩形 70">
            <a:extLst>
              <a:ext uri="{FF2B5EF4-FFF2-40B4-BE49-F238E27FC236}">
                <a16:creationId xmlns:a16="http://schemas.microsoft.com/office/drawing/2014/main" xmlns="" id="{F77764E7-EE80-4BFD-B39F-56D7707978DD}"/>
              </a:ext>
            </a:extLst>
          </p:cNvPr>
          <p:cNvSpPr/>
          <p:nvPr/>
        </p:nvSpPr>
        <p:spPr>
          <a:xfrm>
            <a:off x="1007509" y="3767031"/>
            <a:ext cx="1368152" cy="432048"/>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500" kern="0" dirty="0">
                <a:solidFill>
                  <a:srgbClr val="1D1D1A"/>
                </a:solidFill>
                <a:latin typeface="Huawei Sans" panose="020C0503030203020204" pitchFamily="34" charset="0"/>
                <a:ea typeface="方正兰亭黑简体" panose="02000000000000000000" pitchFamily="2" charset="-122"/>
                <a:sym typeface="Arial" panose="020B0604020202020204" pitchFamily="34" charset="0"/>
              </a:rPr>
              <a:t>现网资源信息</a:t>
            </a:r>
          </a:p>
        </p:txBody>
      </p:sp>
      <p:sp>
        <p:nvSpPr>
          <p:cNvPr id="7" name="右大括号 6">
            <a:extLst>
              <a:ext uri="{FF2B5EF4-FFF2-40B4-BE49-F238E27FC236}">
                <a16:creationId xmlns:a16="http://schemas.microsoft.com/office/drawing/2014/main" xmlns="" id="{D4190E1A-0C53-44B4-B03E-5440413302D9}"/>
              </a:ext>
            </a:extLst>
          </p:cNvPr>
          <p:cNvSpPr/>
          <p:nvPr/>
        </p:nvSpPr>
        <p:spPr>
          <a:xfrm>
            <a:off x="2519677" y="2658255"/>
            <a:ext cx="576064" cy="1440160"/>
          </a:xfrm>
          <a:prstGeom prst="rightBrace">
            <a:avLst>
              <a:gd name="adj1" fmla="val 49677"/>
              <a:gd name="adj2" fmla="val 50738"/>
            </a:avLst>
          </a:prstGeom>
          <a:noFill/>
          <a:ln w="19050" cap="flat" cmpd="sng" algn="ctr">
            <a:solidFill>
              <a:sysClr val="window" lastClr="FFFFFF">
                <a:lumMod val="65000"/>
              </a:sysClr>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black"/>
              </a:solidFill>
              <a:effectLst/>
              <a:uLnTx/>
              <a:uFillTx/>
              <a:cs typeface="+mn-ea"/>
              <a:sym typeface="Arial" panose="020B0604020202020204" pitchFamily="34" charset="0"/>
            </a:endParaRPr>
          </a:p>
        </p:txBody>
      </p:sp>
      <p:cxnSp>
        <p:nvCxnSpPr>
          <p:cNvPr id="8" name="直接连接符 7">
            <a:extLst>
              <a:ext uri="{FF2B5EF4-FFF2-40B4-BE49-F238E27FC236}">
                <a16:creationId xmlns:a16="http://schemas.microsoft.com/office/drawing/2014/main" xmlns="" id="{90DDA345-4620-4CFB-BD42-8B38F50A10B1}"/>
              </a:ext>
            </a:extLst>
          </p:cNvPr>
          <p:cNvCxnSpPr/>
          <p:nvPr/>
        </p:nvCxnSpPr>
        <p:spPr>
          <a:xfrm>
            <a:off x="2519677" y="3388963"/>
            <a:ext cx="1080120" cy="0"/>
          </a:xfrm>
          <a:prstGeom prst="line">
            <a:avLst/>
          </a:prstGeom>
          <a:noFill/>
          <a:ln w="19050" cap="flat" cmpd="sng" algn="ctr">
            <a:solidFill>
              <a:sysClr val="window" lastClr="FFFFFF">
                <a:lumMod val="65000"/>
              </a:sysClr>
            </a:solidFill>
            <a:prstDash val="solid"/>
            <a:headEnd type="none" w="med" len="med"/>
            <a:tailEnd type="triangle" w="med" len="med"/>
          </a:ln>
          <a:effectLst/>
        </p:spPr>
      </p:cxnSp>
      <p:sp>
        <p:nvSpPr>
          <p:cNvPr id="9" name="hierarchy-levels_22588">
            <a:extLst>
              <a:ext uri="{FF2B5EF4-FFF2-40B4-BE49-F238E27FC236}">
                <a16:creationId xmlns:a16="http://schemas.microsoft.com/office/drawing/2014/main" xmlns="" id="{292CB7BF-CB0C-4196-9D49-456243F741C8}"/>
              </a:ext>
            </a:extLst>
          </p:cNvPr>
          <p:cNvSpPr>
            <a:spLocks noChangeAspect="1"/>
          </p:cNvSpPr>
          <p:nvPr/>
        </p:nvSpPr>
        <p:spPr bwMode="auto">
          <a:xfrm>
            <a:off x="4360129" y="2551233"/>
            <a:ext cx="730993" cy="721119"/>
          </a:xfrm>
          <a:custGeom>
            <a:avLst/>
            <a:gdLst>
              <a:gd name="T0" fmla="*/ 2109 w 2697"/>
              <a:gd name="T1" fmla="*/ 1504 h 2561"/>
              <a:gd name="T2" fmla="*/ 2031 w 2697"/>
              <a:gd name="T3" fmla="*/ 1048 h 2561"/>
              <a:gd name="T4" fmla="*/ 1477 w 2697"/>
              <a:gd name="T5" fmla="*/ 382 h 2561"/>
              <a:gd name="T6" fmla="*/ 1296 w 2697"/>
              <a:gd name="T7" fmla="*/ 0 h 2561"/>
              <a:gd name="T8" fmla="*/ 1131 w 2697"/>
              <a:gd name="T9" fmla="*/ 401 h 2561"/>
              <a:gd name="T10" fmla="*/ 665 w 2697"/>
              <a:gd name="T11" fmla="*/ 1048 h 2561"/>
              <a:gd name="T12" fmla="*/ 592 w 2697"/>
              <a:gd name="T13" fmla="*/ 1505 h 2561"/>
              <a:gd name="T14" fmla="*/ 235 w 2697"/>
              <a:gd name="T15" fmla="*/ 2073 h 2561"/>
              <a:gd name="T16" fmla="*/ 235 w 2697"/>
              <a:gd name="T17" fmla="*/ 2542 h 2561"/>
              <a:gd name="T18" fmla="*/ 322 w 2697"/>
              <a:gd name="T19" fmla="*/ 2090 h 2561"/>
              <a:gd name="T20" fmla="*/ 1022 w 2697"/>
              <a:gd name="T21" fmla="*/ 2105 h 2561"/>
              <a:gd name="T22" fmla="*/ 1097 w 2697"/>
              <a:gd name="T23" fmla="*/ 2561 h 2561"/>
              <a:gd name="T24" fmla="*/ 1104 w 2697"/>
              <a:gd name="T25" fmla="*/ 2092 h 2561"/>
              <a:gd name="T26" fmla="*/ 900 w 2697"/>
              <a:gd name="T27" fmla="*/ 1283 h 2561"/>
              <a:gd name="T28" fmla="*/ 1193 w 2697"/>
              <a:gd name="T29" fmla="*/ 444 h 2561"/>
              <a:gd name="T30" fmla="*/ 1420 w 2697"/>
              <a:gd name="T31" fmla="*/ 433 h 2561"/>
              <a:gd name="T32" fmla="*/ 1796 w 2697"/>
              <a:gd name="T33" fmla="*/ 1283 h 2561"/>
              <a:gd name="T34" fmla="*/ 1609 w 2697"/>
              <a:gd name="T35" fmla="*/ 2074 h 2561"/>
              <a:gd name="T36" fmla="*/ 1365 w 2697"/>
              <a:gd name="T37" fmla="*/ 2307 h 2561"/>
              <a:gd name="T38" fmla="*/ 1835 w 2697"/>
              <a:gd name="T39" fmla="*/ 2307 h 2561"/>
              <a:gd name="T40" fmla="*/ 2033 w 2697"/>
              <a:gd name="T41" fmla="*/ 1526 h 2561"/>
              <a:gd name="T42" fmla="*/ 2227 w 2697"/>
              <a:gd name="T43" fmla="*/ 2326 h 2561"/>
              <a:gd name="T44" fmla="*/ 2697 w 2697"/>
              <a:gd name="T45" fmla="*/ 2326 h 2561"/>
              <a:gd name="T46" fmla="*/ 394 w 2697"/>
              <a:gd name="T47" fmla="*/ 2307 h 2561"/>
              <a:gd name="T48" fmla="*/ 76 w 2697"/>
              <a:gd name="T49" fmla="*/ 2307 h 2561"/>
              <a:gd name="T50" fmla="*/ 394 w 2697"/>
              <a:gd name="T51" fmla="*/ 2307 h 2561"/>
              <a:gd name="T52" fmla="*/ 1096 w 2697"/>
              <a:gd name="T53" fmla="*/ 2485 h 2561"/>
              <a:gd name="T54" fmla="*/ 1096 w 2697"/>
              <a:gd name="T55" fmla="*/ 2168 h 2561"/>
              <a:gd name="T56" fmla="*/ 665 w 2697"/>
              <a:gd name="T57" fmla="*/ 1442 h 2561"/>
              <a:gd name="T58" fmla="*/ 665 w 2697"/>
              <a:gd name="T59" fmla="*/ 1124 h 2561"/>
              <a:gd name="T60" fmla="*/ 665 w 2697"/>
              <a:gd name="T61" fmla="*/ 1442 h 2561"/>
              <a:gd name="T62" fmla="*/ 1600 w 2697"/>
              <a:gd name="T63" fmla="*/ 2466 h 2561"/>
              <a:gd name="T64" fmla="*/ 1600 w 2697"/>
              <a:gd name="T65" fmla="*/ 2149 h 2561"/>
              <a:gd name="T66" fmla="*/ 1138 w 2697"/>
              <a:gd name="T67" fmla="*/ 234 h 2561"/>
              <a:gd name="T68" fmla="*/ 1455 w 2697"/>
              <a:gd name="T69" fmla="*/ 234 h 2561"/>
              <a:gd name="T70" fmla="*/ 1138 w 2697"/>
              <a:gd name="T71" fmla="*/ 234 h 2561"/>
              <a:gd name="T72" fmla="*/ 2031 w 2697"/>
              <a:gd name="T73" fmla="*/ 1124 h 2561"/>
              <a:gd name="T74" fmla="*/ 2031 w 2697"/>
              <a:gd name="T75" fmla="*/ 1442 h 2561"/>
              <a:gd name="T76" fmla="*/ 2462 w 2697"/>
              <a:gd name="T77" fmla="*/ 2485 h 2561"/>
              <a:gd name="T78" fmla="*/ 2462 w 2697"/>
              <a:gd name="T79" fmla="*/ 2168 h 2561"/>
              <a:gd name="T80" fmla="*/ 2462 w 2697"/>
              <a:gd name="T81" fmla="*/ 2485 h 25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97" h="2561">
                <a:moveTo>
                  <a:pt x="2469" y="2092"/>
                </a:moveTo>
                <a:lnTo>
                  <a:pt x="2109" y="1504"/>
                </a:lnTo>
                <a:cubicBezTo>
                  <a:pt x="2200" y="1472"/>
                  <a:pt x="2266" y="1385"/>
                  <a:pt x="2266" y="1283"/>
                </a:cubicBezTo>
                <a:cubicBezTo>
                  <a:pt x="2266" y="1154"/>
                  <a:pt x="2160" y="1048"/>
                  <a:pt x="2031" y="1048"/>
                </a:cubicBezTo>
                <a:cubicBezTo>
                  <a:pt x="1991" y="1048"/>
                  <a:pt x="1955" y="1059"/>
                  <a:pt x="1922" y="1076"/>
                </a:cubicBezTo>
                <a:lnTo>
                  <a:pt x="1477" y="382"/>
                </a:lnTo>
                <a:cubicBezTo>
                  <a:pt x="1510" y="342"/>
                  <a:pt x="1531" y="291"/>
                  <a:pt x="1531" y="234"/>
                </a:cubicBezTo>
                <a:cubicBezTo>
                  <a:pt x="1531" y="105"/>
                  <a:pt x="1426" y="0"/>
                  <a:pt x="1296" y="0"/>
                </a:cubicBezTo>
                <a:cubicBezTo>
                  <a:pt x="1167" y="0"/>
                  <a:pt x="1062" y="105"/>
                  <a:pt x="1062" y="234"/>
                </a:cubicBezTo>
                <a:cubicBezTo>
                  <a:pt x="1062" y="299"/>
                  <a:pt x="1088" y="358"/>
                  <a:pt x="1131" y="401"/>
                </a:cubicBezTo>
                <a:lnTo>
                  <a:pt x="713" y="1053"/>
                </a:lnTo>
                <a:cubicBezTo>
                  <a:pt x="698" y="1050"/>
                  <a:pt x="682" y="1048"/>
                  <a:pt x="665" y="1048"/>
                </a:cubicBezTo>
                <a:cubicBezTo>
                  <a:pt x="536" y="1048"/>
                  <a:pt x="431" y="1154"/>
                  <a:pt x="431" y="1283"/>
                </a:cubicBezTo>
                <a:cubicBezTo>
                  <a:pt x="431" y="1387"/>
                  <a:pt x="499" y="1474"/>
                  <a:pt x="592" y="1505"/>
                </a:cubicBezTo>
                <a:lnTo>
                  <a:pt x="244" y="2074"/>
                </a:lnTo>
                <a:cubicBezTo>
                  <a:pt x="241" y="2073"/>
                  <a:pt x="238" y="2073"/>
                  <a:pt x="235" y="2073"/>
                </a:cubicBezTo>
                <a:cubicBezTo>
                  <a:pt x="105" y="2073"/>
                  <a:pt x="0" y="2178"/>
                  <a:pt x="0" y="2307"/>
                </a:cubicBezTo>
                <a:cubicBezTo>
                  <a:pt x="0" y="2437"/>
                  <a:pt x="105" y="2542"/>
                  <a:pt x="235" y="2542"/>
                </a:cubicBezTo>
                <a:cubicBezTo>
                  <a:pt x="364" y="2542"/>
                  <a:pt x="470" y="2437"/>
                  <a:pt x="470" y="2307"/>
                </a:cubicBezTo>
                <a:cubicBezTo>
                  <a:pt x="470" y="2209"/>
                  <a:pt x="409" y="2125"/>
                  <a:pt x="322" y="2090"/>
                </a:cubicBezTo>
                <a:lnTo>
                  <a:pt x="668" y="1526"/>
                </a:lnTo>
                <a:lnTo>
                  <a:pt x="1022" y="2105"/>
                </a:lnTo>
                <a:cubicBezTo>
                  <a:pt x="929" y="2136"/>
                  <a:pt x="862" y="2223"/>
                  <a:pt x="862" y="2326"/>
                </a:cubicBezTo>
                <a:cubicBezTo>
                  <a:pt x="862" y="2456"/>
                  <a:pt x="967" y="2561"/>
                  <a:pt x="1097" y="2561"/>
                </a:cubicBezTo>
                <a:cubicBezTo>
                  <a:pt x="1226" y="2561"/>
                  <a:pt x="1331" y="2456"/>
                  <a:pt x="1331" y="2326"/>
                </a:cubicBezTo>
                <a:cubicBezTo>
                  <a:pt x="1331" y="2199"/>
                  <a:pt x="1230" y="2096"/>
                  <a:pt x="1104" y="2092"/>
                </a:cubicBezTo>
                <a:lnTo>
                  <a:pt x="743" y="1504"/>
                </a:lnTo>
                <a:cubicBezTo>
                  <a:pt x="834" y="1472"/>
                  <a:pt x="900" y="1385"/>
                  <a:pt x="900" y="1283"/>
                </a:cubicBezTo>
                <a:cubicBezTo>
                  <a:pt x="900" y="1198"/>
                  <a:pt x="853" y="1123"/>
                  <a:pt x="785" y="1082"/>
                </a:cubicBezTo>
                <a:lnTo>
                  <a:pt x="1193" y="444"/>
                </a:lnTo>
                <a:cubicBezTo>
                  <a:pt x="1225" y="460"/>
                  <a:pt x="1259" y="469"/>
                  <a:pt x="1296" y="469"/>
                </a:cubicBezTo>
                <a:cubicBezTo>
                  <a:pt x="1342" y="469"/>
                  <a:pt x="1384" y="456"/>
                  <a:pt x="1420" y="433"/>
                </a:cubicBezTo>
                <a:lnTo>
                  <a:pt x="1861" y="1122"/>
                </a:lnTo>
                <a:cubicBezTo>
                  <a:pt x="1821" y="1164"/>
                  <a:pt x="1796" y="1221"/>
                  <a:pt x="1796" y="1283"/>
                </a:cubicBezTo>
                <a:cubicBezTo>
                  <a:pt x="1796" y="1387"/>
                  <a:pt x="1864" y="1474"/>
                  <a:pt x="1957" y="1505"/>
                </a:cubicBezTo>
                <a:lnTo>
                  <a:pt x="1609" y="2074"/>
                </a:lnTo>
                <a:cubicBezTo>
                  <a:pt x="1606" y="2073"/>
                  <a:pt x="1603" y="2073"/>
                  <a:pt x="1600" y="2073"/>
                </a:cubicBezTo>
                <a:cubicBezTo>
                  <a:pt x="1471" y="2073"/>
                  <a:pt x="1365" y="2178"/>
                  <a:pt x="1365" y="2307"/>
                </a:cubicBezTo>
                <a:cubicBezTo>
                  <a:pt x="1365" y="2437"/>
                  <a:pt x="1471" y="2542"/>
                  <a:pt x="1600" y="2542"/>
                </a:cubicBezTo>
                <a:cubicBezTo>
                  <a:pt x="1730" y="2542"/>
                  <a:pt x="1835" y="2437"/>
                  <a:pt x="1835" y="2307"/>
                </a:cubicBezTo>
                <a:cubicBezTo>
                  <a:pt x="1835" y="2209"/>
                  <a:pt x="1774" y="2125"/>
                  <a:pt x="1688" y="2090"/>
                </a:cubicBezTo>
                <a:lnTo>
                  <a:pt x="2033" y="1526"/>
                </a:lnTo>
                <a:lnTo>
                  <a:pt x="2388" y="2105"/>
                </a:lnTo>
                <a:cubicBezTo>
                  <a:pt x="2295" y="2136"/>
                  <a:pt x="2227" y="2223"/>
                  <a:pt x="2227" y="2326"/>
                </a:cubicBezTo>
                <a:cubicBezTo>
                  <a:pt x="2227" y="2456"/>
                  <a:pt x="2333" y="2561"/>
                  <a:pt x="2462" y="2561"/>
                </a:cubicBezTo>
                <a:cubicBezTo>
                  <a:pt x="2592" y="2561"/>
                  <a:pt x="2697" y="2456"/>
                  <a:pt x="2697" y="2326"/>
                </a:cubicBezTo>
                <a:cubicBezTo>
                  <a:pt x="2697" y="2199"/>
                  <a:pt x="2595" y="2096"/>
                  <a:pt x="2469" y="2092"/>
                </a:cubicBezTo>
                <a:close/>
                <a:moveTo>
                  <a:pt x="394" y="2307"/>
                </a:moveTo>
                <a:cubicBezTo>
                  <a:pt x="394" y="2395"/>
                  <a:pt x="322" y="2466"/>
                  <a:pt x="235" y="2466"/>
                </a:cubicBezTo>
                <a:cubicBezTo>
                  <a:pt x="147" y="2466"/>
                  <a:pt x="76" y="2395"/>
                  <a:pt x="76" y="2307"/>
                </a:cubicBezTo>
                <a:cubicBezTo>
                  <a:pt x="76" y="2220"/>
                  <a:pt x="147" y="2149"/>
                  <a:pt x="235" y="2149"/>
                </a:cubicBezTo>
                <a:cubicBezTo>
                  <a:pt x="322" y="2149"/>
                  <a:pt x="394" y="2220"/>
                  <a:pt x="394" y="2307"/>
                </a:cubicBezTo>
                <a:close/>
                <a:moveTo>
                  <a:pt x="1255" y="2327"/>
                </a:moveTo>
                <a:cubicBezTo>
                  <a:pt x="1255" y="2414"/>
                  <a:pt x="1184" y="2485"/>
                  <a:pt x="1096" y="2485"/>
                </a:cubicBezTo>
                <a:cubicBezTo>
                  <a:pt x="1009" y="2485"/>
                  <a:pt x="938" y="2414"/>
                  <a:pt x="938" y="2327"/>
                </a:cubicBezTo>
                <a:cubicBezTo>
                  <a:pt x="938" y="2239"/>
                  <a:pt x="1009" y="2168"/>
                  <a:pt x="1096" y="2168"/>
                </a:cubicBezTo>
                <a:cubicBezTo>
                  <a:pt x="1184" y="2168"/>
                  <a:pt x="1255" y="2239"/>
                  <a:pt x="1255" y="2327"/>
                </a:cubicBezTo>
                <a:close/>
                <a:moveTo>
                  <a:pt x="665" y="1442"/>
                </a:moveTo>
                <a:cubicBezTo>
                  <a:pt x="578" y="1442"/>
                  <a:pt x="506" y="1371"/>
                  <a:pt x="506" y="1283"/>
                </a:cubicBezTo>
                <a:cubicBezTo>
                  <a:pt x="506" y="1196"/>
                  <a:pt x="578" y="1124"/>
                  <a:pt x="665" y="1124"/>
                </a:cubicBezTo>
                <a:cubicBezTo>
                  <a:pt x="753" y="1124"/>
                  <a:pt x="824" y="1196"/>
                  <a:pt x="824" y="1283"/>
                </a:cubicBezTo>
                <a:cubicBezTo>
                  <a:pt x="824" y="1371"/>
                  <a:pt x="753" y="1442"/>
                  <a:pt x="665" y="1442"/>
                </a:cubicBezTo>
                <a:close/>
                <a:moveTo>
                  <a:pt x="1759" y="2307"/>
                </a:moveTo>
                <a:cubicBezTo>
                  <a:pt x="1759" y="2395"/>
                  <a:pt x="1688" y="2466"/>
                  <a:pt x="1600" y="2466"/>
                </a:cubicBezTo>
                <a:cubicBezTo>
                  <a:pt x="1513" y="2466"/>
                  <a:pt x="1442" y="2395"/>
                  <a:pt x="1442" y="2307"/>
                </a:cubicBezTo>
                <a:cubicBezTo>
                  <a:pt x="1442" y="2220"/>
                  <a:pt x="1513" y="2149"/>
                  <a:pt x="1600" y="2149"/>
                </a:cubicBezTo>
                <a:cubicBezTo>
                  <a:pt x="1688" y="2149"/>
                  <a:pt x="1759" y="2220"/>
                  <a:pt x="1759" y="2307"/>
                </a:cubicBezTo>
                <a:close/>
                <a:moveTo>
                  <a:pt x="1138" y="234"/>
                </a:moveTo>
                <a:cubicBezTo>
                  <a:pt x="1138" y="147"/>
                  <a:pt x="1209" y="76"/>
                  <a:pt x="1296" y="76"/>
                </a:cubicBezTo>
                <a:cubicBezTo>
                  <a:pt x="1384" y="76"/>
                  <a:pt x="1455" y="147"/>
                  <a:pt x="1455" y="234"/>
                </a:cubicBezTo>
                <a:cubicBezTo>
                  <a:pt x="1455" y="322"/>
                  <a:pt x="1384" y="393"/>
                  <a:pt x="1296" y="393"/>
                </a:cubicBezTo>
                <a:cubicBezTo>
                  <a:pt x="1209" y="393"/>
                  <a:pt x="1138" y="322"/>
                  <a:pt x="1138" y="234"/>
                </a:cubicBezTo>
                <a:close/>
                <a:moveTo>
                  <a:pt x="1872" y="1283"/>
                </a:moveTo>
                <a:cubicBezTo>
                  <a:pt x="1872" y="1196"/>
                  <a:pt x="1943" y="1124"/>
                  <a:pt x="2031" y="1124"/>
                </a:cubicBezTo>
                <a:cubicBezTo>
                  <a:pt x="2118" y="1124"/>
                  <a:pt x="2190" y="1196"/>
                  <a:pt x="2190" y="1283"/>
                </a:cubicBezTo>
                <a:cubicBezTo>
                  <a:pt x="2190" y="1371"/>
                  <a:pt x="2118" y="1442"/>
                  <a:pt x="2031" y="1442"/>
                </a:cubicBezTo>
                <a:cubicBezTo>
                  <a:pt x="1943" y="1442"/>
                  <a:pt x="1872" y="1371"/>
                  <a:pt x="1872" y="1283"/>
                </a:cubicBezTo>
                <a:close/>
                <a:moveTo>
                  <a:pt x="2462" y="2485"/>
                </a:moveTo>
                <a:cubicBezTo>
                  <a:pt x="2374" y="2485"/>
                  <a:pt x="2303" y="2414"/>
                  <a:pt x="2303" y="2327"/>
                </a:cubicBezTo>
                <a:cubicBezTo>
                  <a:pt x="2303" y="2239"/>
                  <a:pt x="2374" y="2168"/>
                  <a:pt x="2462" y="2168"/>
                </a:cubicBezTo>
                <a:cubicBezTo>
                  <a:pt x="2550" y="2168"/>
                  <a:pt x="2621" y="2239"/>
                  <a:pt x="2621" y="2327"/>
                </a:cubicBezTo>
                <a:cubicBezTo>
                  <a:pt x="2621" y="2414"/>
                  <a:pt x="2550" y="2485"/>
                  <a:pt x="2462" y="2485"/>
                </a:cubicBezTo>
                <a:close/>
              </a:path>
            </a:pathLst>
          </a:custGeom>
          <a:solidFill>
            <a:srgbClr val="C00000"/>
          </a:solidFill>
          <a:ln w="28575">
            <a:solidFill>
              <a:srgbClr val="C00000"/>
            </a:solidFill>
          </a:ln>
        </p:spPr>
        <p:txBody>
          <a:bodyPr/>
          <a:lstStyle/>
          <a:p>
            <a:endParaRPr lang="zh-CN" altLang="en-US" sz="1600">
              <a:cs typeface="+mn-ea"/>
              <a:sym typeface="Arial" panose="020B0604020202020204" pitchFamily="34" charset="0"/>
            </a:endParaRPr>
          </a:p>
        </p:txBody>
      </p:sp>
      <p:sp>
        <p:nvSpPr>
          <p:cNvPr id="10" name="椭圆 9">
            <a:extLst>
              <a:ext uri="{FF2B5EF4-FFF2-40B4-BE49-F238E27FC236}">
                <a16:creationId xmlns:a16="http://schemas.microsoft.com/office/drawing/2014/main" xmlns="" id="{7DFAE99E-AFC9-41EC-A9DE-D879FC00AE0E}"/>
              </a:ext>
            </a:extLst>
          </p:cNvPr>
          <p:cNvSpPr/>
          <p:nvPr/>
        </p:nvSpPr>
        <p:spPr>
          <a:xfrm>
            <a:off x="4129652" y="2376769"/>
            <a:ext cx="1211311" cy="1177345"/>
          </a:xfrm>
          <a:prstGeom prst="ellipse">
            <a:avLst/>
          </a:prstGeom>
          <a:noFill/>
          <a:ln w="25400" cap="flat" cmpd="sng" algn="ctr">
            <a:solidFill>
              <a:sysClr val="window" lastClr="FFFFFF">
                <a:lumMod val="50000"/>
              </a:sysClr>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white"/>
              </a:solidFill>
              <a:effectLst/>
              <a:uLnTx/>
              <a:uFillTx/>
              <a:cs typeface="+mn-ea"/>
              <a:sym typeface="Arial" panose="020B0604020202020204" pitchFamily="34" charset="0"/>
            </a:endParaRPr>
          </a:p>
        </p:txBody>
      </p:sp>
      <p:cxnSp>
        <p:nvCxnSpPr>
          <p:cNvPr id="11" name="直接连接符 10">
            <a:extLst>
              <a:ext uri="{FF2B5EF4-FFF2-40B4-BE49-F238E27FC236}">
                <a16:creationId xmlns:a16="http://schemas.microsoft.com/office/drawing/2014/main" xmlns="" id="{428C9C54-687A-4D1F-ADC6-F08486621718}"/>
              </a:ext>
            </a:extLst>
          </p:cNvPr>
          <p:cNvCxnSpPr/>
          <p:nvPr/>
        </p:nvCxnSpPr>
        <p:spPr>
          <a:xfrm>
            <a:off x="5446186" y="3009664"/>
            <a:ext cx="648071" cy="0"/>
          </a:xfrm>
          <a:prstGeom prst="line">
            <a:avLst/>
          </a:prstGeom>
          <a:noFill/>
          <a:ln w="19050" cap="flat" cmpd="sng" algn="ctr">
            <a:solidFill>
              <a:sysClr val="window" lastClr="FFFFFF">
                <a:lumMod val="65000"/>
              </a:sysClr>
            </a:solidFill>
            <a:prstDash val="solid"/>
            <a:headEnd type="none" w="med" len="med"/>
            <a:tailEnd type="triangle" w="med" len="med"/>
          </a:ln>
          <a:effectLst/>
        </p:spPr>
      </p:cxnSp>
      <p:sp>
        <p:nvSpPr>
          <p:cNvPr id="12" name="椭圆 11">
            <a:extLst>
              <a:ext uri="{FF2B5EF4-FFF2-40B4-BE49-F238E27FC236}">
                <a16:creationId xmlns:a16="http://schemas.microsoft.com/office/drawing/2014/main" xmlns="" id="{748DA4FC-60F4-4BAB-AFA1-97B569A0B2ED}"/>
              </a:ext>
            </a:extLst>
          </p:cNvPr>
          <p:cNvSpPr/>
          <p:nvPr/>
        </p:nvSpPr>
        <p:spPr>
          <a:xfrm>
            <a:off x="6169889" y="2340221"/>
            <a:ext cx="1260141" cy="1218368"/>
          </a:xfrm>
          <a:prstGeom prst="ellipse">
            <a:avLst/>
          </a:prstGeom>
          <a:noFill/>
          <a:ln w="25400" cap="flat" cmpd="sng" algn="ctr">
            <a:solidFill>
              <a:sysClr val="window" lastClr="FFFFFF">
                <a:lumMod val="50000"/>
              </a:sysClr>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white"/>
              </a:solidFill>
              <a:effectLst/>
              <a:uLnTx/>
              <a:uFillTx/>
              <a:cs typeface="+mn-ea"/>
              <a:sym typeface="Arial" panose="020B0604020202020204" pitchFamily="34" charset="0"/>
            </a:endParaRPr>
          </a:p>
        </p:txBody>
      </p:sp>
      <p:sp>
        <p:nvSpPr>
          <p:cNvPr id="13" name="verification-symbol-in-a-square-box_37892">
            <a:extLst>
              <a:ext uri="{FF2B5EF4-FFF2-40B4-BE49-F238E27FC236}">
                <a16:creationId xmlns:a16="http://schemas.microsoft.com/office/drawing/2014/main" xmlns="" id="{0BD456EB-B2AF-4603-BA3C-072E180F5056}"/>
              </a:ext>
            </a:extLst>
          </p:cNvPr>
          <p:cNvSpPr>
            <a:spLocks noChangeAspect="1"/>
          </p:cNvSpPr>
          <p:nvPr/>
        </p:nvSpPr>
        <p:spPr bwMode="auto">
          <a:xfrm>
            <a:off x="6495116" y="2683235"/>
            <a:ext cx="609685" cy="512465"/>
          </a:xfrm>
          <a:custGeom>
            <a:avLst/>
            <a:gdLst>
              <a:gd name="connsiteX0" fmla="*/ 536415 w 607227"/>
              <a:gd name="connsiteY0" fmla="*/ 12631 h 510399"/>
              <a:gd name="connsiteX1" fmla="*/ 557192 w 607227"/>
              <a:gd name="connsiteY1" fmla="*/ 21221 h 510399"/>
              <a:gd name="connsiteX2" fmla="*/ 598584 w 607227"/>
              <a:gd name="connsiteY2" fmla="*/ 62633 h 510399"/>
              <a:gd name="connsiteX3" fmla="*/ 598584 w 607227"/>
              <a:gd name="connsiteY3" fmla="*/ 104044 h 510399"/>
              <a:gd name="connsiteX4" fmla="*/ 511175 w 607227"/>
              <a:gd name="connsiteY4" fmla="*/ 191324 h 510399"/>
              <a:gd name="connsiteX5" fmla="*/ 444948 w 607227"/>
              <a:gd name="connsiteY5" fmla="*/ 257453 h 510399"/>
              <a:gd name="connsiteX6" fmla="*/ 339441 w 607227"/>
              <a:gd name="connsiteY6" fmla="*/ 362805 h 510399"/>
              <a:gd name="connsiteX7" fmla="*/ 297968 w 607227"/>
              <a:gd name="connsiteY7" fmla="*/ 404217 h 510399"/>
              <a:gd name="connsiteX8" fmla="*/ 277191 w 607227"/>
              <a:gd name="connsiteY8" fmla="*/ 412807 h 510399"/>
              <a:gd name="connsiteX9" fmla="*/ 256495 w 607227"/>
              <a:gd name="connsiteY9" fmla="*/ 404217 h 510399"/>
              <a:gd name="connsiteX10" fmla="*/ 215023 w 607227"/>
              <a:gd name="connsiteY10" fmla="*/ 362805 h 510399"/>
              <a:gd name="connsiteX11" fmla="*/ 138814 w 607227"/>
              <a:gd name="connsiteY11" fmla="*/ 286790 h 510399"/>
              <a:gd name="connsiteX12" fmla="*/ 138814 w 607227"/>
              <a:gd name="connsiteY12" fmla="*/ 245378 h 510399"/>
              <a:gd name="connsiteX13" fmla="*/ 180286 w 607227"/>
              <a:gd name="connsiteY13" fmla="*/ 203967 h 510399"/>
              <a:gd name="connsiteX14" fmla="*/ 201063 w 607227"/>
              <a:gd name="connsiteY14" fmla="*/ 195376 h 510399"/>
              <a:gd name="connsiteX15" fmla="*/ 221759 w 607227"/>
              <a:gd name="connsiteY15" fmla="*/ 203967 h 510399"/>
              <a:gd name="connsiteX16" fmla="*/ 277191 w 607227"/>
              <a:gd name="connsiteY16" fmla="*/ 259317 h 510399"/>
              <a:gd name="connsiteX17" fmla="*/ 444948 w 607227"/>
              <a:gd name="connsiteY17" fmla="*/ 91807 h 510399"/>
              <a:gd name="connsiteX18" fmla="*/ 503951 w 607227"/>
              <a:gd name="connsiteY18" fmla="*/ 32891 h 510399"/>
              <a:gd name="connsiteX19" fmla="*/ 515719 w 607227"/>
              <a:gd name="connsiteY19" fmla="*/ 21221 h 510399"/>
              <a:gd name="connsiteX20" fmla="*/ 536415 w 607227"/>
              <a:gd name="connsiteY20" fmla="*/ 12631 h 510399"/>
              <a:gd name="connsiteX21" fmla="*/ 61847 w 607227"/>
              <a:gd name="connsiteY21" fmla="*/ 0 h 510399"/>
              <a:gd name="connsiteX22" fmla="*/ 449328 w 607227"/>
              <a:gd name="connsiteY22" fmla="*/ 0 h 510399"/>
              <a:gd name="connsiteX23" fmla="*/ 491858 w 607227"/>
              <a:gd name="connsiteY23" fmla="*/ 17019 h 510399"/>
              <a:gd name="connsiteX24" fmla="*/ 442591 w 607227"/>
              <a:gd name="connsiteY24" fmla="*/ 66130 h 510399"/>
              <a:gd name="connsiteX25" fmla="*/ 66230 w 607227"/>
              <a:gd name="connsiteY25" fmla="*/ 66130 h 510399"/>
              <a:gd name="connsiteX26" fmla="*/ 66230 w 607227"/>
              <a:gd name="connsiteY26" fmla="*/ 444269 h 510399"/>
              <a:gd name="connsiteX27" fmla="*/ 444945 w 607227"/>
              <a:gd name="connsiteY27" fmla="*/ 444269 h 510399"/>
              <a:gd name="connsiteX28" fmla="*/ 444945 w 607227"/>
              <a:gd name="connsiteY28" fmla="*/ 285590 h 510399"/>
              <a:gd name="connsiteX29" fmla="*/ 511175 w 607227"/>
              <a:gd name="connsiteY29" fmla="*/ 219460 h 510399"/>
              <a:gd name="connsiteX30" fmla="*/ 511175 w 607227"/>
              <a:gd name="connsiteY30" fmla="*/ 448645 h 510399"/>
              <a:gd name="connsiteX31" fmla="*/ 449328 w 607227"/>
              <a:gd name="connsiteY31" fmla="*/ 510399 h 510399"/>
              <a:gd name="connsiteX32" fmla="*/ 61847 w 607227"/>
              <a:gd name="connsiteY32" fmla="*/ 510399 h 510399"/>
              <a:gd name="connsiteX33" fmla="*/ 0 w 607227"/>
              <a:gd name="connsiteY33" fmla="*/ 448645 h 510399"/>
              <a:gd name="connsiteX34" fmla="*/ 0 w 607227"/>
              <a:gd name="connsiteY34" fmla="*/ 61673 h 510399"/>
              <a:gd name="connsiteX35" fmla="*/ 61847 w 607227"/>
              <a:gd name="connsiteY35" fmla="*/ 0 h 5103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607227" h="510399">
                <a:moveTo>
                  <a:pt x="536415" y="12631"/>
                </a:moveTo>
                <a:cubicBezTo>
                  <a:pt x="543882" y="12631"/>
                  <a:pt x="551430" y="15467"/>
                  <a:pt x="557192" y="21221"/>
                </a:cubicBezTo>
                <a:lnTo>
                  <a:pt x="598584" y="62633"/>
                </a:lnTo>
                <a:cubicBezTo>
                  <a:pt x="610108" y="74059"/>
                  <a:pt x="610108" y="92618"/>
                  <a:pt x="598584" y="104044"/>
                </a:cubicBezTo>
                <a:lnTo>
                  <a:pt x="511175" y="191324"/>
                </a:lnTo>
                <a:lnTo>
                  <a:pt x="444948" y="257453"/>
                </a:lnTo>
                <a:lnTo>
                  <a:pt x="339441" y="362805"/>
                </a:lnTo>
                <a:lnTo>
                  <a:pt x="297968" y="404217"/>
                </a:lnTo>
                <a:cubicBezTo>
                  <a:pt x="292206" y="409971"/>
                  <a:pt x="284739" y="412807"/>
                  <a:pt x="277191" y="412807"/>
                </a:cubicBezTo>
                <a:cubicBezTo>
                  <a:pt x="269724" y="412807"/>
                  <a:pt x="262177" y="409971"/>
                  <a:pt x="256495" y="404217"/>
                </a:cubicBezTo>
                <a:lnTo>
                  <a:pt x="215023" y="362805"/>
                </a:lnTo>
                <a:lnTo>
                  <a:pt x="138814" y="286790"/>
                </a:lnTo>
                <a:cubicBezTo>
                  <a:pt x="127370" y="275363"/>
                  <a:pt x="127370" y="256805"/>
                  <a:pt x="138814" y="245378"/>
                </a:cubicBezTo>
                <a:lnTo>
                  <a:pt x="180286" y="203967"/>
                </a:lnTo>
                <a:cubicBezTo>
                  <a:pt x="186049" y="198213"/>
                  <a:pt x="193515" y="195376"/>
                  <a:pt x="201063" y="195376"/>
                </a:cubicBezTo>
                <a:cubicBezTo>
                  <a:pt x="208530" y="195376"/>
                  <a:pt x="215997" y="198213"/>
                  <a:pt x="221759" y="203967"/>
                </a:cubicBezTo>
                <a:lnTo>
                  <a:pt x="277191" y="259317"/>
                </a:lnTo>
                <a:lnTo>
                  <a:pt x="444948" y="91807"/>
                </a:lnTo>
                <a:lnTo>
                  <a:pt x="503951" y="32891"/>
                </a:lnTo>
                <a:lnTo>
                  <a:pt x="515719" y="21221"/>
                </a:lnTo>
                <a:cubicBezTo>
                  <a:pt x="521401" y="15467"/>
                  <a:pt x="528949" y="12631"/>
                  <a:pt x="536415" y="12631"/>
                </a:cubicBezTo>
                <a:close/>
                <a:moveTo>
                  <a:pt x="61847" y="0"/>
                </a:moveTo>
                <a:lnTo>
                  <a:pt x="449328" y="0"/>
                </a:lnTo>
                <a:cubicBezTo>
                  <a:pt x="465804" y="0"/>
                  <a:pt x="480738" y="6483"/>
                  <a:pt x="491858" y="17019"/>
                </a:cubicBezTo>
                <a:lnTo>
                  <a:pt x="442591" y="66130"/>
                </a:lnTo>
                <a:lnTo>
                  <a:pt x="66230" y="66130"/>
                </a:lnTo>
                <a:lnTo>
                  <a:pt x="66230" y="444269"/>
                </a:lnTo>
                <a:lnTo>
                  <a:pt x="444945" y="444269"/>
                </a:lnTo>
                <a:lnTo>
                  <a:pt x="444945" y="285590"/>
                </a:lnTo>
                <a:lnTo>
                  <a:pt x="511175" y="219460"/>
                </a:lnTo>
                <a:lnTo>
                  <a:pt x="511175" y="448645"/>
                </a:lnTo>
                <a:cubicBezTo>
                  <a:pt x="511175" y="482683"/>
                  <a:pt x="483417" y="510399"/>
                  <a:pt x="449328" y="510399"/>
                </a:cubicBezTo>
                <a:lnTo>
                  <a:pt x="61847" y="510399"/>
                </a:lnTo>
                <a:cubicBezTo>
                  <a:pt x="27758" y="510399"/>
                  <a:pt x="0" y="482683"/>
                  <a:pt x="0" y="448645"/>
                </a:cubicBezTo>
                <a:lnTo>
                  <a:pt x="0" y="61673"/>
                </a:lnTo>
                <a:cubicBezTo>
                  <a:pt x="0" y="27635"/>
                  <a:pt x="27758" y="0"/>
                  <a:pt x="61847" y="0"/>
                </a:cubicBezTo>
                <a:close/>
              </a:path>
            </a:pathLst>
          </a:custGeom>
          <a:solidFill>
            <a:srgbClr val="C00000"/>
          </a:solidFill>
          <a:ln>
            <a:noFill/>
          </a:ln>
        </p:spPr>
        <p:txBody>
          <a:bodyPr/>
          <a:lstStyle/>
          <a:p>
            <a:endParaRPr lang="zh-CN" altLang="en-US" sz="1600">
              <a:cs typeface="+mn-ea"/>
              <a:sym typeface="Arial" panose="020B0604020202020204" pitchFamily="34" charset="0"/>
            </a:endParaRPr>
          </a:p>
        </p:txBody>
      </p:sp>
      <p:cxnSp>
        <p:nvCxnSpPr>
          <p:cNvPr id="14" name="直接连接符 13">
            <a:extLst>
              <a:ext uri="{FF2B5EF4-FFF2-40B4-BE49-F238E27FC236}">
                <a16:creationId xmlns:a16="http://schemas.microsoft.com/office/drawing/2014/main" xmlns="" id="{219B5BC2-0652-42DC-B1A4-3B96CA5CFEAC}"/>
              </a:ext>
            </a:extLst>
          </p:cNvPr>
          <p:cNvCxnSpPr/>
          <p:nvPr/>
        </p:nvCxnSpPr>
        <p:spPr>
          <a:xfrm>
            <a:off x="7692809" y="3123964"/>
            <a:ext cx="648071" cy="0"/>
          </a:xfrm>
          <a:prstGeom prst="line">
            <a:avLst/>
          </a:prstGeom>
          <a:noFill/>
          <a:ln w="19050" cap="flat" cmpd="sng" algn="ctr">
            <a:solidFill>
              <a:sysClr val="window" lastClr="FFFFFF">
                <a:lumMod val="65000"/>
              </a:sysClr>
            </a:solidFill>
            <a:prstDash val="solid"/>
            <a:headEnd type="none" w="med" len="med"/>
            <a:tailEnd type="triangle" w="med" len="med"/>
          </a:ln>
          <a:effectLst/>
        </p:spPr>
      </p:cxnSp>
      <p:cxnSp>
        <p:nvCxnSpPr>
          <p:cNvPr id="15" name="直接连接符 14">
            <a:extLst>
              <a:ext uri="{FF2B5EF4-FFF2-40B4-BE49-F238E27FC236}">
                <a16:creationId xmlns:a16="http://schemas.microsoft.com/office/drawing/2014/main" xmlns="" id="{D46E2C7A-5E88-4DE6-92A3-3CE9CEAD03B4}"/>
              </a:ext>
            </a:extLst>
          </p:cNvPr>
          <p:cNvCxnSpPr/>
          <p:nvPr/>
        </p:nvCxnSpPr>
        <p:spPr>
          <a:xfrm>
            <a:off x="618062" y="4436894"/>
            <a:ext cx="2993844" cy="0"/>
          </a:xfrm>
          <a:prstGeom prst="line">
            <a:avLst/>
          </a:prstGeom>
          <a:noFill/>
          <a:ln w="9525" cap="flat" cmpd="sng" algn="ctr">
            <a:solidFill>
              <a:srgbClr val="C00000"/>
            </a:solidFill>
            <a:prstDash val="solid"/>
          </a:ln>
          <a:effectLst/>
        </p:spPr>
      </p:cxnSp>
      <p:cxnSp>
        <p:nvCxnSpPr>
          <p:cNvPr id="16" name="直接连接符 15">
            <a:extLst>
              <a:ext uri="{FF2B5EF4-FFF2-40B4-BE49-F238E27FC236}">
                <a16:creationId xmlns:a16="http://schemas.microsoft.com/office/drawing/2014/main" xmlns="" id="{0C7CB991-7D45-44ED-8094-2A1DE469A5F9}"/>
              </a:ext>
            </a:extLst>
          </p:cNvPr>
          <p:cNvCxnSpPr/>
          <p:nvPr/>
        </p:nvCxnSpPr>
        <p:spPr>
          <a:xfrm>
            <a:off x="4236080" y="4436894"/>
            <a:ext cx="3255894" cy="0"/>
          </a:xfrm>
          <a:prstGeom prst="line">
            <a:avLst/>
          </a:prstGeom>
          <a:noFill/>
          <a:ln w="9525" cap="flat" cmpd="sng" algn="ctr">
            <a:solidFill>
              <a:srgbClr val="C00000"/>
            </a:solidFill>
            <a:prstDash val="solid"/>
          </a:ln>
          <a:effectLst/>
        </p:spPr>
      </p:cxnSp>
      <p:cxnSp>
        <p:nvCxnSpPr>
          <p:cNvPr id="17" name="直接连接符 16">
            <a:extLst>
              <a:ext uri="{FF2B5EF4-FFF2-40B4-BE49-F238E27FC236}">
                <a16:creationId xmlns:a16="http://schemas.microsoft.com/office/drawing/2014/main" xmlns="" id="{1D360828-0ED5-44C0-9DD8-A663AE4DA897}"/>
              </a:ext>
            </a:extLst>
          </p:cNvPr>
          <p:cNvCxnSpPr/>
          <p:nvPr/>
        </p:nvCxnSpPr>
        <p:spPr>
          <a:xfrm>
            <a:off x="8136966" y="4436894"/>
            <a:ext cx="3255894" cy="0"/>
          </a:xfrm>
          <a:prstGeom prst="line">
            <a:avLst/>
          </a:prstGeom>
          <a:noFill/>
          <a:ln w="9525" cap="flat" cmpd="sng" algn="ctr">
            <a:solidFill>
              <a:srgbClr val="C00000"/>
            </a:solidFill>
            <a:prstDash val="solid"/>
          </a:ln>
          <a:effectLst/>
        </p:spPr>
      </p:cxnSp>
      <p:sp>
        <p:nvSpPr>
          <p:cNvPr id="18" name="文本框 17">
            <a:extLst>
              <a:ext uri="{FF2B5EF4-FFF2-40B4-BE49-F238E27FC236}">
                <a16:creationId xmlns:a16="http://schemas.microsoft.com/office/drawing/2014/main" xmlns="" id="{99E60F1D-BFE8-4BFE-8498-B8794CAD7AF2}"/>
              </a:ext>
            </a:extLst>
          </p:cNvPr>
          <p:cNvSpPr txBox="1"/>
          <p:nvPr/>
        </p:nvSpPr>
        <p:spPr>
          <a:xfrm>
            <a:off x="823849" y="4522823"/>
            <a:ext cx="2220804" cy="338554"/>
          </a:xfrm>
          <a:prstGeom prst="rect">
            <a:avLst/>
          </a:prstGeom>
          <a:noFill/>
        </p:spPr>
        <p:txBody>
          <a:bodyPr wrap="square" rtlCol="0">
            <a:spAutoFit/>
          </a:bodyPr>
          <a:lstStyle/>
          <a:p>
            <a:pPr algn="ctr" defTabSz="1219272"/>
            <a:r>
              <a:rPr lang="zh-CN" altLang="en-US" sz="1600" b="1">
                <a:cs typeface="+mn-ea"/>
                <a:sym typeface="Arial" panose="020B0604020202020204" pitchFamily="34" charset="0"/>
              </a:rPr>
              <a:t>数据收集</a:t>
            </a:r>
            <a:r>
              <a:rPr lang="en-US" altLang="zh-CN" sz="1600" b="1">
                <a:cs typeface="+mn-ea"/>
                <a:sym typeface="Arial" panose="020B0604020202020204" pitchFamily="34" charset="0"/>
              </a:rPr>
              <a:t>/</a:t>
            </a:r>
            <a:r>
              <a:rPr lang="zh-CN" altLang="en-US" sz="1600" b="1">
                <a:cs typeface="+mn-ea"/>
                <a:sym typeface="Arial" panose="020B0604020202020204" pitchFamily="34" charset="0"/>
              </a:rPr>
              <a:t>上传</a:t>
            </a:r>
            <a:endParaRPr lang="zh-CN" altLang="en-US" sz="1600" b="1" dirty="0">
              <a:cs typeface="+mn-ea"/>
              <a:sym typeface="Arial" panose="020B0604020202020204" pitchFamily="34" charset="0"/>
            </a:endParaRPr>
          </a:p>
        </p:txBody>
      </p:sp>
      <p:sp>
        <p:nvSpPr>
          <p:cNvPr id="19" name="文本框 18">
            <a:extLst>
              <a:ext uri="{FF2B5EF4-FFF2-40B4-BE49-F238E27FC236}">
                <a16:creationId xmlns:a16="http://schemas.microsoft.com/office/drawing/2014/main" xmlns="" id="{BBA10DA9-5948-4118-BDF3-249B37A547E8}"/>
              </a:ext>
            </a:extLst>
          </p:cNvPr>
          <p:cNvSpPr txBox="1"/>
          <p:nvPr/>
        </p:nvSpPr>
        <p:spPr>
          <a:xfrm>
            <a:off x="4671928" y="4537558"/>
            <a:ext cx="2220804" cy="338554"/>
          </a:xfrm>
          <a:prstGeom prst="rect">
            <a:avLst/>
          </a:prstGeom>
          <a:noFill/>
        </p:spPr>
        <p:txBody>
          <a:bodyPr wrap="square" rtlCol="0">
            <a:spAutoFit/>
          </a:bodyPr>
          <a:lstStyle/>
          <a:p>
            <a:pPr algn="ctr" defTabSz="1219272"/>
            <a:r>
              <a:rPr lang="zh-CN" altLang="en-US" sz="1600" b="1" dirty="0">
                <a:cs typeface="+mn-ea"/>
                <a:sym typeface="Arial" panose="020B0604020202020204" pitchFamily="34" charset="0"/>
              </a:rPr>
              <a:t>建模求解</a:t>
            </a:r>
          </a:p>
        </p:txBody>
      </p:sp>
      <p:sp>
        <p:nvSpPr>
          <p:cNvPr id="20" name="文本框 19">
            <a:extLst>
              <a:ext uri="{FF2B5EF4-FFF2-40B4-BE49-F238E27FC236}">
                <a16:creationId xmlns:a16="http://schemas.microsoft.com/office/drawing/2014/main" xmlns="" id="{D42864A9-822F-4752-9C7F-0C8F3C8E5019}"/>
              </a:ext>
            </a:extLst>
          </p:cNvPr>
          <p:cNvSpPr txBox="1"/>
          <p:nvPr/>
        </p:nvSpPr>
        <p:spPr>
          <a:xfrm>
            <a:off x="8654511" y="4537558"/>
            <a:ext cx="2220804" cy="338554"/>
          </a:xfrm>
          <a:prstGeom prst="rect">
            <a:avLst/>
          </a:prstGeom>
          <a:noFill/>
        </p:spPr>
        <p:txBody>
          <a:bodyPr wrap="square" rtlCol="0">
            <a:spAutoFit/>
          </a:bodyPr>
          <a:lstStyle/>
          <a:p>
            <a:pPr algn="ctr" defTabSz="1219272"/>
            <a:r>
              <a:rPr lang="zh-CN" altLang="en-US" sz="1600" b="1" dirty="0">
                <a:cs typeface="+mn-ea"/>
                <a:sym typeface="Arial" panose="020B0604020202020204" pitchFamily="34" charset="0"/>
              </a:rPr>
              <a:t>校验结果</a:t>
            </a:r>
          </a:p>
        </p:txBody>
      </p:sp>
      <p:sp>
        <p:nvSpPr>
          <p:cNvPr id="21" name="左大括号 20">
            <a:extLst>
              <a:ext uri="{FF2B5EF4-FFF2-40B4-BE49-F238E27FC236}">
                <a16:creationId xmlns:a16="http://schemas.microsoft.com/office/drawing/2014/main" xmlns="" id="{E1C1D055-7423-4ECE-A5BA-62CE738E791B}"/>
              </a:ext>
            </a:extLst>
          </p:cNvPr>
          <p:cNvSpPr/>
          <p:nvPr/>
        </p:nvSpPr>
        <p:spPr>
          <a:xfrm>
            <a:off x="8459077" y="2118560"/>
            <a:ext cx="504055" cy="1975371"/>
          </a:xfrm>
          <a:prstGeom prst="leftBrace">
            <a:avLst>
              <a:gd name="adj1" fmla="val 25208"/>
              <a:gd name="adj2" fmla="val 50000"/>
            </a:avLst>
          </a:prstGeom>
          <a:noFill/>
          <a:ln w="19050" cap="flat" cmpd="sng" algn="ctr">
            <a:solidFill>
              <a:sysClr val="window" lastClr="FFFFFF">
                <a:lumMod val="65000"/>
              </a:sysClr>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black"/>
              </a:solidFill>
              <a:effectLst/>
              <a:uLnTx/>
              <a:uFillTx/>
              <a:cs typeface="+mn-ea"/>
              <a:sym typeface="Arial" panose="020B0604020202020204" pitchFamily="34" charset="0"/>
            </a:endParaRPr>
          </a:p>
        </p:txBody>
      </p:sp>
      <p:sp>
        <p:nvSpPr>
          <p:cNvPr id="22" name="文本框 21">
            <a:extLst>
              <a:ext uri="{FF2B5EF4-FFF2-40B4-BE49-F238E27FC236}">
                <a16:creationId xmlns:a16="http://schemas.microsoft.com/office/drawing/2014/main" xmlns="" id="{6C68FD10-7CAA-4D93-87B7-2131E2CF3496}"/>
              </a:ext>
            </a:extLst>
          </p:cNvPr>
          <p:cNvSpPr txBox="1"/>
          <p:nvPr/>
        </p:nvSpPr>
        <p:spPr>
          <a:xfrm>
            <a:off x="4223971" y="3617251"/>
            <a:ext cx="1080120" cy="338554"/>
          </a:xfrm>
          <a:prstGeom prst="rect">
            <a:avLst/>
          </a:prstGeom>
          <a:noFill/>
        </p:spPr>
        <p:txBody>
          <a:bodyPr wrap="square" rtlCol="0">
            <a:spAutoFit/>
          </a:bodyPr>
          <a:lstStyle/>
          <a:p>
            <a:pPr algn="ctr" defTabSz="1219272"/>
            <a:r>
              <a:rPr lang="zh-CN" altLang="en-US" sz="1600" b="1" dirty="0">
                <a:solidFill>
                  <a:prstClr val="black"/>
                </a:solidFill>
                <a:cs typeface="+mn-ea"/>
                <a:sym typeface="Arial" panose="020B0604020202020204" pitchFamily="34" charset="0"/>
              </a:rPr>
              <a:t>网络建模</a:t>
            </a:r>
          </a:p>
        </p:txBody>
      </p:sp>
      <p:sp>
        <p:nvSpPr>
          <p:cNvPr id="23" name="文本框 22">
            <a:extLst>
              <a:ext uri="{FF2B5EF4-FFF2-40B4-BE49-F238E27FC236}">
                <a16:creationId xmlns:a16="http://schemas.microsoft.com/office/drawing/2014/main" xmlns="" id="{6137C42A-6983-489D-B9CE-351697A304F4}"/>
              </a:ext>
            </a:extLst>
          </p:cNvPr>
          <p:cNvSpPr txBox="1"/>
          <p:nvPr/>
        </p:nvSpPr>
        <p:spPr>
          <a:xfrm>
            <a:off x="6094257" y="3619457"/>
            <a:ext cx="1345927" cy="584775"/>
          </a:xfrm>
          <a:prstGeom prst="rect">
            <a:avLst/>
          </a:prstGeom>
          <a:noFill/>
        </p:spPr>
        <p:txBody>
          <a:bodyPr wrap="square" rtlCol="0">
            <a:spAutoFit/>
          </a:bodyPr>
          <a:lstStyle/>
          <a:p>
            <a:pPr algn="ctr" defTabSz="1219272"/>
            <a:r>
              <a:rPr lang="zh-CN" altLang="en-US" sz="1600">
                <a:solidFill>
                  <a:prstClr val="black"/>
                </a:solidFill>
                <a:cs typeface="+mn-ea"/>
                <a:sym typeface="Arial" panose="020B0604020202020204" pitchFamily="34" charset="0"/>
              </a:rPr>
              <a:t>形式化验证</a:t>
            </a:r>
            <a:r>
              <a:rPr lang="zh-CN" altLang="en-US" sz="1600" dirty="0">
                <a:solidFill>
                  <a:prstClr val="black"/>
                </a:solidFill>
                <a:cs typeface="+mn-ea"/>
                <a:sym typeface="Arial" panose="020B0604020202020204" pitchFamily="34" charset="0"/>
              </a:rPr>
              <a:t>算法</a:t>
            </a:r>
          </a:p>
        </p:txBody>
      </p:sp>
      <p:sp>
        <p:nvSpPr>
          <p:cNvPr id="24" name="文本框 23">
            <a:extLst>
              <a:ext uri="{FF2B5EF4-FFF2-40B4-BE49-F238E27FC236}">
                <a16:creationId xmlns:a16="http://schemas.microsoft.com/office/drawing/2014/main" xmlns="" id="{3FB844E3-66C0-4042-9D0B-4DBAD90E0F83}"/>
              </a:ext>
            </a:extLst>
          </p:cNvPr>
          <p:cNvSpPr txBox="1"/>
          <p:nvPr/>
        </p:nvSpPr>
        <p:spPr>
          <a:xfrm>
            <a:off x="4038925" y="5017785"/>
            <a:ext cx="3491149" cy="793230"/>
          </a:xfrm>
          <a:prstGeom prst="rect">
            <a:avLst/>
          </a:prstGeom>
          <a:noFill/>
        </p:spPr>
        <p:txBody>
          <a:bodyPr wrap="square" rtlCol="0">
            <a:spAutoFit/>
          </a:bodyPr>
          <a:lstStyle/>
          <a:p>
            <a:pPr marL="285750" indent="-285750" defTabSz="1219272">
              <a:lnSpc>
                <a:spcPct val="150000"/>
              </a:lnSpc>
              <a:buFont typeface="Arial" panose="020B0604020202020204" pitchFamily="34" charset="0"/>
              <a:buChar char="•"/>
            </a:pPr>
            <a:r>
              <a:rPr lang="zh-CN" altLang="en-US" sz="1600" dirty="0">
                <a:cs typeface="+mn-ea"/>
                <a:sym typeface="Arial" panose="020B0604020202020204" pitchFamily="34" charset="0"/>
              </a:rPr>
              <a:t>建立物理</a:t>
            </a:r>
            <a:r>
              <a:rPr lang="en-US" altLang="zh-CN" sz="1600" dirty="0">
                <a:cs typeface="+mn-ea"/>
                <a:sym typeface="Arial" panose="020B0604020202020204" pitchFamily="34" charset="0"/>
              </a:rPr>
              <a:t>/</a:t>
            </a:r>
            <a:r>
              <a:rPr lang="zh-CN" altLang="en-US" sz="1600" dirty="0">
                <a:cs typeface="+mn-ea"/>
                <a:sym typeface="Arial" panose="020B0604020202020204" pitchFamily="34" charset="0"/>
              </a:rPr>
              <a:t>逻辑</a:t>
            </a:r>
            <a:r>
              <a:rPr lang="en-US" altLang="zh-CN" sz="1600" dirty="0">
                <a:cs typeface="+mn-ea"/>
                <a:sym typeface="Arial" panose="020B0604020202020204" pitchFamily="34" charset="0"/>
              </a:rPr>
              <a:t>/</a:t>
            </a:r>
            <a:r>
              <a:rPr lang="zh-CN" altLang="en-US" sz="1600" dirty="0">
                <a:cs typeface="+mn-ea"/>
                <a:sym typeface="Arial" panose="020B0604020202020204" pitchFamily="34" charset="0"/>
              </a:rPr>
              <a:t>应用网络模型</a:t>
            </a:r>
            <a:endParaRPr lang="en-US" altLang="zh-CN" sz="1600" dirty="0">
              <a:cs typeface="+mn-ea"/>
              <a:sym typeface="Arial" panose="020B0604020202020204" pitchFamily="34" charset="0"/>
            </a:endParaRPr>
          </a:p>
          <a:p>
            <a:pPr marL="285750" indent="-285750" defTabSz="1219272">
              <a:lnSpc>
                <a:spcPct val="150000"/>
              </a:lnSpc>
              <a:buFont typeface="Arial" panose="020B0604020202020204" pitchFamily="34" charset="0"/>
              <a:buChar char="•"/>
            </a:pPr>
            <a:r>
              <a:rPr lang="zh-CN" altLang="en-US" sz="1600">
                <a:cs typeface="+mn-ea"/>
                <a:sym typeface="Arial" panose="020B0604020202020204" pitchFamily="34" charset="0"/>
              </a:rPr>
              <a:t>通过形式化验证算法求解</a:t>
            </a:r>
            <a:endParaRPr lang="zh-CN" altLang="en-US" sz="1600" dirty="0">
              <a:cs typeface="+mn-ea"/>
              <a:sym typeface="Arial" panose="020B0604020202020204" pitchFamily="34" charset="0"/>
            </a:endParaRPr>
          </a:p>
        </p:txBody>
      </p:sp>
      <p:sp>
        <p:nvSpPr>
          <p:cNvPr id="25" name="文本框 24">
            <a:extLst>
              <a:ext uri="{FF2B5EF4-FFF2-40B4-BE49-F238E27FC236}">
                <a16:creationId xmlns:a16="http://schemas.microsoft.com/office/drawing/2014/main" xmlns="" id="{C337FF38-08DD-4CED-AC74-E454F896AE15}"/>
              </a:ext>
            </a:extLst>
          </p:cNvPr>
          <p:cNvSpPr txBox="1"/>
          <p:nvPr/>
        </p:nvSpPr>
        <p:spPr>
          <a:xfrm>
            <a:off x="7692810" y="5023849"/>
            <a:ext cx="4257890" cy="793230"/>
          </a:xfrm>
          <a:prstGeom prst="rect">
            <a:avLst/>
          </a:prstGeom>
          <a:noFill/>
        </p:spPr>
        <p:txBody>
          <a:bodyPr wrap="square" rtlCol="0">
            <a:spAutoFit/>
          </a:bodyPr>
          <a:lstStyle/>
          <a:p>
            <a:pPr marL="285750" indent="-285750" defTabSz="1219272">
              <a:lnSpc>
                <a:spcPct val="150000"/>
              </a:lnSpc>
              <a:buFont typeface="Arial" panose="020B0604020202020204" pitchFamily="34" charset="0"/>
              <a:buChar char="•"/>
            </a:pPr>
            <a:r>
              <a:rPr lang="zh-CN" altLang="en-US" sz="1600" dirty="0">
                <a:cs typeface="+mn-ea"/>
                <a:sym typeface="Arial" panose="020B0604020202020204" pitchFamily="34" charset="0"/>
              </a:rPr>
              <a:t>校验现网资源是否足够</a:t>
            </a:r>
            <a:r>
              <a:rPr lang="zh-CN" altLang="en-US" sz="1600">
                <a:cs typeface="+mn-ea"/>
                <a:sym typeface="Arial" panose="020B0604020202020204" pitchFamily="34" charset="0"/>
              </a:rPr>
              <a:t>、连通性等</a:t>
            </a:r>
            <a:endParaRPr lang="en-US" altLang="zh-CN" sz="1600" dirty="0">
              <a:cs typeface="+mn-ea"/>
              <a:sym typeface="Arial" panose="020B0604020202020204" pitchFamily="34" charset="0"/>
            </a:endParaRPr>
          </a:p>
          <a:p>
            <a:pPr marL="285750" indent="-285750" defTabSz="1219272">
              <a:lnSpc>
                <a:spcPct val="150000"/>
              </a:lnSpc>
              <a:buFont typeface="Arial" panose="020B0604020202020204" pitchFamily="34" charset="0"/>
              <a:buChar char="•"/>
            </a:pPr>
            <a:r>
              <a:rPr lang="zh-CN" altLang="en-US" sz="1600">
                <a:cs typeface="+mn-ea"/>
                <a:sym typeface="Arial" panose="020B0604020202020204" pitchFamily="34" charset="0"/>
              </a:rPr>
              <a:t>变更</a:t>
            </a:r>
            <a:r>
              <a:rPr lang="zh-CN" altLang="en-US" sz="1600" dirty="0">
                <a:cs typeface="+mn-ea"/>
                <a:sym typeface="Arial" panose="020B0604020202020204" pitchFamily="34" charset="0"/>
              </a:rPr>
              <a:t>对原有业务影响分析和呈现</a:t>
            </a:r>
          </a:p>
        </p:txBody>
      </p:sp>
      <p:cxnSp>
        <p:nvCxnSpPr>
          <p:cNvPr id="26" name="直接连接符 25">
            <a:extLst>
              <a:ext uri="{FF2B5EF4-FFF2-40B4-BE49-F238E27FC236}">
                <a16:creationId xmlns:a16="http://schemas.microsoft.com/office/drawing/2014/main" xmlns="" id="{5D30676A-C617-40C3-94BF-9B918B735E28}"/>
              </a:ext>
            </a:extLst>
          </p:cNvPr>
          <p:cNvCxnSpPr/>
          <p:nvPr/>
        </p:nvCxnSpPr>
        <p:spPr>
          <a:xfrm>
            <a:off x="2492484" y="2231123"/>
            <a:ext cx="1080120" cy="0"/>
          </a:xfrm>
          <a:prstGeom prst="line">
            <a:avLst/>
          </a:prstGeom>
          <a:noFill/>
          <a:ln w="19050" cap="flat" cmpd="sng" algn="ctr">
            <a:solidFill>
              <a:sysClr val="window" lastClr="FFFFFF">
                <a:lumMod val="65000"/>
              </a:sysClr>
            </a:solidFill>
            <a:prstDash val="solid"/>
            <a:headEnd type="none" w="med" len="med"/>
            <a:tailEnd type="triangle" w="med" len="med"/>
          </a:ln>
          <a:effectLst/>
        </p:spPr>
      </p:cxnSp>
      <p:sp>
        <p:nvSpPr>
          <p:cNvPr id="27" name="圆角矩形 92">
            <a:extLst>
              <a:ext uri="{FF2B5EF4-FFF2-40B4-BE49-F238E27FC236}">
                <a16:creationId xmlns:a16="http://schemas.microsoft.com/office/drawing/2014/main" xmlns="" id="{12148074-AE56-42FA-9C2F-36A383D46EE1}"/>
              </a:ext>
            </a:extLst>
          </p:cNvPr>
          <p:cNvSpPr/>
          <p:nvPr/>
        </p:nvSpPr>
        <p:spPr>
          <a:xfrm>
            <a:off x="1007509" y="2015099"/>
            <a:ext cx="1368152" cy="432048"/>
          </a:xfrm>
          <a:prstGeom prst="roundRect">
            <a:avLst/>
          </a:prstGeom>
          <a:solidFill>
            <a:srgbClr val="EC7061"/>
          </a:solidFill>
          <a:ln w="12700" cap="flat" cmpd="sng" algn="ctr">
            <a:solidFill>
              <a:srgbClr val="EC7061"/>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500" b="1" kern="0" dirty="0">
                <a:solidFill>
                  <a:schemeClr val="bg1"/>
                </a:solidFill>
                <a:latin typeface="Huawei Sans" panose="020C0503030203020204" pitchFamily="34" charset="0"/>
                <a:ea typeface="方正兰亭黑简体" panose="02000000000000000000" pitchFamily="2" charset="-122"/>
                <a:sym typeface="Arial" panose="020B0604020202020204" pitchFamily="34" charset="0"/>
              </a:rPr>
              <a:t>待变更配置</a:t>
            </a:r>
          </a:p>
        </p:txBody>
      </p:sp>
      <p:sp>
        <p:nvSpPr>
          <p:cNvPr id="28" name="圆角矩形 93">
            <a:extLst>
              <a:ext uri="{FF2B5EF4-FFF2-40B4-BE49-F238E27FC236}">
                <a16:creationId xmlns:a16="http://schemas.microsoft.com/office/drawing/2014/main" xmlns="" id="{BFE22F9F-6394-4AA2-9F64-C8021C134697}"/>
              </a:ext>
            </a:extLst>
          </p:cNvPr>
          <p:cNvSpPr/>
          <p:nvPr/>
        </p:nvSpPr>
        <p:spPr>
          <a:xfrm>
            <a:off x="9208533" y="2043338"/>
            <a:ext cx="1829829" cy="593766"/>
          </a:xfrm>
          <a:prstGeom prst="roundRect">
            <a:avLst/>
          </a:prstGeom>
          <a:solidFill>
            <a:srgbClr val="EC7061"/>
          </a:solidFill>
          <a:ln w="12700" cap="flat" cmpd="sng" algn="ctr">
            <a:solidFill>
              <a:srgbClr val="EC7061"/>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600" b="1" kern="0" dirty="0">
                <a:solidFill>
                  <a:schemeClr val="bg1"/>
                </a:solidFill>
                <a:latin typeface="Huawei Sans" panose="020C0503030203020204" pitchFamily="34" charset="0"/>
                <a:ea typeface="方正兰亭黑简体" panose="02000000000000000000" pitchFamily="2" charset="-122"/>
                <a:sym typeface="Arial" panose="020B0604020202020204" pitchFamily="34" charset="0"/>
              </a:rPr>
              <a:t>资源充足度</a:t>
            </a:r>
          </a:p>
        </p:txBody>
      </p:sp>
      <p:sp>
        <p:nvSpPr>
          <p:cNvPr id="29" name="圆角矩形 94">
            <a:extLst>
              <a:ext uri="{FF2B5EF4-FFF2-40B4-BE49-F238E27FC236}">
                <a16:creationId xmlns:a16="http://schemas.microsoft.com/office/drawing/2014/main" xmlns="" id="{73E7C921-BB15-4CD8-A85B-4AA9A13BB4F6}"/>
              </a:ext>
            </a:extLst>
          </p:cNvPr>
          <p:cNvSpPr/>
          <p:nvPr/>
        </p:nvSpPr>
        <p:spPr>
          <a:xfrm>
            <a:off x="9208534" y="2786403"/>
            <a:ext cx="1829829" cy="593766"/>
          </a:xfrm>
          <a:prstGeom prst="roundRect">
            <a:avLst/>
          </a:prstGeom>
          <a:solidFill>
            <a:srgbClr val="EC7061"/>
          </a:solidFill>
          <a:ln w="12700" cap="flat" cmpd="sng" algn="ctr">
            <a:solidFill>
              <a:srgbClr val="EC7061"/>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600" b="1" kern="0" dirty="0">
                <a:solidFill>
                  <a:schemeClr val="bg1"/>
                </a:solidFill>
                <a:latin typeface="Huawei Sans" panose="020C0503030203020204" pitchFamily="34" charset="0"/>
                <a:ea typeface="方正兰亭黑简体" panose="02000000000000000000" pitchFamily="2" charset="-122"/>
                <a:sym typeface="Arial" panose="020B0604020202020204" pitchFamily="34" charset="0"/>
              </a:rPr>
              <a:t>互访连通性</a:t>
            </a:r>
          </a:p>
        </p:txBody>
      </p:sp>
      <p:sp>
        <p:nvSpPr>
          <p:cNvPr id="30" name="圆角矩形 95">
            <a:extLst>
              <a:ext uri="{FF2B5EF4-FFF2-40B4-BE49-F238E27FC236}">
                <a16:creationId xmlns:a16="http://schemas.microsoft.com/office/drawing/2014/main" xmlns="" id="{13BB4433-EA0E-451E-A65B-167C152E3BB6}"/>
              </a:ext>
            </a:extLst>
          </p:cNvPr>
          <p:cNvSpPr/>
          <p:nvPr/>
        </p:nvSpPr>
        <p:spPr>
          <a:xfrm>
            <a:off x="9218058" y="3531621"/>
            <a:ext cx="1829829" cy="593766"/>
          </a:xfrm>
          <a:prstGeom prst="roundRect">
            <a:avLst/>
          </a:prstGeom>
          <a:solidFill>
            <a:srgbClr val="EC7061"/>
          </a:solidFill>
          <a:ln w="12700" cap="flat" cmpd="sng" algn="ctr">
            <a:solidFill>
              <a:srgbClr val="EC7061"/>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600" b="1" kern="0" dirty="0">
                <a:solidFill>
                  <a:schemeClr val="bg1"/>
                </a:solidFill>
                <a:latin typeface="Huawei Sans" panose="020C0503030203020204" pitchFamily="34" charset="0"/>
                <a:ea typeface="方正兰亭黑简体" panose="02000000000000000000" pitchFamily="2" charset="-122"/>
                <a:sym typeface="Arial" panose="020B0604020202020204" pitchFamily="34" charset="0"/>
              </a:rPr>
              <a:t>对原有业务影响</a:t>
            </a:r>
          </a:p>
        </p:txBody>
      </p:sp>
      <p:sp>
        <p:nvSpPr>
          <p:cNvPr id="34" name="燕尾形 25">
            <a:extLst>
              <a:ext uri="{FF2B5EF4-FFF2-40B4-BE49-F238E27FC236}">
                <a16:creationId xmlns:a16="http://schemas.microsoft.com/office/drawing/2014/main" xmlns="" id="{1EFA0F20-2D5F-4557-9F31-E21F2597EF45}"/>
              </a:ext>
            </a:extLst>
          </p:cNvPr>
          <p:cNvSpPr/>
          <p:nvPr/>
        </p:nvSpPr>
        <p:spPr bwMode="auto">
          <a:xfrm>
            <a:off x="10187647"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数据中心</a:t>
            </a:r>
            <a:endParaRPr lang="en-US" altLang="zh-CN" sz="1200" b="1" kern="0">
              <a:solidFill>
                <a:srgbClr val="FFFFFF"/>
              </a:solidFill>
            </a:endParaRPr>
          </a:p>
        </p:txBody>
      </p:sp>
      <p:sp>
        <p:nvSpPr>
          <p:cNvPr id="35" name="燕尾形 26">
            <a:extLst>
              <a:ext uri="{FF2B5EF4-FFF2-40B4-BE49-F238E27FC236}">
                <a16:creationId xmlns:a16="http://schemas.microsoft.com/office/drawing/2014/main" xmlns="" id="{8CFAC575-89A3-4DD6-B454-17887D46FC2D}"/>
              </a:ext>
            </a:extLst>
          </p:cNvPr>
          <p:cNvSpPr/>
          <p:nvPr/>
        </p:nvSpPr>
        <p:spPr bwMode="auto">
          <a:xfrm>
            <a:off x="10996392"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企业园区</a:t>
            </a:r>
            <a:endParaRPr lang="en-US" altLang="zh-CN" sz="1200" kern="0"/>
          </a:p>
        </p:txBody>
      </p:sp>
    </p:spTree>
    <p:extLst>
      <p:ext uri="{BB962C8B-B14F-4D97-AF65-F5344CB8AC3E}">
        <p14:creationId xmlns:p14="http://schemas.microsoft.com/office/powerpoint/2010/main" val="222050434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7C4D9DD3-ADC3-41F6-8F3B-8D8BA1CBDBC5}"/>
              </a:ext>
            </a:extLst>
          </p:cNvPr>
          <p:cNvSpPr>
            <a:spLocks noGrp="1"/>
          </p:cNvSpPr>
          <p:nvPr>
            <p:ph type="title"/>
          </p:nvPr>
        </p:nvSpPr>
        <p:spPr/>
        <p:txBody>
          <a:bodyPr/>
          <a:lstStyle/>
          <a:p>
            <a:r>
              <a:rPr lang="zh-CN" altLang="en-US"/>
              <a:t>关键特性：数据中心网络</a:t>
            </a:r>
            <a:r>
              <a:rPr lang="en-US" altLang="zh-CN"/>
              <a:t>AI</a:t>
            </a:r>
            <a:r>
              <a:rPr lang="zh-CN" altLang="en-US"/>
              <a:t>智能运维</a:t>
            </a:r>
          </a:p>
        </p:txBody>
      </p:sp>
      <p:sp>
        <p:nvSpPr>
          <p:cNvPr id="3" name="圆角矩形 62">
            <a:extLst>
              <a:ext uri="{FF2B5EF4-FFF2-40B4-BE49-F238E27FC236}">
                <a16:creationId xmlns:a16="http://schemas.microsoft.com/office/drawing/2014/main" xmlns="" id="{63F7107B-2E9A-47F8-B767-C70F4B18DCAD}"/>
              </a:ext>
            </a:extLst>
          </p:cNvPr>
          <p:cNvSpPr/>
          <p:nvPr/>
        </p:nvSpPr>
        <p:spPr>
          <a:xfrm>
            <a:off x="6542065" y="2568032"/>
            <a:ext cx="1810754" cy="2073461"/>
          </a:xfrm>
          <a:prstGeom prst="roundRect">
            <a:avLst>
              <a:gd name="adj" fmla="val 4612"/>
            </a:avLst>
          </a:prstGeom>
          <a:solidFill>
            <a:srgbClr val="E4E4E4"/>
          </a:solidFill>
          <a:ln w="19050" cap="flat" cmpd="sng" algn="ctr">
            <a:solidFill>
              <a:sysClr val="window" lastClr="FFFFFF">
                <a:lumMod val="20000"/>
                <a:lumOff val="80000"/>
              </a:sysClr>
            </a:solidFill>
            <a:prstDash val="solid"/>
            <a:miter lim="800000"/>
          </a:ln>
          <a:effectLst/>
        </p:spPr>
        <p:txBody>
          <a:bodyPr rtlCol="0" anchor="ctr"/>
          <a:lstStyle/>
          <a:p>
            <a:pPr marL="0" marR="0" lvl="0" indent="0" algn="ctr" defTabSz="1219028"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white"/>
              </a:solidFill>
              <a:effectLst/>
              <a:uLnTx/>
              <a:uFillTx/>
              <a:cs typeface="+mn-ea"/>
              <a:sym typeface="+mn-lt"/>
            </a:endParaRPr>
          </a:p>
        </p:txBody>
      </p:sp>
      <p:sp>
        <p:nvSpPr>
          <p:cNvPr id="4" name="圆角矩形 63">
            <a:extLst>
              <a:ext uri="{FF2B5EF4-FFF2-40B4-BE49-F238E27FC236}">
                <a16:creationId xmlns:a16="http://schemas.microsoft.com/office/drawing/2014/main" xmlns="" id="{F4322FCA-4BDD-4EE1-8D76-7AE776B7CCED}"/>
              </a:ext>
            </a:extLst>
          </p:cNvPr>
          <p:cNvSpPr/>
          <p:nvPr/>
        </p:nvSpPr>
        <p:spPr>
          <a:xfrm>
            <a:off x="781651" y="3775698"/>
            <a:ext cx="2259806" cy="754049"/>
          </a:xfrm>
          <a:prstGeom prst="roundRect">
            <a:avLst/>
          </a:prstGeom>
          <a:solidFill>
            <a:schemeClr val="accent1"/>
          </a:solidFill>
          <a:ln w="12700" cap="flat" cmpd="sng" algn="ctr">
            <a:noFill/>
            <a:prstDash val="solid"/>
            <a:miter lim="800000"/>
          </a:ln>
          <a:effectLst/>
        </p:spPr>
        <p:txBody>
          <a:bodyPr rtlCol="0" anchor="ctr"/>
          <a:lstStyle/>
          <a:p>
            <a:pPr algn="ctr" defTabSz="685859">
              <a:defRPr/>
            </a:pPr>
            <a:endParaRPr lang="zh-CN" altLang="en-US" sz="1400" kern="0">
              <a:solidFill>
                <a:srgbClr val="1D1D1B"/>
              </a:solidFill>
            </a:endParaRPr>
          </a:p>
        </p:txBody>
      </p:sp>
      <p:sp>
        <p:nvSpPr>
          <p:cNvPr id="5" name="圆角矩形 64">
            <a:extLst>
              <a:ext uri="{FF2B5EF4-FFF2-40B4-BE49-F238E27FC236}">
                <a16:creationId xmlns:a16="http://schemas.microsoft.com/office/drawing/2014/main" xmlns="" id="{9A37E38F-56F3-49BA-86C1-01DA0B3E3835}"/>
              </a:ext>
            </a:extLst>
          </p:cNvPr>
          <p:cNvSpPr/>
          <p:nvPr/>
        </p:nvSpPr>
        <p:spPr>
          <a:xfrm>
            <a:off x="9100176" y="1754754"/>
            <a:ext cx="2322067" cy="4341245"/>
          </a:xfrm>
          <a:prstGeom prst="roundRect">
            <a:avLst>
              <a:gd name="adj" fmla="val 0"/>
            </a:avLst>
          </a:prstGeom>
          <a:noFill/>
          <a:ln w="19050">
            <a:solidFill>
              <a:srgbClr val="888888"/>
            </a:solidFill>
            <a:miter lim="800000"/>
            <a:headEnd/>
            <a:tailEnd/>
          </a:ln>
        </p:spPr>
        <p:txBody>
          <a:bodyPr wrap="square">
            <a:noAutofit/>
          </a:bodyPr>
          <a:lstStyle/>
          <a:p>
            <a:pPr defTabSz="685800" fontAlgn="ctr">
              <a:defRPr/>
            </a:pPr>
            <a:endParaRPr lang="en-US" altLang="zh-CN" sz="1600" kern="0" dirty="0">
              <a:solidFill>
                <a:srgbClr val="1D1D1B"/>
              </a:solidFill>
            </a:endParaRPr>
          </a:p>
        </p:txBody>
      </p:sp>
      <p:sp>
        <p:nvSpPr>
          <p:cNvPr id="6" name="圆角矩形 65">
            <a:extLst>
              <a:ext uri="{FF2B5EF4-FFF2-40B4-BE49-F238E27FC236}">
                <a16:creationId xmlns:a16="http://schemas.microsoft.com/office/drawing/2014/main" xmlns="" id="{FE184CB4-655B-48F6-BE95-FF28791E333D}"/>
              </a:ext>
            </a:extLst>
          </p:cNvPr>
          <p:cNvSpPr/>
          <p:nvPr/>
        </p:nvSpPr>
        <p:spPr>
          <a:xfrm>
            <a:off x="3637271" y="1754753"/>
            <a:ext cx="4990086" cy="4341245"/>
          </a:xfrm>
          <a:prstGeom prst="roundRect">
            <a:avLst>
              <a:gd name="adj" fmla="val 0"/>
            </a:avLst>
          </a:prstGeom>
          <a:noFill/>
          <a:ln w="19050">
            <a:solidFill>
              <a:srgbClr val="888888"/>
            </a:solidFill>
            <a:miter lim="800000"/>
            <a:headEnd/>
            <a:tailEnd/>
          </a:ln>
        </p:spPr>
        <p:txBody>
          <a:bodyPr wrap="square">
            <a:noAutofit/>
          </a:bodyPr>
          <a:lstStyle/>
          <a:p>
            <a:pPr algn="ctr" defTabSz="685800" fontAlgn="ctr">
              <a:defRPr/>
            </a:pPr>
            <a:endParaRPr lang="en-US" altLang="zh-CN" sz="1600" kern="0" dirty="0">
              <a:solidFill>
                <a:srgbClr val="C00000"/>
              </a:solidFill>
            </a:endParaRPr>
          </a:p>
        </p:txBody>
      </p:sp>
      <p:sp>
        <p:nvSpPr>
          <p:cNvPr id="7" name="圆角矩形 66">
            <a:extLst>
              <a:ext uri="{FF2B5EF4-FFF2-40B4-BE49-F238E27FC236}">
                <a16:creationId xmlns:a16="http://schemas.microsoft.com/office/drawing/2014/main" xmlns="" id="{098628BE-B783-4F2B-833F-AC080ADBEED6}"/>
              </a:ext>
            </a:extLst>
          </p:cNvPr>
          <p:cNvSpPr/>
          <p:nvPr/>
        </p:nvSpPr>
        <p:spPr>
          <a:xfrm>
            <a:off x="3776329" y="2398178"/>
            <a:ext cx="4741385" cy="3494622"/>
          </a:xfrm>
          <a:prstGeom prst="roundRect">
            <a:avLst>
              <a:gd name="adj" fmla="val 4838"/>
            </a:avLst>
          </a:prstGeom>
          <a:noFill/>
          <a:ln w="28575" cap="flat" cmpd="thickThin" algn="ctr">
            <a:solidFill>
              <a:srgbClr val="EC7061"/>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white"/>
              </a:solidFill>
              <a:effectLst/>
              <a:uLnTx/>
              <a:uFillTx/>
              <a:cs typeface="+mn-cs"/>
            </a:endParaRPr>
          </a:p>
        </p:txBody>
      </p:sp>
      <p:sp>
        <p:nvSpPr>
          <p:cNvPr id="8" name="圆角矩形 67">
            <a:extLst>
              <a:ext uri="{FF2B5EF4-FFF2-40B4-BE49-F238E27FC236}">
                <a16:creationId xmlns:a16="http://schemas.microsoft.com/office/drawing/2014/main" xmlns="" id="{E88B550F-9A1D-48C9-8D45-10E8A40D9564}"/>
              </a:ext>
            </a:extLst>
          </p:cNvPr>
          <p:cNvSpPr/>
          <p:nvPr/>
        </p:nvSpPr>
        <p:spPr>
          <a:xfrm>
            <a:off x="3932713" y="2578378"/>
            <a:ext cx="2122889" cy="2026680"/>
          </a:xfrm>
          <a:prstGeom prst="roundRect">
            <a:avLst>
              <a:gd name="adj" fmla="val 4612"/>
            </a:avLst>
          </a:prstGeom>
          <a:solidFill>
            <a:srgbClr val="E4E4E4"/>
          </a:solidFill>
          <a:ln w="19050" cap="flat" cmpd="sng" algn="ctr">
            <a:solidFill>
              <a:sysClr val="window" lastClr="FFFFFF">
                <a:lumMod val="20000"/>
                <a:lumOff val="80000"/>
              </a:sysClr>
            </a:solidFill>
            <a:prstDash val="solid"/>
            <a:miter lim="800000"/>
          </a:ln>
          <a:effectLst/>
        </p:spPr>
        <p:txBody>
          <a:bodyPr rtlCol="0" anchor="ctr"/>
          <a:lstStyle/>
          <a:p>
            <a:pPr marL="0" marR="0" lvl="0" indent="0" algn="ctr" defTabSz="1219028"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white"/>
              </a:solidFill>
              <a:effectLst/>
              <a:uLnTx/>
              <a:uFillTx/>
              <a:cs typeface="+mn-ea"/>
              <a:sym typeface="+mn-lt"/>
            </a:endParaRPr>
          </a:p>
        </p:txBody>
      </p:sp>
      <p:sp>
        <p:nvSpPr>
          <p:cNvPr id="9" name="圆角矩形 70">
            <a:extLst>
              <a:ext uri="{FF2B5EF4-FFF2-40B4-BE49-F238E27FC236}">
                <a16:creationId xmlns:a16="http://schemas.microsoft.com/office/drawing/2014/main" xmlns="" id="{D3705B97-C3CF-4D4C-AC81-09722557CA84}"/>
              </a:ext>
            </a:extLst>
          </p:cNvPr>
          <p:cNvSpPr/>
          <p:nvPr/>
        </p:nvSpPr>
        <p:spPr>
          <a:xfrm>
            <a:off x="661186" y="1763972"/>
            <a:ext cx="2472182" cy="4341244"/>
          </a:xfrm>
          <a:prstGeom prst="roundRect">
            <a:avLst>
              <a:gd name="adj" fmla="val 0"/>
            </a:avLst>
          </a:prstGeom>
          <a:noFill/>
          <a:ln w="19050">
            <a:solidFill>
              <a:srgbClr val="888888"/>
            </a:solidFill>
            <a:miter lim="800000"/>
            <a:headEnd/>
            <a:tailEnd/>
          </a:ln>
        </p:spPr>
        <p:txBody>
          <a:bodyPr wrap="square">
            <a:noAutofit/>
          </a:bodyPr>
          <a:lstStyle/>
          <a:p>
            <a:pPr defTabSz="685800" fontAlgn="ctr">
              <a:defRPr/>
            </a:pPr>
            <a:endParaRPr lang="en-US" altLang="zh-CN" sz="1600" kern="0" dirty="0">
              <a:solidFill>
                <a:srgbClr val="1D1D1B"/>
              </a:solidFill>
            </a:endParaRPr>
          </a:p>
        </p:txBody>
      </p:sp>
      <p:sp>
        <p:nvSpPr>
          <p:cNvPr id="10" name="圆角矩形 71">
            <a:extLst>
              <a:ext uri="{FF2B5EF4-FFF2-40B4-BE49-F238E27FC236}">
                <a16:creationId xmlns:a16="http://schemas.microsoft.com/office/drawing/2014/main" xmlns="" id="{DD3E4917-90AE-43C7-86E8-10FA0A374CDA}"/>
              </a:ext>
            </a:extLst>
          </p:cNvPr>
          <p:cNvSpPr/>
          <p:nvPr/>
        </p:nvSpPr>
        <p:spPr>
          <a:xfrm>
            <a:off x="765794" y="2738033"/>
            <a:ext cx="2259806" cy="754049"/>
          </a:xfrm>
          <a:prstGeom prst="roundRect">
            <a:avLst/>
          </a:prstGeom>
          <a:solidFill>
            <a:srgbClr val="EC7061"/>
          </a:solidFill>
          <a:ln w="12700" cap="flat" cmpd="sng" algn="ctr">
            <a:noFill/>
            <a:prstDash val="solid"/>
            <a:miter lim="800000"/>
          </a:ln>
          <a:effectLst/>
        </p:spPr>
        <p:txBody>
          <a:bodyPr rtlCol="0" anchor="ctr"/>
          <a:lstStyle/>
          <a:p>
            <a:pPr algn="ctr" defTabSz="685859">
              <a:defRPr/>
            </a:pPr>
            <a:endParaRPr lang="zh-CN" altLang="en-US" sz="1400" kern="0">
              <a:solidFill>
                <a:srgbClr val="1D1D1B"/>
              </a:solidFill>
            </a:endParaRPr>
          </a:p>
        </p:txBody>
      </p:sp>
      <p:sp>
        <p:nvSpPr>
          <p:cNvPr id="11" name="椭圆 10">
            <a:extLst>
              <a:ext uri="{FF2B5EF4-FFF2-40B4-BE49-F238E27FC236}">
                <a16:creationId xmlns:a16="http://schemas.microsoft.com/office/drawing/2014/main" xmlns="" id="{9FEAA6AC-D264-4ABF-8EC9-6053C383B2EF}"/>
              </a:ext>
            </a:extLst>
          </p:cNvPr>
          <p:cNvSpPr>
            <a:spLocks noChangeAspect="1"/>
          </p:cNvSpPr>
          <p:nvPr/>
        </p:nvSpPr>
        <p:spPr>
          <a:xfrm>
            <a:off x="1401917" y="1299263"/>
            <a:ext cx="900064" cy="900064"/>
          </a:xfrm>
          <a:prstGeom prst="ellipse">
            <a:avLst/>
          </a:prstGeom>
          <a:gradFill flip="none" rotWithShape="1">
            <a:gsLst>
              <a:gs pos="100000">
                <a:srgbClr val="FFFFFF">
                  <a:lumMod val="100000"/>
                </a:srgbClr>
              </a:gs>
              <a:gs pos="0">
                <a:srgbClr val="D9D9DA"/>
              </a:gs>
            </a:gsLst>
            <a:lin ang="2700000" scaled="1"/>
            <a:tileRect/>
          </a:gradFill>
          <a:ln w="19050" cap="flat" cmpd="sng" algn="ctr">
            <a:solidFill>
              <a:srgbClr val="7F7F7F"/>
            </a:solidFill>
            <a:prstDash val="solid"/>
            <a:miter lim="800000"/>
          </a:ln>
          <a:effectLst/>
        </p:spPr>
        <p:txBody>
          <a:bodyPr rtlCol="0" anchor="ctr"/>
          <a:lstStyle/>
          <a:p>
            <a:pPr marL="0" marR="0" lvl="0" indent="0" algn="ctr" defTabSz="914377"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srgbClr val="EC7061"/>
              </a:solidFill>
              <a:effectLst/>
              <a:uLnTx/>
              <a:uFillTx/>
              <a:cs typeface="+mn-cs"/>
              <a:sym typeface="Huawei Sans Light" panose="020C0303030203020204" pitchFamily="34" charset="0"/>
            </a:endParaRPr>
          </a:p>
        </p:txBody>
      </p:sp>
      <p:sp>
        <p:nvSpPr>
          <p:cNvPr id="12" name="文本框 11">
            <a:extLst>
              <a:ext uri="{FF2B5EF4-FFF2-40B4-BE49-F238E27FC236}">
                <a16:creationId xmlns:a16="http://schemas.microsoft.com/office/drawing/2014/main" xmlns="" id="{59B9386B-2AB7-4B01-9071-3BB6B7C8574D}"/>
              </a:ext>
            </a:extLst>
          </p:cNvPr>
          <p:cNvSpPr txBox="1"/>
          <p:nvPr/>
        </p:nvSpPr>
        <p:spPr>
          <a:xfrm>
            <a:off x="1223963" y="1378530"/>
            <a:ext cx="1189214" cy="307777"/>
          </a:xfrm>
          <a:prstGeom prst="rect">
            <a:avLst/>
          </a:prstGeom>
          <a:noFill/>
        </p:spPr>
        <p:txBody>
          <a:bodyPr wrap="square" rtlCol="0">
            <a:spAutoFit/>
          </a:bodyPr>
          <a:lstStyle/>
          <a:p>
            <a:pPr algn="ctr" defTabSz="685800"/>
            <a:r>
              <a:rPr lang="en-US" altLang="zh-CN" sz="1400" b="1" dirty="0">
                <a:solidFill>
                  <a:srgbClr val="EC7061"/>
                </a:solidFill>
                <a:cs typeface="Huawei Sans" panose="020C0503030203020204" pitchFamily="34" charset="0"/>
              </a:rPr>
              <a:t>Collect</a:t>
            </a:r>
            <a:endParaRPr lang="zh-CN" altLang="en-US" sz="1400" b="1" dirty="0">
              <a:solidFill>
                <a:srgbClr val="EC7061"/>
              </a:solidFill>
              <a:cs typeface="Huawei Sans" panose="020C0503030203020204" pitchFamily="34" charset="0"/>
            </a:endParaRPr>
          </a:p>
        </p:txBody>
      </p:sp>
      <p:sp>
        <p:nvSpPr>
          <p:cNvPr id="13" name="to-do-list_1560">
            <a:extLst>
              <a:ext uri="{FF2B5EF4-FFF2-40B4-BE49-F238E27FC236}">
                <a16:creationId xmlns:a16="http://schemas.microsoft.com/office/drawing/2014/main" xmlns="" id="{0D56BDBF-ED43-40B1-995C-DE00222AB212}"/>
              </a:ext>
            </a:extLst>
          </p:cNvPr>
          <p:cNvSpPr>
            <a:spLocks noChangeAspect="1"/>
          </p:cNvSpPr>
          <p:nvPr/>
        </p:nvSpPr>
        <p:spPr bwMode="auto">
          <a:xfrm>
            <a:off x="1714500" y="1719748"/>
            <a:ext cx="276112" cy="324000"/>
          </a:xfrm>
          <a:custGeom>
            <a:avLst/>
            <a:gdLst>
              <a:gd name="connsiteX0" fmla="*/ 193802 w 467264"/>
              <a:gd name="connsiteY0" fmla="*/ 354845 h 548303"/>
              <a:gd name="connsiteX1" fmla="*/ 372431 w 467264"/>
              <a:gd name="connsiteY1" fmla="*/ 354845 h 548303"/>
              <a:gd name="connsiteX2" fmla="*/ 372431 w 467264"/>
              <a:gd name="connsiteY2" fmla="*/ 397951 h 548303"/>
              <a:gd name="connsiteX3" fmla="*/ 193802 w 467264"/>
              <a:gd name="connsiteY3" fmla="*/ 397951 h 548303"/>
              <a:gd name="connsiteX4" fmla="*/ 101039 w 467264"/>
              <a:gd name="connsiteY4" fmla="*/ 337603 h 548303"/>
              <a:gd name="connsiteX5" fmla="*/ 178629 w 467264"/>
              <a:gd name="connsiteY5" fmla="*/ 337603 h 548303"/>
              <a:gd name="connsiteX6" fmla="*/ 178629 w 467264"/>
              <a:gd name="connsiteY6" fmla="*/ 415193 h 548303"/>
              <a:gd name="connsiteX7" fmla="*/ 101039 w 467264"/>
              <a:gd name="connsiteY7" fmla="*/ 415193 h 548303"/>
              <a:gd name="connsiteX8" fmla="*/ 193802 w 467264"/>
              <a:gd name="connsiteY8" fmla="*/ 251737 h 548303"/>
              <a:gd name="connsiteX9" fmla="*/ 372431 w 467264"/>
              <a:gd name="connsiteY9" fmla="*/ 251737 h 548303"/>
              <a:gd name="connsiteX10" fmla="*/ 372431 w 467264"/>
              <a:gd name="connsiteY10" fmla="*/ 294498 h 548303"/>
              <a:gd name="connsiteX11" fmla="*/ 193802 w 467264"/>
              <a:gd name="connsiteY11" fmla="*/ 294498 h 548303"/>
              <a:gd name="connsiteX12" fmla="*/ 161387 w 467264"/>
              <a:gd name="connsiteY12" fmla="*/ 251660 h 548303"/>
              <a:gd name="connsiteX13" fmla="*/ 133368 w 467264"/>
              <a:gd name="connsiteY13" fmla="*/ 279554 h 548303"/>
              <a:gd name="connsiteX14" fmla="*/ 118281 w 467264"/>
              <a:gd name="connsiteY14" fmla="*/ 264534 h 548303"/>
              <a:gd name="connsiteX15" fmla="*/ 116126 w 467264"/>
              <a:gd name="connsiteY15" fmla="*/ 264534 h 548303"/>
              <a:gd name="connsiteX16" fmla="*/ 109660 w 467264"/>
              <a:gd name="connsiteY16" fmla="*/ 270971 h 548303"/>
              <a:gd name="connsiteX17" fmla="*/ 109660 w 467264"/>
              <a:gd name="connsiteY17" fmla="*/ 273116 h 548303"/>
              <a:gd name="connsiteX18" fmla="*/ 131213 w 467264"/>
              <a:gd name="connsiteY18" fmla="*/ 294573 h 548303"/>
              <a:gd name="connsiteX19" fmla="*/ 135523 w 467264"/>
              <a:gd name="connsiteY19" fmla="*/ 294573 h 548303"/>
              <a:gd name="connsiteX20" fmla="*/ 167852 w 467264"/>
              <a:gd name="connsiteY20" fmla="*/ 260242 h 548303"/>
              <a:gd name="connsiteX21" fmla="*/ 170008 w 467264"/>
              <a:gd name="connsiteY21" fmla="*/ 255951 h 548303"/>
              <a:gd name="connsiteX22" fmla="*/ 163542 w 467264"/>
              <a:gd name="connsiteY22" fmla="*/ 251660 h 548303"/>
              <a:gd name="connsiteX23" fmla="*/ 161387 w 467264"/>
              <a:gd name="connsiteY23" fmla="*/ 251660 h 548303"/>
              <a:gd name="connsiteX24" fmla="*/ 101039 w 467264"/>
              <a:gd name="connsiteY24" fmla="*/ 234494 h 548303"/>
              <a:gd name="connsiteX25" fmla="*/ 178629 w 467264"/>
              <a:gd name="connsiteY25" fmla="*/ 234494 h 548303"/>
              <a:gd name="connsiteX26" fmla="*/ 178629 w 467264"/>
              <a:gd name="connsiteY26" fmla="*/ 311739 h 548303"/>
              <a:gd name="connsiteX27" fmla="*/ 101039 w 467264"/>
              <a:gd name="connsiteY27" fmla="*/ 311739 h 548303"/>
              <a:gd name="connsiteX28" fmla="*/ 193802 w 467264"/>
              <a:gd name="connsiteY28" fmla="*/ 150697 h 548303"/>
              <a:gd name="connsiteX29" fmla="*/ 372431 w 467264"/>
              <a:gd name="connsiteY29" fmla="*/ 150697 h 548303"/>
              <a:gd name="connsiteX30" fmla="*/ 372431 w 467264"/>
              <a:gd name="connsiteY30" fmla="*/ 193458 h 548303"/>
              <a:gd name="connsiteX31" fmla="*/ 193802 w 467264"/>
              <a:gd name="connsiteY31" fmla="*/ 193458 h 548303"/>
              <a:gd name="connsiteX32" fmla="*/ 161387 w 467264"/>
              <a:gd name="connsiteY32" fmla="*/ 150621 h 548303"/>
              <a:gd name="connsiteX33" fmla="*/ 133368 w 467264"/>
              <a:gd name="connsiteY33" fmla="*/ 178515 h 548303"/>
              <a:gd name="connsiteX34" fmla="*/ 118281 w 467264"/>
              <a:gd name="connsiteY34" fmla="*/ 163495 h 548303"/>
              <a:gd name="connsiteX35" fmla="*/ 116126 w 467264"/>
              <a:gd name="connsiteY35" fmla="*/ 163495 h 548303"/>
              <a:gd name="connsiteX36" fmla="*/ 109660 w 467264"/>
              <a:gd name="connsiteY36" fmla="*/ 169932 h 548303"/>
              <a:gd name="connsiteX37" fmla="*/ 109660 w 467264"/>
              <a:gd name="connsiteY37" fmla="*/ 172078 h 548303"/>
              <a:gd name="connsiteX38" fmla="*/ 131213 w 467264"/>
              <a:gd name="connsiteY38" fmla="*/ 193534 h 548303"/>
              <a:gd name="connsiteX39" fmla="*/ 135523 w 467264"/>
              <a:gd name="connsiteY39" fmla="*/ 193534 h 548303"/>
              <a:gd name="connsiteX40" fmla="*/ 167852 w 467264"/>
              <a:gd name="connsiteY40" fmla="*/ 159203 h 548303"/>
              <a:gd name="connsiteX41" fmla="*/ 170008 w 467264"/>
              <a:gd name="connsiteY41" fmla="*/ 157058 h 548303"/>
              <a:gd name="connsiteX42" fmla="*/ 163542 w 467264"/>
              <a:gd name="connsiteY42" fmla="*/ 150621 h 548303"/>
              <a:gd name="connsiteX43" fmla="*/ 161387 w 467264"/>
              <a:gd name="connsiteY43" fmla="*/ 150621 h 548303"/>
              <a:gd name="connsiteX44" fmla="*/ 101039 w 467264"/>
              <a:gd name="connsiteY44" fmla="*/ 133455 h 548303"/>
              <a:gd name="connsiteX45" fmla="*/ 178629 w 467264"/>
              <a:gd name="connsiteY45" fmla="*/ 133455 h 548303"/>
              <a:gd name="connsiteX46" fmla="*/ 178629 w 467264"/>
              <a:gd name="connsiteY46" fmla="*/ 210700 h 548303"/>
              <a:gd name="connsiteX47" fmla="*/ 101039 w 467264"/>
              <a:gd name="connsiteY47" fmla="*/ 210700 h 548303"/>
              <a:gd name="connsiteX48" fmla="*/ 40912 w 467264"/>
              <a:gd name="connsiteY48" fmla="*/ 43004 h 548303"/>
              <a:gd name="connsiteX49" fmla="*/ 40912 w 467264"/>
              <a:gd name="connsiteY49" fmla="*/ 505299 h 548303"/>
              <a:gd name="connsiteX50" fmla="*/ 426352 w 467264"/>
              <a:gd name="connsiteY50" fmla="*/ 505299 h 548303"/>
              <a:gd name="connsiteX51" fmla="*/ 426352 w 467264"/>
              <a:gd name="connsiteY51" fmla="*/ 43004 h 548303"/>
              <a:gd name="connsiteX52" fmla="*/ 19379 w 467264"/>
              <a:gd name="connsiteY52" fmla="*/ 0 h 548303"/>
              <a:gd name="connsiteX53" fmla="*/ 445731 w 467264"/>
              <a:gd name="connsiteY53" fmla="*/ 0 h 548303"/>
              <a:gd name="connsiteX54" fmla="*/ 467264 w 467264"/>
              <a:gd name="connsiteY54" fmla="*/ 21502 h 548303"/>
              <a:gd name="connsiteX55" fmla="*/ 467264 w 467264"/>
              <a:gd name="connsiteY55" fmla="*/ 526801 h 548303"/>
              <a:gd name="connsiteX56" fmla="*/ 445731 w 467264"/>
              <a:gd name="connsiteY56" fmla="*/ 548303 h 548303"/>
              <a:gd name="connsiteX57" fmla="*/ 19379 w 467264"/>
              <a:gd name="connsiteY57" fmla="*/ 548303 h 548303"/>
              <a:gd name="connsiteX58" fmla="*/ 0 w 467264"/>
              <a:gd name="connsiteY58" fmla="*/ 526801 h 548303"/>
              <a:gd name="connsiteX59" fmla="*/ 0 w 467264"/>
              <a:gd name="connsiteY59" fmla="*/ 21502 h 548303"/>
              <a:gd name="connsiteX60" fmla="*/ 19379 w 467264"/>
              <a:gd name="connsiteY60" fmla="*/ 0 h 54830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467264" h="548303">
                <a:moveTo>
                  <a:pt x="193802" y="354845"/>
                </a:moveTo>
                <a:lnTo>
                  <a:pt x="372431" y="354845"/>
                </a:lnTo>
                <a:lnTo>
                  <a:pt x="372431" y="397951"/>
                </a:lnTo>
                <a:lnTo>
                  <a:pt x="193802" y="397951"/>
                </a:lnTo>
                <a:close/>
                <a:moveTo>
                  <a:pt x="101039" y="337603"/>
                </a:moveTo>
                <a:lnTo>
                  <a:pt x="178629" y="337603"/>
                </a:lnTo>
                <a:lnTo>
                  <a:pt x="178629" y="415193"/>
                </a:lnTo>
                <a:lnTo>
                  <a:pt x="101039" y="415193"/>
                </a:lnTo>
                <a:close/>
                <a:moveTo>
                  <a:pt x="193802" y="251737"/>
                </a:moveTo>
                <a:lnTo>
                  <a:pt x="372431" y="251737"/>
                </a:lnTo>
                <a:lnTo>
                  <a:pt x="372431" y="294498"/>
                </a:lnTo>
                <a:lnTo>
                  <a:pt x="193802" y="294498"/>
                </a:lnTo>
                <a:close/>
                <a:moveTo>
                  <a:pt x="161387" y="251660"/>
                </a:moveTo>
                <a:lnTo>
                  <a:pt x="133368" y="279554"/>
                </a:lnTo>
                <a:lnTo>
                  <a:pt x="118281" y="264534"/>
                </a:lnTo>
                <a:cubicBezTo>
                  <a:pt x="118281" y="264534"/>
                  <a:pt x="116126" y="264534"/>
                  <a:pt x="116126" y="264534"/>
                </a:cubicBezTo>
                <a:lnTo>
                  <a:pt x="109660" y="270971"/>
                </a:lnTo>
                <a:cubicBezTo>
                  <a:pt x="109660" y="270971"/>
                  <a:pt x="109660" y="273116"/>
                  <a:pt x="109660" y="273116"/>
                </a:cubicBezTo>
                <a:lnTo>
                  <a:pt x="131213" y="294573"/>
                </a:lnTo>
                <a:cubicBezTo>
                  <a:pt x="131213" y="294573"/>
                  <a:pt x="133368" y="294573"/>
                  <a:pt x="135523" y="294573"/>
                </a:cubicBezTo>
                <a:lnTo>
                  <a:pt x="167852" y="260242"/>
                </a:lnTo>
                <a:cubicBezTo>
                  <a:pt x="170008" y="260242"/>
                  <a:pt x="170008" y="258097"/>
                  <a:pt x="170008" y="255951"/>
                </a:cubicBezTo>
                <a:lnTo>
                  <a:pt x="163542" y="251660"/>
                </a:lnTo>
                <a:cubicBezTo>
                  <a:pt x="163542" y="251660"/>
                  <a:pt x="161387" y="251660"/>
                  <a:pt x="161387" y="251660"/>
                </a:cubicBezTo>
                <a:close/>
                <a:moveTo>
                  <a:pt x="101039" y="234494"/>
                </a:moveTo>
                <a:lnTo>
                  <a:pt x="178629" y="234494"/>
                </a:lnTo>
                <a:lnTo>
                  <a:pt x="178629" y="311739"/>
                </a:lnTo>
                <a:lnTo>
                  <a:pt x="101039" y="311739"/>
                </a:lnTo>
                <a:close/>
                <a:moveTo>
                  <a:pt x="193802" y="150697"/>
                </a:moveTo>
                <a:lnTo>
                  <a:pt x="372431" y="150697"/>
                </a:lnTo>
                <a:lnTo>
                  <a:pt x="372431" y="193458"/>
                </a:lnTo>
                <a:lnTo>
                  <a:pt x="193802" y="193458"/>
                </a:lnTo>
                <a:close/>
                <a:moveTo>
                  <a:pt x="161387" y="150621"/>
                </a:moveTo>
                <a:lnTo>
                  <a:pt x="133368" y="178515"/>
                </a:lnTo>
                <a:lnTo>
                  <a:pt x="118281" y="163495"/>
                </a:lnTo>
                <a:cubicBezTo>
                  <a:pt x="118281" y="163495"/>
                  <a:pt x="116126" y="163495"/>
                  <a:pt x="116126" y="163495"/>
                </a:cubicBezTo>
                <a:lnTo>
                  <a:pt x="109660" y="169932"/>
                </a:lnTo>
                <a:cubicBezTo>
                  <a:pt x="109660" y="169932"/>
                  <a:pt x="109660" y="172078"/>
                  <a:pt x="109660" y="172078"/>
                </a:cubicBezTo>
                <a:lnTo>
                  <a:pt x="131213" y="193534"/>
                </a:lnTo>
                <a:cubicBezTo>
                  <a:pt x="131213" y="195680"/>
                  <a:pt x="133368" y="195680"/>
                  <a:pt x="135523" y="193534"/>
                </a:cubicBezTo>
                <a:lnTo>
                  <a:pt x="167852" y="159203"/>
                </a:lnTo>
                <a:cubicBezTo>
                  <a:pt x="170008" y="159203"/>
                  <a:pt x="170008" y="157058"/>
                  <a:pt x="170008" y="157058"/>
                </a:cubicBezTo>
                <a:lnTo>
                  <a:pt x="163542" y="150621"/>
                </a:lnTo>
                <a:cubicBezTo>
                  <a:pt x="163542" y="150621"/>
                  <a:pt x="161387" y="150621"/>
                  <a:pt x="161387" y="150621"/>
                </a:cubicBezTo>
                <a:close/>
                <a:moveTo>
                  <a:pt x="101039" y="133455"/>
                </a:moveTo>
                <a:lnTo>
                  <a:pt x="178629" y="133455"/>
                </a:lnTo>
                <a:lnTo>
                  <a:pt x="178629" y="210700"/>
                </a:lnTo>
                <a:lnTo>
                  <a:pt x="101039" y="210700"/>
                </a:lnTo>
                <a:close/>
                <a:moveTo>
                  <a:pt x="40912" y="43004"/>
                </a:moveTo>
                <a:lnTo>
                  <a:pt x="40912" y="505299"/>
                </a:lnTo>
                <a:lnTo>
                  <a:pt x="426352" y="505299"/>
                </a:lnTo>
                <a:lnTo>
                  <a:pt x="426352" y="43004"/>
                </a:lnTo>
                <a:close/>
                <a:moveTo>
                  <a:pt x="19379" y="0"/>
                </a:moveTo>
                <a:lnTo>
                  <a:pt x="445731" y="0"/>
                </a:lnTo>
                <a:cubicBezTo>
                  <a:pt x="458651" y="0"/>
                  <a:pt x="467264" y="8601"/>
                  <a:pt x="467264" y="21502"/>
                </a:cubicBezTo>
                <a:lnTo>
                  <a:pt x="467264" y="526801"/>
                </a:lnTo>
                <a:cubicBezTo>
                  <a:pt x="467264" y="539702"/>
                  <a:pt x="458651" y="548303"/>
                  <a:pt x="445731" y="548303"/>
                </a:cubicBezTo>
                <a:lnTo>
                  <a:pt x="19379" y="548303"/>
                </a:lnTo>
                <a:cubicBezTo>
                  <a:pt x="8613" y="548303"/>
                  <a:pt x="0" y="539702"/>
                  <a:pt x="0" y="526801"/>
                </a:cubicBezTo>
                <a:lnTo>
                  <a:pt x="0" y="21502"/>
                </a:lnTo>
                <a:cubicBezTo>
                  <a:pt x="0" y="8601"/>
                  <a:pt x="8613" y="0"/>
                  <a:pt x="19379" y="0"/>
                </a:cubicBezTo>
                <a:close/>
              </a:path>
            </a:pathLst>
          </a:custGeom>
          <a:solidFill>
            <a:srgbClr val="C00000"/>
          </a:solidFill>
          <a:ln>
            <a:solidFill>
              <a:srgbClr val="EC7061"/>
            </a:solidFill>
          </a:ln>
        </p:spPr>
      </p:sp>
      <p:sp>
        <p:nvSpPr>
          <p:cNvPr id="14" name="椭圆 13">
            <a:extLst>
              <a:ext uri="{FF2B5EF4-FFF2-40B4-BE49-F238E27FC236}">
                <a16:creationId xmlns:a16="http://schemas.microsoft.com/office/drawing/2014/main" xmlns="" id="{333DBE46-B48E-40B5-BDD3-8242B33BFF37}"/>
              </a:ext>
            </a:extLst>
          </p:cNvPr>
          <p:cNvSpPr>
            <a:spLocks noChangeAspect="1"/>
          </p:cNvSpPr>
          <p:nvPr/>
        </p:nvSpPr>
        <p:spPr>
          <a:xfrm>
            <a:off x="5679323" y="1290526"/>
            <a:ext cx="900064" cy="900064"/>
          </a:xfrm>
          <a:prstGeom prst="ellipse">
            <a:avLst/>
          </a:prstGeom>
          <a:gradFill flip="none" rotWithShape="1">
            <a:gsLst>
              <a:gs pos="100000">
                <a:srgbClr val="FFFFFF">
                  <a:lumMod val="100000"/>
                </a:srgbClr>
              </a:gs>
              <a:gs pos="0">
                <a:srgbClr val="D9D9DA"/>
              </a:gs>
            </a:gsLst>
            <a:lin ang="2700000" scaled="1"/>
            <a:tileRect/>
          </a:gradFill>
          <a:ln w="19050" cap="flat" cmpd="sng" algn="ctr">
            <a:solidFill>
              <a:srgbClr val="7F7F7F"/>
            </a:solidFill>
            <a:prstDash val="solid"/>
            <a:miter lim="800000"/>
          </a:ln>
          <a:effectLst/>
        </p:spPr>
        <p:txBody>
          <a:bodyPr rtlCol="0" anchor="ctr"/>
          <a:lstStyle/>
          <a:p>
            <a:pPr marL="0" marR="0" lvl="0" indent="0" algn="ctr" defTabSz="914377"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srgbClr val="EC7061"/>
              </a:solidFill>
              <a:effectLst/>
              <a:uLnTx/>
              <a:uFillTx/>
              <a:cs typeface="+mn-cs"/>
              <a:sym typeface="Huawei Sans Light" panose="020C0303030203020204" pitchFamily="34" charset="0"/>
            </a:endParaRPr>
          </a:p>
        </p:txBody>
      </p:sp>
      <p:sp>
        <p:nvSpPr>
          <p:cNvPr id="15" name="boxed-line-stocks-graphic_38835">
            <a:extLst>
              <a:ext uri="{FF2B5EF4-FFF2-40B4-BE49-F238E27FC236}">
                <a16:creationId xmlns:a16="http://schemas.microsoft.com/office/drawing/2014/main" xmlns="" id="{48BB1B6B-30BB-4C0A-9400-8D904C8A6127}"/>
              </a:ext>
            </a:extLst>
          </p:cNvPr>
          <p:cNvSpPr>
            <a:spLocks noChangeAspect="1"/>
          </p:cNvSpPr>
          <p:nvPr/>
        </p:nvSpPr>
        <p:spPr bwMode="auto">
          <a:xfrm>
            <a:off x="5948399" y="1714493"/>
            <a:ext cx="362983" cy="308940"/>
          </a:xfrm>
          <a:custGeom>
            <a:avLst/>
            <a:gdLst>
              <a:gd name="T0" fmla="*/ 1408 w 1450"/>
              <a:gd name="T1" fmla="*/ 213 h 1236"/>
              <a:gd name="T2" fmla="*/ 1244 w 1450"/>
              <a:gd name="T3" fmla="*/ 420 h 1236"/>
              <a:gd name="T4" fmla="*/ 1273 w 1450"/>
              <a:gd name="T5" fmla="*/ 420 h 1236"/>
              <a:gd name="T6" fmla="*/ 1390 w 1450"/>
              <a:gd name="T7" fmla="*/ 613 h 1236"/>
              <a:gd name="T8" fmla="*/ 1244 w 1450"/>
              <a:gd name="T9" fmla="*/ 766 h 1236"/>
              <a:gd name="T10" fmla="*/ 1244 w 1450"/>
              <a:gd name="T11" fmla="*/ 838 h 1236"/>
              <a:gd name="T12" fmla="*/ 1037 w 1450"/>
              <a:gd name="T13" fmla="*/ 420 h 1236"/>
              <a:gd name="T14" fmla="*/ 844 w 1450"/>
              <a:gd name="T15" fmla="*/ 213 h 1236"/>
              <a:gd name="T16" fmla="*/ 844 w 1450"/>
              <a:gd name="T17" fmla="*/ 434 h 1236"/>
              <a:gd name="T18" fmla="*/ 844 w 1450"/>
              <a:gd name="T19" fmla="*/ 613 h 1236"/>
              <a:gd name="T20" fmla="*/ 1044 w 1450"/>
              <a:gd name="T21" fmla="*/ 820 h 1236"/>
              <a:gd name="T22" fmla="*/ 845 w 1450"/>
              <a:gd name="T23" fmla="*/ 768 h 1236"/>
              <a:gd name="T24" fmla="*/ 844 w 1450"/>
              <a:gd name="T25" fmla="*/ 820 h 1236"/>
              <a:gd name="T26" fmla="*/ 637 w 1450"/>
              <a:gd name="T27" fmla="*/ 40 h 1236"/>
              <a:gd name="T28" fmla="*/ 575 w 1450"/>
              <a:gd name="T29" fmla="*/ 313 h 1236"/>
              <a:gd name="T30" fmla="*/ 452 w 1450"/>
              <a:gd name="T31" fmla="*/ 676 h 1236"/>
              <a:gd name="T32" fmla="*/ 637 w 1450"/>
              <a:gd name="T33" fmla="*/ 613 h 1236"/>
              <a:gd name="T34" fmla="*/ 244 w 1450"/>
              <a:gd name="T35" fmla="*/ 613 h 1236"/>
              <a:gd name="T36" fmla="*/ 437 w 1450"/>
              <a:gd name="T37" fmla="*/ 413 h 1236"/>
              <a:gd name="T38" fmla="*/ 244 w 1450"/>
              <a:gd name="T39" fmla="*/ 620 h 1236"/>
              <a:gd name="T40" fmla="*/ 479 w 1450"/>
              <a:gd name="T41" fmla="*/ 676 h 1236"/>
              <a:gd name="T42" fmla="*/ 444 w 1450"/>
              <a:gd name="T43" fmla="*/ 413 h 1236"/>
              <a:gd name="T44" fmla="*/ 506 w 1450"/>
              <a:gd name="T45" fmla="*/ 355 h 1236"/>
              <a:gd name="T46" fmla="*/ 446 w 1450"/>
              <a:gd name="T47" fmla="*/ 347 h 1236"/>
              <a:gd name="T48" fmla="*/ 437 w 1450"/>
              <a:gd name="T49" fmla="*/ 352 h 1236"/>
              <a:gd name="T50" fmla="*/ 244 w 1450"/>
              <a:gd name="T51" fmla="*/ 420 h 1236"/>
              <a:gd name="T52" fmla="*/ 237 w 1450"/>
              <a:gd name="T53" fmla="*/ 1196 h 1236"/>
              <a:gd name="T54" fmla="*/ 237 w 1450"/>
              <a:gd name="T55" fmla="*/ 890 h 1236"/>
              <a:gd name="T56" fmla="*/ 237 w 1450"/>
              <a:gd name="T57" fmla="*/ 794 h 1236"/>
              <a:gd name="T58" fmla="*/ 40 w 1450"/>
              <a:gd name="T59" fmla="*/ 997 h 1236"/>
              <a:gd name="T60" fmla="*/ 151 w 1450"/>
              <a:gd name="T61" fmla="*/ 547 h 1236"/>
              <a:gd name="T62" fmla="*/ 237 w 1450"/>
              <a:gd name="T63" fmla="*/ 491 h 1236"/>
              <a:gd name="T64" fmla="*/ 42 w 1450"/>
              <a:gd name="T65" fmla="*/ 420 h 1236"/>
              <a:gd name="T66" fmla="*/ 42 w 1450"/>
              <a:gd name="T67" fmla="*/ 620 h 1236"/>
              <a:gd name="T68" fmla="*/ 244 w 1450"/>
              <a:gd name="T69" fmla="*/ 1020 h 1236"/>
              <a:gd name="T70" fmla="*/ 282 w 1450"/>
              <a:gd name="T71" fmla="*/ 820 h 1236"/>
              <a:gd name="T72" fmla="*/ 444 w 1450"/>
              <a:gd name="T73" fmla="*/ 1196 h 1236"/>
              <a:gd name="T74" fmla="*/ 637 w 1450"/>
              <a:gd name="T75" fmla="*/ 1013 h 1236"/>
              <a:gd name="T76" fmla="*/ 444 w 1450"/>
              <a:gd name="T77" fmla="*/ 813 h 1236"/>
              <a:gd name="T78" fmla="*/ 644 w 1450"/>
              <a:gd name="T79" fmla="*/ 1196 h 1236"/>
              <a:gd name="T80" fmla="*/ 776 w 1450"/>
              <a:gd name="T81" fmla="*/ 836 h 1236"/>
              <a:gd name="T82" fmla="*/ 837 w 1450"/>
              <a:gd name="T83" fmla="*/ 813 h 1236"/>
              <a:gd name="T84" fmla="*/ 837 w 1450"/>
              <a:gd name="T85" fmla="*/ 619 h 1236"/>
              <a:gd name="T86" fmla="*/ 830 w 1450"/>
              <a:gd name="T87" fmla="*/ 542 h 1236"/>
              <a:gd name="T88" fmla="*/ 830 w 1450"/>
              <a:gd name="T89" fmla="*/ 516 h 1236"/>
              <a:gd name="T90" fmla="*/ 737 w 1450"/>
              <a:gd name="T91" fmla="*/ 413 h 1236"/>
              <a:gd name="T92" fmla="*/ 644 w 1450"/>
              <a:gd name="T93" fmla="*/ 40 h 1236"/>
              <a:gd name="T94" fmla="*/ 844 w 1450"/>
              <a:gd name="T95" fmla="*/ 1013 h 1236"/>
              <a:gd name="T96" fmla="*/ 1044 w 1450"/>
              <a:gd name="T97" fmla="*/ 1196 h 1236"/>
              <a:gd name="T98" fmla="*/ 1155 w 1450"/>
              <a:gd name="T99" fmla="*/ 820 h 1236"/>
              <a:gd name="T100" fmla="*/ 1237 w 1450"/>
              <a:gd name="T101" fmla="*/ 842 h 1236"/>
              <a:gd name="T102" fmla="*/ 1237 w 1450"/>
              <a:gd name="T103" fmla="*/ 735 h 1236"/>
              <a:gd name="T104" fmla="*/ 1237 w 1450"/>
              <a:gd name="T105" fmla="*/ 735 h 1236"/>
              <a:gd name="T106" fmla="*/ 1237 w 1450"/>
              <a:gd name="T107" fmla="*/ 613 h 1236"/>
              <a:gd name="T108" fmla="*/ 1174 w 1450"/>
              <a:gd name="T109" fmla="*/ 413 h 1236"/>
              <a:gd name="T110" fmla="*/ 1044 w 1450"/>
              <a:gd name="T111" fmla="*/ 220 h 1236"/>
              <a:gd name="T112" fmla="*/ 1244 w 1450"/>
              <a:gd name="T113" fmla="*/ 1196 h 1236"/>
              <a:gd name="T114" fmla="*/ 1408 w 1450"/>
              <a:gd name="T115" fmla="*/ 813 h 1236"/>
              <a:gd name="T116" fmla="*/ 1410 w 1450"/>
              <a:gd name="T117" fmla="*/ 610 h 12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450" h="1236">
                <a:moveTo>
                  <a:pt x="0" y="0"/>
                </a:moveTo>
                <a:lnTo>
                  <a:pt x="0" y="1236"/>
                </a:lnTo>
                <a:lnTo>
                  <a:pt x="1450" y="1236"/>
                </a:lnTo>
                <a:lnTo>
                  <a:pt x="1450" y="0"/>
                </a:lnTo>
                <a:lnTo>
                  <a:pt x="0" y="0"/>
                </a:lnTo>
                <a:close/>
                <a:moveTo>
                  <a:pt x="1244" y="220"/>
                </a:moveTo>
                <a:lnTo>
                  <a:pt x="1408" y="220"/>
                </a:lnTo>
                <a:lnTo>
                  <a:pt x="1408" y="213"/>
                </a:lnTo>
                <a:lnTo>
                  <a:pt x="1244" y="213"/>
                </a:lnTo>
                <a:lnTo>
                  <a:pt x="1244" y="40"/>
                </a:lnTo>
                <a:lnTo>
                  <a:pt x="1410" y="40"/>
                </a:lnTo>
                <a:lnTo>
                  <a:pt x="1410" y="220"/>
                </a:lnTo>
                <a:lnTo>
                  <a:pt x="1260" y="395"/>
                </a:lnTo>
                <a:cubicBezTo>
                  <a:pt x="1255" y="389"/>
                  <a:pt x="1250" y="385"/>
                  <a:pt x="1244" y="381"/>
                </a:cubicBezTo>
                <a:lnTo>
                  <a:pt x="1244" y="220"/>
                </a:lnTo>
                <a:close/>
                <a:moveTo>
                  <a:pt x="1244" y="420"/>
                </a:moveTo>
                <a:lnTo>
                  <a:pt x="1244" y="420"/>
                </a:lnTo>
                <a:cubicBezTo>
                  <a:pt x="1247" y="425"/>
                  <a:pt x="1249" y="432"/>
                  <a:pt x="1249" y="439"/>
                </a:cubicBezTo>
                <a:cubicBezTo>
                  <a:pt x="1249" y="447"/>
                  <a:pt x="1247" y="454"/>
                  <a:pt x="1244" y="460"/>
                </a:cubicBezTo>
                <a:lnTo>
                  <a:pt x="1244" y="420"/>
                </a:lnTo>
                <a:lnTo>
                  <a:pt x="1244" y="420"/>
                </a:lnTo>
                <a:close/>
                <a:moveTo>
                  <a:pt x="1244" y="497"/>
                </a:moveTo>
                <a:cubicBezTo>
                  <a:pt x="1263" y="485"/>
                  <a:pt x="1276" y="464"/>
                  <a:pt x="1276" y="439"/>
                </a:cubicBezTo>
                <a:cubicBezTo>
                  <a:pt x="1276" y="432"/>
                  <a:pt x="1275" y="426"/>
                  <a:pt x="1273" y="420"/>
                </a:cubicBezTo>
                <a:lnTo>
                  <a:pt x="1408" y="420"/>
                </a:lnTo>
                <a:lnTo>
                  <a:pt x="1408" y="413"/>
                </a:lnTo>
                <a:lnTo>
                  <a:pt x="1271" y="413"/>
                </a:lnTo>
                <a:cubicBezTo>
                  <a:pt x="1269" y="408"/>
                  <a:pt x="1266" y="404"/>
                  <a:pt x="1263" y="400"/>
                </a:cubicBezTo>
                <a:lnTo>
                  <a:pt x="1269" y="405"/>
                </a:lnTo>
                <a:lnTo>
                  <a:pt x="1410" y="240"/>
                </a:lnTo>
                <a:lnTo>
                  <a:pt x="1410" y="590"/>
                </a:lnTo>
                <a:lnTo>
                  <a:pt x="1390" y="613"/>
                </a:lnTo>
                <a:lnTo>
                  <a:pt x="1244" y="613"/>
                </a:lnTo>
                <a:lnTo>
                  <a:pt x="1244" y="497"/>
                </a:lnTo>
                <a:close/>
                <a:moveTo>
                  <a:pt x="1244" y="620"/>
                </a:moveTo>
                <a:lnTo>
                  <a:pt x="1384" y="620"/>
                </a:lnTo>
                <a:lnTo>
                  <a:pt x="1270" y="753"/>
                </a:lnTo>
                <a:cubicBezTo>
                  <a:pt x="1262" y="746"/>
                  <a:pt x="1253" y="740"/>
                  <a:pt x="1244" y="737"/>
                </a:cubicBezTo>
                <a:lnTo>
                  <a:pt x="1244" y="620"/>
                </a:lnTo>
                <a:close/>
                <a:moveTo>
                  <a:pt x="1244" y="766"/>
                </a:moveTo>
                <a:cubicBezTo>
                  <a:pt x="1256" y="774"/>
                  <a:pt x="1264" y="787"/>
                  <a:pt x="1264" y="802"/>
                </a:cubicBezTo>
                <a:cubicBezTo>
                  <a:pt x="1264" y="806"/>
                  <a:pt x="1263" y="809"/>
                  <a:pt x="1263" y="813"/>
                </a:cubicBezTo>
                <a:lnTo>
                  <a:pt x="1244" y="813"/>
                </a:lnTo>
                <a:lnTo>
                  <a:pt x="1244" y="766"/>
                </a:lnTo>
                <a:lnTo>
                  <a:pt x="1244" y="766"/>
                </a:lnTo>
                <a:close/>
                <a:moveTo>
                  <a:pt x="1244" y="820"/>
                </a:moveTo>
                <a:lnTo>
                  <a:pt x="1260" y="820"/>
                </a:lnTo>
                <a:cubicBezTo>
                  <a:pt x="1257" y="827"/>
                  <a:pt x="1251" y="834"/>
                  <a:pt x="1244" y="838"/>
                </a:cubicBezTo>
                <a:lnTo>
                  <a:pt x="1244" y="820"/>
                </a:lnTo>
                <a:close/>
                <a:moveTo>
                  <a:pt x="1138" y="439"/>
                </a:moveTo>
                <a:lnTo>
                  <a:pt x="1044" y="455"/>
                </a:lnTo>
                <a:lnTo>
                  <a:pt x="1044" y="420"/>
                </a:lnTo>
                <a:lnTo>
                  <a:pt x="1141" y="420"/>
                </a:lnTo>
                <a:cubicBezTo>
                  <a:pt x="1139" y="426"/>
                  <a:pt x="1138" y="432"/>
                  <a:pt x="1138" y="439"/>
                </a:cubicBezTo>
                <a:close/>
                <a:moveTo>
                  <a:pt x="872" y="420"/>
                </a:moveTo>
                <a:lnTo>
                  <a:pt x="1037" y="420"/>
                </a:lnTo>
                <a:lnTo>
                  <a:pt x="1037" y="456"/>
                </a:lnTo>
                <a:lnTo>
                  <a:pt x="898" y="480"/>
                </a:lnTo>
                <a:cubicBezTo>
                  <a:pt x="898" y="478"/>
                  <a:pt x="899" y="476"/>
                  <a:pt x="899" y="473"/>
                </a:cubicBezTo>
                <a:cubicBezTo>
                  <a:pt x="899" y="451"/>
                  <a:pt x="888" y="432"/>
                  <a:pt x="872" y="420"/>
                </a:cubicBezTo>
                <a:close/>
                <a:moveTo>
                  <a:pt x="844" y="40"/>
                </a:moveTo>
                <a:lnTo>
                  <a:pt x="1037" y="40"/>
                </a:lnTo>
                <a:lnTo>
                  <a:pt x="1037" y="213"/>
                </a:lnTo>
                <a:lnTo>
                  <a:pt x="844" y="213"/>
                </a:lnTo>
                <a:lnTo>
                  <a:pt x="844" y="40"/>
                </a:lnTo>
                <a:close/>
                <a:moveTo>
                  <a:pt x="844" y="220"/>
                </a:moveTo>
                <a:lnTo>
                  <a:pt x="1037" y="220"/>
                </a:lnTo>
                <a:lnTo>
                  <a:pt x="1037" y="413"/>
                </a:lnTo>
                <a:lnTo>
                  <a:pt x="862" y="413"/>
                </a:lnTo>
                <a:cubicBezTo>
                  <a:pt x="856" y="410"/>
                  <a:pt x="850" y="407"/>
                  <a:pt x="844" y="406"/>
                </a:cubicBezTo>
                <a:lnTo>
                  <a:pt x="844" y="220"/>
                </a:lnTo>
                <a:close/>
                <a:moveTo>
                  <a:pt x="844" y="434"/>
                </a:moveTo>
                <a:cubicBezTo>
                  <a:pt x="860" y="440"/>
                  <a:pt x="872" y="455"/>
                  <a:pt x="872" y="473"/>
                </a:cubicBezTo>
                <a:cubicBezTo>
                  <a:pt x="872" y="492"/>
                  <a:pt x="860" y="507"/>
                  <a:pt x="844" y="513"/>
                </a:cubicBezTo>
                <a:lnTo>
                  <a:pt x="844" y="434"/>
                </a:lnTo>
                <a:close/>
                <a:moveTo>
                  <a:pt x="844" y="541"/>
                </a:moveTo>
                <a:cubicBezTo>
                  <a:pt x="868" y="536"/>
                  <a:pt x="888" y="518"/>
                  <a:pt x="895" y="494"/>
                </a:cubicBezTo>
                <a:lnTo>
                  <a:pt x="1037" y="470"/>
                </a:lnTo>
                <a:lnTo>
                  <a:pt x="1037" y="613"/>
                </a:lnTo>
                <a:lnTo>
                  <a:pt x="844" y="613"/>
                </a:lnTo>
                <a:lnTo>
                  <a:pt x="844" y="541"/>
                </a:lnTo>
                <a:close/>
                <a:moveTo>
                  <a:pt x="911" y="820"/>
                </a:moveTo>
                <a:lnTo>
                  <a:pt x="1037" y="820"/>
                </a:lnTo>
                <a:lnTo>
                  <a:pt x="1037" y="821"/>
                </a:lnTo>
                <a:lnTo>
                  <a:pt x="913" y="842"/>
                </a:lnTo>
                <a:cubicBezTo>
                  <a:pt x="913" y="840"/>
                  <a:pt x="913" y="838"/>
                  <a:pt x="913" y="836"/>
                </a:cubicBezTo>
                <a:cubicBezTo>
                  <a:pt x="913" y="831"/>
                  <a:pt x="913" y="825"/>
                  <a:pt x="911" y="820"/>
                </a:cubicBezTo>
                <a:close/>
                <a:moveTo>
                  <a:pt x="1044" y="820"/>
                </a:moveTo>
                <a:lnTo>
                  <a:pt x="1046" y="820"/>
                </a:lnTo>
                <a:lnTo>
                  <a:pt x="1044" y="820"/>
                </a:lnTo>
                <a:lnTo>
                  <a:pt x="1044" y="820"/>
                </a:lnTo>
                <a:close/>
                <a:moveTo>
                  <a:pt x="844" y="620"/>
                </a:moveTo>
                <a:lnTo>
                  <a:pt x="1037" y="620"/>
                </a:lnTo>
                <a:lnTo>
                  <a:pt x="1037" y="813"/>
                </a:lnTo>
                <a:lnTo>
                  <a:pt x="909" y="813"/>
                </a:lnTo>
                <a:cubicBezTo>
                  <a:pt x="899" y="787"/>
                  <a:pt x="874" y="768"/>
                  <a:pt x="845" y="768"/>
                </a:cubicBezTo>
                <a:cubicBezTo>
                  <a:pt x="844" y="768"/>
                  <a:pt x="844" y="768"/>
                  <a:pt x="844" y="768"/>
                </a:cubicBezTo>
                <a:lnTo>
                  <a:pt x="844" y="620"/>
                </a:lnTo>
                <a:close/>
                <a:moveTo>
                  <a:pt x="844" y="794"/>
                </a:moveTo>
                <a:cubicBezTo>
                  <a:pt x="844" y="794"/>
                  <a:pt x="844" y="794"/>
                  <a:pt x="845" y="794"/>
                </a:cubicBezTo>
                <a:cubicBezTo>
                  <a:pt x="859" y="794"/>
                  <a:pt x="872" y="802"/>
                  <a:pt x="880" y="813"/>
                </a:cubicBezTo>
                <a:lnTo>
                  <a:pt x="844" y="813"/>
                </a:lnTo>
                <a:lnTo>
                  <a:pt x="844" y="794"/>
                </a:lnTo>
                <a:close/>
                <a:moveTo>
                  <a:pt x="844" y="820"/>
                </a:moveTo>
                <a:lnTo>
                  <a:pt x="883" y="820"/>
                </a:lnTo>
                <a:cubicBezTo>
                  <a:pt x="885" y="825"/>
                  <a:pt x="887" y="830"/>
                  <a:pt x="887" y="836"/>
                </a:cubicBezTo>
                <a:cubicBezTo>
                  <a:pt x="887" y="860"/>
                  <a:pt x="868" y="879"/>
                  <a:pt x="845" y="879"/>
                </a:cubicBezTo>
                <a:cubicBezTo>
                  <a:pt x="844" y="879"/>
                  <a:pt x="844" y="879"/>
                  <a:pt x="844" y="879"/>
                </a:cubicBezTo>
                <a:lnTo>
                  <a:pt x="844" y="820"/>
                </a:lnTo>
                <a:lnTo>
                  <a:pt x="844" y="820"/>
                </a:lnTo>
                <a:close/>
                <a:moveTo>
                  <a:pt x="444" y="40"/>
                </a:moveTo>
                <a:lnTo>
                  <a:pt x="637" y="40"/>
                </a:lnTo>
                <a:lnTo>
                  <a:pt x="637" y="213"/>
                </a:lnTo>
                <a:lnTo>
                  <a:pt x="444" y="213"/>
                </a:lnTo>
                <a:lnTo>
                  <a:pt x="444" y="40"/>
                </a:lnTo>
                <a:close/>
                <a:moveTo>
                  <a:pt x="444" y="220"/>
                </a:moveTo>
                <a:lnTo>
                  <a:pt x="637" y="220"/>
                </a:lnTo>
                <a:lnTo>
                  <a:pt x="637" y="368"/>
                </a:lnTo>
                <a:lnTo>
                  <a:pt x="570" y="338"/>
                </a:lnTo>
                <a:cubicBezTo>
                  <a:pt x="573" y="330"/>
                  <a:pt x="575" y="321"/>
                  <a:pt x="575" y="313"/>
                </a:cubicBezTo>
                <a:cubicBezTo>
                  <a:pt x="575" y="275"/>
                  <a:pt x="544" y="244"/>
                  <a:pt x="506" y="244"/>
                </a:cubicBezTo>
                <a:cubicBezTo>
                  <a:pt x="478" y="244"/>
                  <a:pt x="454" y="260"/>
                  <a:pt x="444" y="284"/>
                </a:cubicBezTo>
                <a:lnTo>
                  <a:pt x="444" y="220"/>
                </a:lnTo>
                <a:close/>
                <a:moveTo>
                  <a:pt x="644" y="385"/>
                </a:moveTo>
                <a:lnTo>
                  <a:pt x="704" y="413"/>
                </a:lnTo>
                <a:lnTo>
                  <a:pt x="644" y="413"/>
                </a:lnTo>
                <a:lnTo>
                  <a:pt x="644" y="385"/>
                </a:lnTo>
                <a:close/>
                <a:moveTo>
                  <a:pt x="452" y="676"/>
                </a:moveTo>
                <a:cubicBezTo>
                  <a:pt x="452" y="687"/>
                  <a:pt x="455" y="698"/>
                  <a:pt x="460" y="707"/>
                </a:cubicBezTo>
                <a:lnTo>
                  <a:pt x="444" y="716"/>
                </a:lnTo>
                <a:lnTo>
                  <a:pt x="444" y="620"/>
                </a:lnTo>
                <a:lnTo>
                  <a:pt x="481" y="620"/>
                </a:lnTo>
                <a:cubicBezTo>
                  <a:pt x="464" y="632"/>
                  <a:pt x="452" y="652"/>
                  <a:pt x="452" y="676"/>
                </a:cubicBezTo>
                <a:close/>
                <a:moveTo>
                  <a:pt x="444" y="420"/>
                </a:moveTo>
                <a:lnTo>
                  <a:pt x="637" y="420"/>
                </a:lnTo>
                <a:lnTo>
                  <a:pt x="637" y="613"/>
                </a:lnTo>
                <a:lnTo>
                  <a:pt x="549" y="613"/>
                </a:lnTo>
                <a:cubicBezTo>
                  <a:pt x="540" y="609"/>
                  <a:pt x="531" y="607"/>
                  <a:pt x="521" y="607"/>
                </a:cubicBezTo>
                <a:cubicBezTo>
                  <a:pt x="511" y="607"/>
                  <a:pt x="501" y="609"/>
                  <a:pt x="493" y="613"/>
                </a:cubicBezTo>
                <a:lnTo>
                  <a:pt x="444" y="613"/>
                </a:lnTo>
                <a:lnTo>
                  <a:pt x="444" y="420"/>
                </a:lnTo>
                <a:close/>
                <a:moveTo>
                  <a:pt x="437" y="420"/>
                </a:moveTo>
                <a:lnTo>
                  <a:pt x="437" y="613"/>
                </a:lnTo>
                <a:lnTo>
                  <a:pt x="244" y="613"/>
                </a:lnTo>
                <a:lnTo>
                  <a:pt x="244" y="544"/>
                </a:lnTo>
                <a:cubicBezTo>
                  <a:pt x="256" y="531"/>
                  <a:pt x="264" y="514"/>
                  <a:pt x="264" y="495"/>
                </a:cubicBezTo>
                <a:cubicBezTo>
                  <a:pt x="264" y="484"/>
                  <a:pt x="261" y="474"/>
                  <a:pt x="257" y="465"/>
                </a:cubicBezTo>
                <a:lnTo>
                  <a:pt x="341" y="420"/>
                </a:lnTo>
                <a:lnTo>
                  <a:pt x="437" y="420"/>
                </a:lnTo>
                <a:close/>
                <a:moveTo>
                  <a:pt x="353" y="413"/>
                </a:moveTo>
                <a:lnTo>
                  <a:pt x="437" y="367"/>
                </a:lnTo>
                <a:lnTo>
                  <a:pt x="437" y="413"/>
                </a:lnTo>
                <a:lnTo>
                  <a:pt x="353" y="413"/>
                </a:lnTo>
                <a:close/>
                <a:moveTo>
                  <a:pt x="244" y="833"/>
                </a:moveTo>
                <a:cubicBezTo>
                  <a:pt x="249" y="840"/>
                  <a:pt x="252" y="848"/>
                  <a:pt x="252" y="858"/>
                </a:cubicBezTo>
                <a:cubicBezTo>
                  <a:pt x="252" y="867"/>
                  <a:pt x="249" y="876"/>
                  <a:pt x="244" y="883"/>
                </a:cubicBezTo>
                <a:lnTo>
                  <a:pt x="244" y="833"/>
                </a:lnTo>
                <a:close/>
                <a:moveTo>
                  <a:pt x="262" y="813"/>
                </a:moveTo>
                <a:cubicBezTo>
                  <a:pt x="257" y="807"/>
                  <a:pt x="250" y="802"/>
                  <a:pt x="244" y="798"/>
                </a:cubicBezTo>
                <a:lnTo>
                  <a:pt x="244" y="620"/>
                </a:lnTo>
                <a:lnTo>
                  <a:pt x="437" y="620"/>
                </a:lnTo>
                <a:lnTo>
                  <a:pt x="437" y="720"/>
                </a:lnTo>
                <a:lnTo>
                  <a:pt x="267" y="813"/>
                </a:lnTo>
                <a:lnTo>
                  <a:pt x="262" y="813"/>
                </a:lnTo>
                <a:close/>
                <a:moveTo>
                  <a:pt x="521" y="633"/>
                </a:moveTo>
                <a:cubicBezTo>
                  <a:pt x="544" y="633"/>
                  <a:pt x="563" y="652"/>
                  <a:pt x="563" y="676"/>
                </a:cubicBezTo>
                <a:cubicBezTo>
                  <a:pt x="563" y="699"/>
                  <a:pt x="544" y="718"/>
                  <a:pt x="521" y="718"/>
                </a:cubicBezTo>
                <a:cubicBezTo>
                  <a:pt x="498" y="718"/>
                  <a:pt x="479" y="699"/>
                  <a:pt x="479" y="676"/>
                </a:cubicBezTo>
                <a:cubicBezTo>
                  <a:pt x="479" y="652"/>
                  <a:pt x="498" y="633"/>
                  <a:pt x="521" y="633"/>
                </a:cubicBezTo>
                <a:close/>
                <a:moveTo>
                  <a:pt x="560" y="620"/>
                </a:moveTo>
                <a:lnTo>
                  <a:pt x="637" y="620"/>
                </a:lnTo>
                <a:lnTo>
                  <a:pt x="637" y="727"/>
                </a:lnTo>
                <a:lnTo>
                  <a:pt x="584" y="703"/>
                </a:lnTo>
                <a:cubicBezTo>
                  <a:pt x="588" y="695"/>
                  <a:pt x="590" y="686"/>
                  <a:pt x="590" y="676"/>
                </a:cubicBezTo>
                <a:cubicBezTo>
                  <a:pt x="590" y="652"/>
                  <a:pt x="578" y="632"/>
                  <a:pt x="560" y="620"/>
                </a:cubicBezTo>
                <a:close/>
                <a:moveTo>
                  <a:pt x="444" y="413"/>
                </a:moveTo>
                <a:lnTo>
                  <a:pt x="444" y="364"/>
                </a:lnTo>
                <a:lnTo>
                  <a:pt x="454" y="358"/>
                </a:lnTo>
                <a:cubicBezTo>
                  <a:pt x="467" y="372"/>
                  <a:pt x="485" y="382"/>
                  <a:pt x="506" y="382"/>
                </a:cubicBezTo>
                <a:cubicBezTo>
                  <a:pt x="530" y="382"/>
                  <a:pt x="552" y="369"/>
                  <a:pt x="564" y="350"/>
                </a:cubicBezTo>
                <a:lnTo>
                  <a:pt x="637" y="382"/>
                </a:lnTo>
                <a:lnTo>
                  <a:pt x="637" y="413"/>
                </a:lnTo>
                <a:lnTo>
                  <a:pt x="444" y="413"/>
                </a:lnTo>
                <a:close/>
                <a:moveTo>
                  <a:pt x="506" y="355"/>
                </a:moveTo>
                <a:cubicBezTo>
                  <a:pt x="483" y="355"/>
                  <a:pt x="464" y="336"/>
                  <a:pt x="464" y="313"/>
                </a:cubicBezTo>
                <a:cubicBezTo>
                  <a:pt x="464" y="289"/>
                  <a:pt x="483" y="270"/>
                  <a:pt x="506" y="270"/>
                </a:cubicBezTo>
                <a:cubicBezTo>
                  <a:pt x="529" y="270"/>
                  <a:pt x="548" y="289"/>
                  <a:pt x="548" y="313"/>
                </a:cubicBezTo>
                <a:cubicBezTo>
                  <a:pt x="548" y="336"/>
                  <a:pt x="529" y="355"/>
                  <a:pt x="506" y="355"/>
                </a:cubicBezTo>
                <a:close/>
                <a:moveTo>
                  <a:pt x="446" y="347"/>
                </a:moveTo>
                <a:lnTo>
                  <a:pt x="444" y="348"/>
                </a:lnTo>
                <a:lnTo>
                  <a:pt x="444" y="341"/>
                </a:lnTo>
                <a:cubicBezTo>
                  <a:pt x="444" y="343"/>
                  <a:pt x="445" y="345"/>
                  <a:pt x="446" y="347"/>
                </a:cubicBezTo>
                <a:close/>
                <a:moveTo>
                  <a:pt x="244" y="40"/>
                </a:moveTo>
                <a:lnTo>
                  <a:pt x="437" y="40"/>
                </a:lnTo>
                <a:lnTo>
                  <a:pt x="437" y="213"/>
                </a:lnTo>
                <a:lnTo>
                  <a:pt x="244" y="213"/>
                </a:lnTo>
                <a:lnTo>
                  <a:pt x="244" y="40"/>
                </a:lnTo>
                <a:close/>
                <a:moveTo>
                  <a:pt x="244" y="220"/>
                </a:moveTo>
                <a:lnTo>
                  <a:pt x="437" y="220"/>
                </a:lnTo>
                <a:lnTo>
                  <a:pt x="437" y="352"/>
                </a:lnTo>
                <a:lnTo>
                  <a:pt x="325" y="413"/>
                </a:lnTo>
                <a:lnTo>
                  <a:pt x="244" y="413"/>
                </a:lnTo>
                <a:lnTo>
                  <a:pt x="244" y="220"/>
                </a:lnTo>
                <a:close/>
                <a:moveTo>
                  <a:pt x="244" y="420"/>
                </a:moveTo>
                <a:lnTo>
                  <a:pt x="313" y="420"/>
                </a:lnTo>
                <a:lnTo>
                  <a:pt x="250" y="454"/>
                </a:lnTo>
                <a:cubicBezTo>
                  <a:pt x="248" y="451"/>
                  <a:pt x="246" y="448"/>
                  <a:pt x="244" y="446"/>
                </a:cubicBezTo>
                <a:lnTo>
                  <a:pt x="244" y="420"/>
                </a:lnTo>
                <a:lnTo>
                  <a:pt x="244" y="420"/>
                </a:lnTo>
                <a:close/>
                <a:moveTo>
                  <a:pt x="237" y="1196"/>
                </a:moveTo>
                <a:lnTo>
                  <a:pt x="40" y="1196"/>
                </a:lnTo>
                <a:lnTo>
                  <a:pt x="40" y="1015"/>
                </a:lnTo>
                <a:lnTo>
                  <a:pt x="42" y="1013"/>
                </a:lnTo>
                <a:lnTo>
                  <a:pt x="42" y="1020"/>
                </a:lnTo>
                <a:lnTo>
                  <a:pt x="237" y="1020"/>
                </a:lnTo>
                <a:lnTo>
                  <a:pt x="237" y="1196"/>
                </a:lnTo>
                <a:lnTo>
                  <a:pt x="237" y="1196"/>
                </a:lnTo>
                <a:close/>
                <a:moveTo>
                  <a:pt x="237" y="1013"/>
                </a:moveTo>
                <a:lnTo>
                  <a:pt x="42" y="1013"/>
                </a:lnTo>
                <a:lnTo>
                  <a:pt x="163" y="908"/>
                </a:lnTo>
                <a:cubicBezTo>
                  <a:pt x="175" y="919"/>
                  <a:pt x="192" y="927"/>
                  <a:pt x="210" y="927"/>
                </a:cubicBezTo>
                <a:cubicBezTo>
                  <a:pt x="219" y="927"/>
                  <a:pt x="229" y="925"/>
                  <a:pt x="237" y="921"/>
                </a:cubicBezTo>
                <a:lnTo>
                  <a:pt x="237" y="1013"/>
                </a:lnTo>
                <a:close/>
                <a:moveTo>
                  <a:pt x="237" y="890"/>
                </a:moveTo>
                <a:cubicBezTo>
                  <a:pt x="230" y="896"/>
                  <a:pt x="220" y="900"/>
                  <a:pt x="210" y="900"/>
                </a:cubicBezTo>
                <a:cubicBezTo>
                  <a:pt x="187" y="900"/>
                  <a:pt x="168" y="881"/>
                  <a:pt x="168" y="858"/>
                </a:cubicBezTo>
                <a:cubicBezTo>
                  <a:pt x="168" y="841"/>
                  <a:pt x="178" y="826"/>
                  <a:pt x="192" y="820"/>
                </a:cubicBezTo>
                <a:lnTo>
                  <a:pt x="227" y="820"/>
                </a:lnTo>
                <a:cubicBezTo>
                  <a:pt x="231" y="821"/>
                  <a:pt x="234" y="823"/>
                  <a:pt x="237" y="826"/>
                </a:cubicBezTo>
                <a:lnTo>
                  <a:pt x="237" y="890"/>
                </a:lnTo>
                <a:lnTo>
                  <a:pt x="237" y="890"/>
                </a:lnTo>
                <a:close/>
                <a:moveTo>
                  <a:pt x="237" y="794"/>
                </a:moveTo>
                <a:cubicBezTo>
                  <a:pt x="229" y="791"/>
                  <a:pt x="219" y="789"/>
                  <a:pt x="210" y="789"/>
                </a:cubicBezTo>
                <a:cubicBezTo>
                  <a:pt x="189" y="789"/>
                  <a:pt x="171" y="798"/>
                  <a:pt x="158" y="813"/>
                </a:cubicBezTo>
                <a:lnTo>
                  <a:pt x="42" y="813"/>
                </a:lnTo>
                <a:lnTo>
                  <a:pt x="42" y="820"/>
                </a:lnTo>
                <a:lnTo>
                  <a:pt x="153" y="820"/>
                </a:lnTo>
                <a:cubicBezTo>
                  <a:pt x="145" y="830"/>
                  <a:pt x="141" y="844"/>
                  <a:pt x="141" y="858"/>
                </a:cubicBezTo>
                <a:cubicBezTo>
                  <a:pt x="141" y="873"/>
                  <a:pt x="146" y="886"/>
                  <a:pt x="154" y="898"/>
                </a:cubicBezTo>
                <a:lnTo>
                  <a:pt x="40" y="997"/>
                </a:lnTo>
                <a:lnTo>
                  <a:pt x="40" y="644"/>
                </a:lnTo>
                <a:lnTo>
                  <a:pt x="68" y="620"/>
                </a:lnTo>
                <a:lnTo>
                  <a:pt x="237" y="620"/>
                </a:lnTo>
                <a:lnTo>
                  <a:pt x="237" y="794"/>
                </a:lnTo>
                <a:lnTo>
                  <a:pt x="237" y="794"/>
                </a:lnTo>
                <a:close/>
                <a:moveTo>
                  <a:pt x="237" y="613"/>
                </a:moveTo>
                <a:lnTo>
                  <a:pt x="76" y="613"/>
                </a:lnTo>
                <a:lnTo>
                  <a:pt x="151" y="547"/>
                </a:lnTo>
                <a:cubicBezTo>
                  <a:pt x="163" y="557"/>
                  <a:pt x="178" y="564"/>
                  <a:pt x="195" y="564"/>
                </a:cubicBezTo>
                <a:cubicBezTo>
                  <a:pt x="211" y="564"/>
                  <a:pt x="225" y="558"/>
                  <a:pt x="237" y="549"/>
                </a:cubicBezTo>
                <a:lnTo>
                  <a:pt x="237" y="613"/>
                </a:lnTo>
                <a:close/>
                <a:moveTo>
                  <a:pt x="237" y="499"/>
                </a:moveTo>
                <a:cubicBezTo>
                  <a:pt x="235" y="520"/>
                  <a:pt x="217" y="537"/>
                  <a:pt x="195" y="537"/>
                </a:cubicBezTo>
                <a:cubicBezTo>
                  <a:pt x="172" y="537"/>
                  <a:pt x="153" y="518"/>
                  <a:pt x="153" y="495"/>
                </a:cubicBezTo>
                <a:cubicBezTo>
                  <a:pt x="153" y="471"/>
                  <a:pt x="172" y="453"/>
                  <a:pt x="195" y="453"/>
                </a:cubicBezTo>
                <a:cubicBezTo>
                  <a:pt x="217" y="453"/>
                  <a:pt x="235" y="469"/>
                  <a:pt x="237" y="491"/>
                </a:cubicBezTo>
                <a:lnTo>
                  <a:pt x="237" y="499"/>
                </a:lnTo>
                <a:close/>
                <a:moveTo>
                  <a:pt x="237" y="213"/>
                </a:moveTo>
                <a:lnTo>
                  <a:pt x="42" y="213"/>
                </a:lnTo>
                <a:lnTo>
                  <a:pt x="42" y="220"/>
                </a:lnTo>
                <a:lnTo>
                  <a:pt x="237" y="220"/>
                </a:lnTo>
                <a:lnTo>
                  <a:pt x="237" y="413"/>
                </a:lnTo>
                <a:lnTo>
                  <a:pt x="42" y="413"/>
                </a:lnTo>
                <a:lnTo>
                  <a:pt x="42" y="420"/>
                </a:lnTo>
                <a:lnTo>
                  <a:pt x="237" y="420"/>
                </a:lnTo>
                <a:lnTo>
                  <a:pt x="237" y="440"/>
                </a:lnTo>
                <a:cubicBezTo>
                  <a:pt x="225" y="431"/>
                  <a:pt x="211" y="426"/>
                  <a:pt x="195" y="426"/>
                </a:cubicBezTo>
                <a:cubicBezTo>
                  <a:pt x="157" y="426"/>
                  <a:pt x="126" y="457"/>
                  <a:pt x="126" y="495"/>
                </a:cubicBezTo>
                <a:cubicBezTo>
                  <a:pt x="126" y="511"/>
                  <a:pt x="132" y="526"/>
                  <a:pt x="141" y="538"/>
                </a:cubicBezTo>
                <a:lnTo>
                  <a:pt x="55" y="613"/>
                </a:lnTo>
                <a:lnTo>
                  <a:pt x="42" y="613"/>
                </a:lnTo>
                <a:lnTo>
                  <a:pt x="42" y="620"/>
                </a:lnTo>
                <a:lnTo>
                  <a:pt x="48" y="620"/>
                </a:lnTo>
                <a:lnTo>
                  <a:pt x="40" y="626"/>
                </a:lnTo>
                <a:lnTo>
                  <a:pt x="40" y="40"/>
                </a:lnTo>
                <a:lnTo>
                  <a:pt x="237" y="40"/>
                </a:lnTo>
                <a:lnTo>
                  <a:pt x="237" y="213"/>
                </a:lnTo>
                <a:close/>
                <a:moveTo>
                  <a:pt x="437" y="1196"/>
                </a:moveTo>
                <a:lnTo>
                  <a:pt x="244" y="1196"/>
                </a:lnTo>
                <a:lnTo>
                  <a:pt x="244" y="1020"/>
                </a:lnTo>
                <a:lnTo>
                  <a:pt x="437" y="1020"/>
                </a:lnTo>
                <a:lnTo>
                  <a:pt x="437" y="1196"/>
                </a:lnTo>
                <a:close/>
                <a:moveTo>
                  <a:pt x="437" y="1013"/>
                </a:moveTo>
                <a:lnTo>
                  <a:pt x="244" y="1013"/>
                </a:lnTo>
                <a:lnTo>
                  <a:pt x="244" y="918"/>
                </a:lnTo>
                <a:cubicBezTo>
                  <a:pt x="264" y="906"/>
                  <a:pt x="279" y="884"/>
                  <a:pt x="279" y="858"/>
                </a:cubicBezTo>
                <a:cubicBezTo>
                  <a:pt x="279" y="846"/>
                  <a:pt x="276" y="835"/>
                  <a:pt x="271" y="826"/>
                </a:cubicBezTo>
                <a:lnTo>
                  <a:pt x="282" y="820"/>
                </a:lnTo>
                <a:lnTo>
                  <a:pt x="437" y="820"/>
                </a:lnTo>
                <a:lnTo>
                  <a:pt x="437" y="1013"/>
                </a:lnTo>
                <a:close/>
                <a:moveTo>
                  <a:pt x="295" y="813"/>
                </a:moveTo>
                <a:lnTo>
                  <a:pt x="437" y="735"/>
                </a:lnTo>
                <a:lnTo>
                  <a:pt x="437" y="813"/>
                </a:lnTo>
                <a:lnTo>
                  <a:pt x="295" y="813"/>
                </a:lnTo>
                <a:close/>
                <a:moveTo>
                  <a:pt x="637" y="1196"/>
                </a:moveTo>
                <a:lnTo>
                  <a:pt x="444" y="1196"/>
                </a:lnTo>
                <a:lnTo>
                  <a:pt x="444" y="1020"/>
                </a:lnTo>
                <a:lnTo>
                  <a:pt x="637" y="1020"/>
                </a:lnTo>
                <a:lnTo>
                  <a:pt x="637" y="1196"/>
                </a:lnTo>
                <a:close/>
                <a:moveTo>
                  <a:pt x="637" y="1013"/>
                </a:moveTo>
                <a:lnTo>
                  <a:pt x="444" y="1013"/>
                </a:lnTo>
                <a:lnTo>
                  <a:pt x="444" y="820"/>
                </a:lnTo>
                <a:lnTo>
                  <a:pt x="637" y="820"/>
                </a:lnTo>
                <a:lnTo>
                  <a:pt x="637" y="1013"/>
                </a:lnTo>
                <a:close/>
                <a:moveTo>
                  <a:pt x="444" y="813"/>
                </a:moveTo>
                <a:lnTo>
                  <a:pt x="444" y="732"/>
                </a:lnTo>
                <a:lnTo>
                  <a:pt x="467" y="719"/>
                </a:lnTo>
                <a:cubicBezTo>
                  <a:pt x="480" y="734"/>
                  <a:pt x="499" y="745"/>
                  <a:pt x="521" y="745"/>
                </a:cubicBezTo>
                <a:cubicBezTo>
                  <a:pt x="544" y="745"/>
                  <a:pt x="565" y="733"/>
                  <a:pt x="577" y="715"/>
                </a:cubicBezTo>
                <a:lnTo>
                  <a:pt x="637" y="742"/>
                </a:lnTo>
                <a:lnTo>
                  <a:pt x="637" y="813"/>
                </a:lnTo>
                <a:lnTo>
                  <a:pt x="444" y="813"/>
                </a:lnTo>
                <a:lnTo>
                  <a:pt x="444" y="813"/>
                </a:lnTo>
                <a:close/>
                <a:moveTo>
                  <a:pt x="644" y="745"/>
                </a:moveTo>
                <a:lnTo>
                  <a:pt x="782" y="808"/>
                </a:lnTo>
                <a:cubicBezTo>
                  <a:pt x="782" y="809"/>
                  <a:pt x="781" y="811"/>
                  <a:pt x="780" y="813"/>
                </a:cubicBezTo>
                <a:lnTo>
                  <a:pt x="644" y="813"/>
                </a:lnTo>
                <a:lnTo>
                  <a:pt x="644" y="745"/>
                </a:lnTo>
                <a:close/>
                <a:moveTo>
                  <a:pt x="837" y="1196"/>
                </a:moveTo>
                <a:lnTo>
                  <a:pt x="644" y="1196"/>
                </a:lnTo>
                <a:lnTo>
                  <a:pt x="644" y="1020"/>
                </a:lnTo>
                <a:lnTo>
                  <a:pt x="837" y="1020"/>
                </a:lnTo>
                <a:lnTo>
                  <a:pt x="837" y="1196"/>
                </a:lnTo>
                <a:close/>
                <a:moveTo>
                  <a:pt x="837" y="1013"/>
                </a:moveTo>
                <a:lnTo>
                  <a:pt x="644" y="1013"/>
                </a:lnTo>
                <a:lnTo>
                  <a:pt x="644" y="820"/>
                </a:lnTo>
                <a:lnTo>
                  <a:pt x="778" y="820"/>
                </a:lnTo>
                <a:cubicBezTo>
                  <a:pt x="777" y="825"/>
                  <a:pt x="776" y="831"/>
                  <a:pt x="776" y="836"/>
                </a:cubicBezTo>
                <a:cubicBezTo>
                  <a:pt x="776" y="872"/>
                  <a:pt x="803" y="901"/>
                  <a:pt x="837" y="905"/>
                </a:cubicBezTo>
                <a:lnTo>
                  <a:pt x="837" y="1013"/>
                </a:lnTo>
                <a:close/>
                <a:moveTo>
                  <a:pt x="837" y="878"/>
                </a:moveTo>
                <a:cubicBezTo>
                  <a:pt x="817" y="874"/>
                  <a:pt x="802" y="857"/>
                  <a:pt x="802" y="837"/>
                </a:cubicBezTo>
                <a:cubicBezTo>
                  <a:pt x="802" y="830"/>
                  <a:pt x="804" y="825"/>
                  <a:pt x="806" y="820"/>
                </a:cubicBezTo>
                <a:lnTo>
                  <a:pt x="837" y="820"/>
                </a:lnTo>
                <a:lnTo>
                  <a:pt x="837" y="878"/>
                </a:lnTo>
                <a:close/>
                <a:moveTo>
                  <a:pt x="837" y="813"/>
                </a:moveTo>
                <a:lnTo>
                  <a:pt x="810" y="813"/>
                </a:lnTo>
                <a:cubicBezTo>
                  <a:pt x="816" y="804"/>
                  <a:pt x="826" y="797"/>
                  <a:pt x="837" y="795"/>
                </a:cubicBezTo>
                <a:lnTo>
                  <a:pt x="837" y="813"/>
                </a:lnTo>
                <a:close/>
                <a:moveTo>
                  <a:pt x="837" y="768"/>
                </a:moveTo>
                <a:cubicBezTo>
                  <a:pt x="817" y="771"/>
                  <a:pt x="800" y="781"/>
                  <a:pt x="789" y="796"/>
                </a:cubicBezTo>
                <a:lnTo>
                  <a:pt x="644" y="730"/>
                </a:lnTo>
                <a:lnTo>
                  <a:pt x="644" y="619"/>
                </a:lnTo>
                <a:lnTo>
                  <a:pt x="837" y="619"/>
                </a:lnTo>
                <a:lnTo>
                  <a:pt x="837" y="768"/>
                </a:lnTo>
                <a:close/>
                <a:moveTo>
                  <a:pt x="837" y="613"/>
                </a:moveTo>
                <a:lnTo>
                  <a:pt x="644" y="613"/>
                </a:lnTo>
                <a:lnTo>
                  <a:pt x="644" y="420"/>
                </a:lnTo>
                <a:lnTo>
                  <a:pt x="719" y="420"/>
                </a:lnTo>
                <a:lnTo>
                  <a:pt x="769" y="442"/>
                </a:lnTo>
                <a:cubicBezTo>
                  <a:pt x="764" y="451"/>
                  <a:pt x="761" y="462"/>
                  <a:pt x="761" y="473"/>
                </a:cubicBezTo>
                <a:cubicBezTo>
                  <a:pt x="761" y="511"/>
                  <a:pt x="792" y="542"/>
                  <a:pt x="830" y="542"/>
                </a:cubicBezTo>
                <a:cubicBezTo>
                  <a:pt x="832" y="542"/>
                  <a:pt x="834" y="542"/>
                  <a:pt x="837" y="542"/>
                </a:cubicBezTo>
                <a:lnTo>
                  <a:pt x="837" y="613"/>
                </a:lnTo>
                <a:close/>
                <a:moveTo>
                  <a:pt x="776" y="431"/>
                </a:moveTo>
                <a:lnTo>
                  <a:pt x="751" y="420"/>
                </a:lnTo>
                <a:lnTo>
                  <a:pt x="787" y="420"/>
                </a:lnTo>
                <a:cubicBezTo>
                  <a:pt x="783" y="423"/>
                  <a:pt x="779" y="427"/>
                  <a:pt x="776" y="431"/>
                </a:cubicBezTo>
                <a:close/>
                <a:moveTo>
                  <a:pt x="837" y="515"/>
                </a:moveTo>
                <a:cubicBezTo>
                  <a:pt x="835" y="515"/>
                  <a:pt x="832" y="516"/>
                  <a:pt x="830" y="516"/>
                </a:cubicBezTo>
                <a:cubicBezTo>
                  <a:pt x="806" y="516"/>
                  <a:pt x="787" y="497"/>
                  <a:pt x="787" y="473"/>
                </a:cubicBezTo>
                <a:cubicBezTo>
                  <a:pt x="787" y="450"/>
                  <a:pt x="806" y="431"/>
                  <a:pt x="830" y="431"/>
                </a:cubicBezTo>
                <a:cubicBezTo>
                  <a:pt x="832" y="431"/>
                  <a:pt x="835" y="432"/>
                  <a:pt x="837" y="432"/>
                </a:cubicBezTo>
                <a:lnTo>
                  <a:pt x="837" y="515"/>
                </a:lnTo>
                <a:close/>
                <a:moveTo>
                  <a:pt x="837" y="405"/>
                </a:moveTo>
                <a:cubicBezTo>
                  <a:pt x="834" y="405"/>
                  <a:pt x="832" y="405"/>
                  <a:pt x="830" y="405"/>
                </a:cubicBezTo>
                <a:cubicBezTo>
                  <a:pt x="818" y="405"/>
                  <a:pt x="807" y="408"/>
                  <a:pt x="798" y="413"/>
                </a:cubicBezTo>
                <a:lnTo>
                  <a:pt x="737" y="413"/>
                </a:lnTo>
                <a:lnTo>
                  <a:pt x="644" y="371"/>
                </a:lnTo>
                <a:lnTo>
                  <a:pt x="644" y="220"/>
                </a:lnTo>
                <a:lnTo>
                  <a:pt x="837" y="220"/>
                </a:lnTo>
                <a:lnTo>
                  <a:pt x="837" y="405"/>
                </a:lnTo>
                <a:lnTo>
                  <a:pt x="837" y="405"/>
                </a:lnTo>
                <a:close/>
                <a:moveTo>
                  <a:pt x="837" y="213"/>
                </a:moveTo>
                <a:lnTo>
                  <a:pt x="644" y="213"/>
                </a:lnTo>
                <a:lnTo>
                  <a:pt x="644" y="40"/>
                </a:lnTo>
                <a:lnTo>
                  <a:pt x="837" y="40"/>
                </a:lnTo>
                <a:lnTo>
                  <a:pt x="837" y="213"/>
                </a:lnTo>
                <a:close/>
                <a:moveTo>
                  <a:pt x="1037" y="1196"/>
                </a:moveTo>
                <a:lnTo>
                  <a:pt x="844" y="1196"/>
                </a:lnTo>
                <a:lnTo>
                  <a:pt x="844" y="1020"/>
                </a:lnTo>
                <a:lnTo>
                  <a:pt x="1037" y="1020"/>
                </a:lnTo>
                <a:lnTo>
                  <a:pt x="1037" y="1196"/>
                </a:lnTo>
                <a:close/>
                <a:moveTo>
                  <a:pt x="844" y="1013"/>
                </a:moveTo>
                <a:lnTo>
                  <a:pt x="844" y="905"/>
                </a:lnTo>
                <a:cubicBezTo>
                  <a:pt x="844" y="905"/>
                  <a:pt x="844" y="905"/>
                  <a:pt x="845" y="905"/>
                </a:cubicBezTo>
                <a:cubicBezTo>
                  <a:pt x="876" y="905"/>
                  <a:pt x="902" y="885"/>
                  <a:pt x="910" y="856"/>
                </a:cubicBezTo>
                <a:lnTo>
                  <a:pt x="1037" y="835"/>
                </a:lnTo>
                <a:lnTo>
                  <a:pt x="1037" y="1013"/>
                </a:lnTo>
                <a:lnTo>
                  <a:pt x="844" y="1013"/>
                </a:lnTo>
                <a:close/>
                <a:moveTo>
                  <a:pt x="1237" y="1196"/>
                </a:moveTo>
                <a:lnTo>
                  <a:pt x="1044" y="1196"/>
                </a:lnTo>
                <a:lnTo>
                  <a:pt x="1044" y="1020"/>
                </a:lnTo>
                <a:lnTo>
                  <a:pt x="1237" y="1020"/>
                </a:lnTo>
                <a:lnTo>
                  <a:pt x="1237" y="1196"/>
                </a:lnTo>
                <a:close/>
                <a:moveTo>
                  <a:pt x="1237" y="1013"/>
                </a:moveTo>
                <a:lnTo>
                  <a:pt x="1044" y="1013"/>
                </a:lnTo>
                <a:lnTo>
                  <a:pt x="1044" y="833"/>
                </a:lnTo>
                <a:lnTo>
                  <a:pt x="1125" y="820"/>
                </a:lnTo>
                <a:lnTo>
                  <a:pt x="1155" y="820"/>
                </a:lnTo>
                <a:cubicBezTo>
                  <a:pt x="1163" y="849"/>
                  <a:pt x="1190" y="871"/>
                  <a:pt x="1222" y="871"/>
                </a:cubicBezTo>
                <a:cubicBezTo>
                  <a:pt x="1227" y="871"/>
                  <a:pt x="1232" y="870"/>
                  <a:pt x="1237" y="869"/>
                </a:cubicBezTo>
                <a:lnTo>
                  <a:pt x="1237" y="1013"/>
                </a:lnTo>
                <a:close/>
                <a:moveTo>
                  <a:pt x="1237" y="842"/>
                </a:moveTo>
                <a:cubicBezTo>
                  <a:pt x="1232" y="843"/>
                  <a:pt x="1227" y="844"/>
                  <a:pt x="1222" y="844"/>
                </a:cubicBezTo>
                <a:cubicBezTo>
                  <a:pt x="1205" y="844"/>
                  <a:pt x="1190" y="834"/>
                  <a:pt x="1183" y="820"/>
                </a:cubicBezTo>
                <a:lnTo>
                  <a:pt x="1237" y="820"/>
                </a:lnTo>
                <a:lnTo>
                  <a:pt x="1237" y="842"/>
                </a:lnTo>
                <a:lnTo>
                  <a:pt x="1237" y="842"/>
                </a:lnTo>
                <a:close/>
                <a:moveTo>
                  <a:pt x="1237" y="813"/>
                </a:moveTo>
                <a:lnTo>
                  <a:pt x="1181" y="813"/>
                </a:lnTo>
                <a:cubicBezTo>
                  <a:pt x="1180" y="809"/>
                  <a:pt x="1180" y="806"/>
                  <a:pt x="1180" y="802"/>
                </a:cubicBezTo>
                <a:cubicBezTo>
                  <a:pt x="1180" y="779"/>
                  <a:pt x="1199" y="760"/>
                  <a:pt x="1222" y="760"/>
                </a:cubicBezTo>
                <a:cubicBezTo>
                  <a:pt x="1227" y="760"/>
                  <a:pt x="1232" y="761"/>
                  <a:pt x="1237" y="763"/>
                </a:cubicBezTo>
                <a:lnTo>
                  <a:pt x="1237" y="813"/>
                </a:lnTo>
                <a:close/>
                <a:moveTo>
                  <a:pt x="1237" y="735"/>
                </a:moveTo>
                <a:cubicBezTo>
                  <a:pt x="1232" y="734"/>
                  <a:pt x="1227" y="733"/>
                  <a:pt x="1222" y="733"/>
                </a:cubicBezTo>
                <a:cubicBezTo>
                  <a:pt x="1184" y="733"/>
                  <a:pt x="1154" y="764"/>
                  <a:pt x="1153" y="801"/>
                </a:cubicBezTo>
                <a:lnTo>
                  <a:pt x="1085" y="813"/>
                </a:lnTo>
                <a:lnTo>
                  <a:pt x="1044" y="813"/>
                </a:lnTo>
                <a:lnTo>
                  <a:pt x="1044" y="620"/>
                </a:lnTo>
                <a:lnTo>
                  <a:pt x="1237" y="620"/>
                </a:lnTo>
                <a:lnTo>
                  <a:pt x="1237" y="735"/>
                </a:lnTo>
                <a:lnTo>
                  <a:pt x="1237" y="735"/>
                </a:lnTo>
                <a:close/>
                <a:moveTo>
                  <a:pt x="1237" y="613"/>
                </a:moveTo>
                <a:lnTo>
                  <a:pt x="1044" y="613"/>
                </a:lnTo>
                <a:lnTo>
                  <a:pt x="1044" y="469"/>
                </a:lnTo>
                <a:lnTo>
                  <a:pt x="1139" y="452"/>
                </a:lnTo>
                <a:cubicBezTo>
                  <a:pt x="1146" y="484"/>
                  <a:pt x="1173" y="508"/>
                  <a:pt x="1207" y="508"/>
                </a:cubicBezTo>
                <a:cubicBezTo>
                  <a:pt x="1218" y="508"/>
                  <a:pt x="1228" y="505"/>
                  <a:pt x="1237" y="501"/>
                </a:cubicBezTo>
                <a:lnTo>
                  <a:pt x="1237" y="613"/>
                </a:lnTo>
                <a:lnTo>
                  <a:pt x="1237" y="613"/>
                </a:lnTo>
                <a:close/>
                <a:moveTo>
                  <a:pt x="1237" y="469"/>
                </a:moveTo>
                <a:cubicBezTo>
                  <a:pt x="1229" y="477"/>
                  <a:pt x="1219" y="481"/>
                  <a:pt x="1207" y="481"/>
                </a:cubicBezTo>
                <a:cubicBezTo>
                  <a:pt x="1184" y="481"/>
                  <a:pt x="1165" y="462"/>
                  <a:pt x="1165" y="439"/>
                </a:cubicBezTo>
                <a:cubicBezTo>
                  <a:pt x="1165" y="432"/>
                  <a:pt x="1167" y="425"/>
                  <a:pt x="1170" y="420"/>
                </a:cubicBezTo>
                <a:lnTo>
                  <a:pt x="1237" y="420"/>
                </a:lnTo>
                <a:lnTo>
                  <a:pt x="1237" y="469"/>
                </a:lnTo>
                <a:close/>
                <a:moveTo>
                  <a:pt x="1237" y="413"/>
                </a:moveTo>
                <a:lnTo>
                  <a:pt x="1174" y="413"/>
                </a:lnTo>
                <a:cubicBezTo>
                  <a:pt x="1182" y="403"/>
                  <a:pt x="1194" y="397"/>
                  <a:pt x="1207" y="397"/>
                </a:cubicBezTo>
                <a:cubicBezTo>
                  <a:pt x="1219" y="397"/>
                  <a:pt x="1229" y="402"/>
                  <a:pt x="1237" y="409"/>
                </a:cubicBezTo>
                <a:lnTo>
                  <a:pt x="1237" y="413"/>
                </a:lnTo>
                <a:close/>
                <a:moveTo>
                  <a:pt x="1237" y="377"/>
                </a:moveTo>
                <a:cubicBezTo>
                  <a:pt x="1228" y="373"/>
                  <a:pt x="1218" y="370"/>
                  <a:pt x="1207" y="370"/>
                </a:cubicBezTo>
                <a:cubicBezTo>
                  <a:pt x="1178" y="370"/>
                  <a:pt x="1154" y="388"/>
                  <a:pt x="1143" y="413"/>
                </a:cubicBezTo>
                <a:lnTo>
                  <a:pt x="1044" y="413"/>
                </a:lnTo>
                <a:lnTo>
                  <a:pt x="1044" y="220"/>
                </a:lnTo>
                <a:lnTo>
                  <a:pt x="1237" y="220"/>
                </a:lnTo>
                <a:lnTo>
                  <a:pt x="1237" y="377"/>
                </a:lnTo>
                <a:close/>
                <a:moveTo>
                  <a:pt x="1237" y="213"/>
                </a:moveTo>
                <a:lnTo>
                  <a:pt x="1044" y="213"/>
                </a:lnTo>
                <a:lnTo>
                  <a:pt x="1044" y="40"/>
                </a:lnTo>
                <a:lnTo>
                  <a:pt x="1237" y="40"/>
                </a:lnTo>
                <a:lnTo>
                  <a:pt x="1237" y="213"/>
                </a:lnTo>
                <a:close/>
                <a:moveTo>
                  <a:pt x="1244" y="1196"/>
                </a:moveTo>
                <a:lnTo>
                  <a:pt x="1244" y="1020"/>
                </a:lnTo>
                <a:lnTo>
                  <a:pt x="1408" y="1020"/>
                </a:lnTo>
                <a:lnTo>
                  <a:pt x="1408" y="1013"/>
                </a:lnTo>
                <a:lnTo>
                  <a:pt x="1244" y="1013"/>
                </a:lnTo>
                <a:lnTo>
                  <a:pt x="1244" y="867"/>
                </a:lnTo>
                <a:cubicBezTo>
                  <a:pt x="1265" y="860"/>
                  <a:pt x="1282" y="842"/>
                  <a:pt x="1288" y="820"/>
                </a:cubicBezTo>
                <a:lnTo>
                  <a:pt x="1408" y="820"/>
                </a:lnTo>
                <a:lnTo>
                  <a:pt x="1408" y="813"/>
                </a:lnTo>
                <a:lnTo>
                  <a:pt x="1290" y="813"/>
                </a:lnTo>
                <a:cubicBezTo>
                  <a:pt x="1290" y="809"/>
                  <a:pt x="1291" y="806"/>
                  <a:pt x="1291" y="802"/>
                </a:cubicBezTo>
                <a:cubicBezTo>
                  <a:pt x="1291" y="788"/>
                  <a:pt x="1286" y="774"/>
                  <a:pt x="1278" y="763"/>
                </a:cubicBezTo>
                <a:lnTo>
                  <a:pt x="1402" y="620"/>
                </a:lnTo>
                <a:lnTo>
                  <a:pt x="1408" y="620"/>
                </a:lnTo>
                <a:lnTo>
                  <a:pt x="1408" y="613"/>
                </a:lnTo>
                <a:lnTo>
                  <a:pt x="1407" y="613"/>
                </a:lnTo>
                <a:lnTo>
                  <a:pt x="1410" y="610"/>
                </a:lnTo>
                <a:lnTo>
                  <a:pt x="1410" y="1196"/>
                </a:lnTo>
                <a:lnTo>
                  <a:pt x="1244" y="1196"/>
                </a:lnTo>
                <a:close/>
              </a:path>
            </a:pathLst>
          </a:custGeom>
          <a:solidFill>
            <a:srgbClr val="C00000"/>
          </a:solidFill>
          <a:ln>
            <a:solidFill>
              <a:srgbClr val="EC7061"/>
            </a:solidFill>
          </a:ln>
        </p:spPr>
      </p:sp>
      <p:sp>
        <p:nvSpPr>
          <p:cNvPr id="16" name="文本框 15">
            <a:extLst>
              <a:ext uri="{FF2B5EF4-FFF2-40B4-BE49-F238E27FC236}">
                <a16:creationId xmlns:a16="http://schemas.microsoft.com/office/drawing/2014/main" xmlns="" id="{973547D2-BD7C-4612-9D43-BFD73D50CACC}"/>
              </a:ext>
            </a:extLst>
          </p:cNvPr>
          <p:cNvSpPr txBox="1"/>
          <p:nvPr/>
        </p:nvSpPr>
        <p:spPr>
          <a:xfrm>
            <a:off x="5574341" y="1378530"/>
            <a:ext cx="1132675" cy="307777"/>
          </a:xfrm>
          <a:prstGeom prst="rect">
            <a:avLst/>
          </a:prstGeom>
          <a:noFill/>
        </p:spPr>
        <p:txBody>
          <a:bodyPr wrap="square" rtlCol="0">
            <a:spAutoFit/>
          </a:bodyPr>
          <a:lstStyle/>
          <a:p>
            <a:pPr algn="ctr" defTabSz="685800"/>
            <a:r>
              <a:rPr lang="en-US" altLang="zh-CN" sz="1400" b="1" dirty="0">
                <a:solidFill>
                  <a:srgbClr val="EC7061"/>
                </a:solidFill>
                <a:cs typeface="Huawei Sans" panose="020C0503030203020204" pitchFamily="34" charset="0"/>
              </a:rPr>
              <a:t>Analysis</a:t>
            </a:r>
            <a:endParaRPr lang="zh-CN" altLang="en-US" sz="1400" b="1" dirty="0">
              <a:solidFill>
                <a:srgbClr val="EC7061"/>
              </a:solidFill>
              <a:cs typeface="Huawei Sans" panose="020C0503030203020204" pitchFamily="34" charset="0"/>
            </a:endParaRPr>
          </a:p>
        </p:txBody>
      </p:sp>
      <p:sp>
        <p:nvSpPr>
          <p:cNvPr id="17" name="椭圆 16">
            <a:extLst>
              <a:ext uri="{FF2B5EF4-FFF2-40B4-BE49-F238E27FC236}">
                <a16:creationId xmlns:a16="http://schemas.microsoft.com/office/drawing/2014/main" xmlns="" id="{8B0D162A-41C7-401E-84C5-2957448DDBDA}"/>
              </a:ext>
            </a:extLst>
          </p:cNvPr>
          <p:cNvSpPr>
            <a:spLocks noChangeAspect="1"/>
          </p:cNvSpPr>
          <p:nvPr/>
        </p:nvSpPr>
        <p:spPr>
          <a:xfrm>
            <a:off x="9862548" y="1290527"/>
            <a:ext cx="900064" cy="900064"/>
          </a:xfrm>
          <a:prstGeom prst="ellipse">
            <a:avLst/>
          </a:prstGeom>
          <a:gradFill flip="none" rotWithShape="1">
            <a:gsLst>
              <a:gs pos="100000">
                <a:srgbClr val="FFFFFF">
                  <a:lumMod val="100000"/>
                </a:srgbClr>
              </a:gs>
              <a:gs pos="0">
                <a:srgbClr val="D9D9DA"/>
              </a:gs>
            </a:gsLst>
            <a:lin ang="2700000" scaled="1"/>
            <a:tileRect/>
          </a:gradFill>
          <a:ln w="19050" cap="flat" cmpd="sng" algn="ctr">
            <a:solidFill>
              <a:srgbClr val="888888"/>
            </a:solidFill>
            <a:prstDash val="solid"/>
            <a:miter lim="800000"/>
          </a:ln>
          <a:effectLst/>
        </p:spPr>
        <p:txBody>
          <a:bodyPr rtlCol="0" anchor="ctr"/>
          <a:lstStyle/>
          <a:p>
            <a:pPr marL="0" marR="0" lvl="0" indent="0" algn="ctr" defTabSz="914377"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srgbClr val="EC7061"/>
              </a:solidFill>
              <a:effectLst/>
              <a:uLnTx/>
              <a:uFillTx/>
              <a:cs typeface="+mn-cs"/>
              <a:sym typeface="Huawei Sans Light" panose="020C0303030203020204" pitchFamily="34" charset="0"/>
            </a:endParaRPr>
          </a:p>
        </p:txBody>
      </p:sp>
      <p:sp>
        <p:nvSpPr>
          <p:cNvPr id="18" name="文本框 17">
            <a:extLst>
              <a:ext uri="{FF2B5EF4-FFF2-40B4-BE49-F238E27FC236}">
                <a16:creationId xmlns:a16="http://schemas.microsoft.com/office/drawing/2014/main" xmlns="" id="{85167E82-1199-421D-A37F-EFE7962E7015}"/>
              </a:ext>
            </a:extLst>
          </p:cNvPr>
          <p:cNvSpPr txBox="1"/>
          <p:nvPr/>
        </p:nvSpPr>
        <p:spPr>
          <a:xfrm>
            <a:off x="9753976" y="1378530"/>
            <a:ext cx="1184970" cy="307777"/>
          </a:xfrm>
          <a:prstGeom prst="rect">
            <a:avLst/>
          </a:prstGeom>
          <a:noFill/>
        </p:spPr>
        <p:txBody>
          <a:bodyPr wrap="square" rtlCol="0">
            <a:spAutoFit/>
          </a:bodyPr>
          <a:lstStyle/>
          <a:p>
            <a:pPr algn="ctr" defTabSz="685800"/>
            <a:r>
              <a:rPr lang="en-US" altLang="zh-CN" sz="1400" b="1" dirty="0">
                <a:solidFill>
                  <a:srgbClr val="EC7061"/>
                </a:solidFill>
                <a:cs typeface="Huawei Sans" panose="020C0503030203020204" pitchFamily="34" charset="0"/>
              </a:rPr>
              <a:t>Decision</a:t>
            </a:r>
            <a:endParaRPr lang="zh-CN" altLang="en-US" sz="1400" b="1" dirty="0">
              <a:solidFill>
                <a:srgbClr val="EC7061"/>
              </a:solidFill>
              <a:cs typeface="Huawei Sans" panose="020C0503030203020204" pitchFamily="34" charset="0"/>
            </a:endParaRPr>
          </a:p>
        </p:txBody>
      </p:sp>
      <p:sp>
        <p:nvSpPr>
          <p:cNvPr id="19" name="圆角矩形 90">
            <a:extLst>
              <a:ext uri="{FF2B5EF4-FFF2-40B4-BE49-F238E27FC236}">
                <a16:creationId xmlns:a16="http://schemas.microsoft.com/office/drawing/2014/main" xmlns="" id="{09D92B30-8E0B-441F-8FCB-359BC11A3D0B}"/>
              </a:ext>
            </a:extLst>
          </p:cNvPr>
          <p:cNvSpPr/>
          <p:nvPr/>
        </p:nvSpPr>
        <p:spPr>
          <a:xfrm>
            <a:off x="765794" y="4809623"/>
            <a:ext cx="2259806" cy="990251"/>
          </a:xfrm>
          <a:prstGeom prst="roundRect">
            <a:avLst/>
          </a:prstGeom>
          <a:solidFill>
            <a:sysClr val="windowText" lastClr="000000">
              <a:lumMod val="65000"/>
              <a:lumOff val="35000"/>
            </a:sysClr>
          </a:solidFill>
          <a:ln w="12700" cap="flat" cmpd="sng" algn="ctr">
            <a:solidFill>
              <a:sysClr val="window" lastClr="FFFFFF"/>
            </a:solidFill>
            <a:prstDash val="solid"/>
            <a:miter lim="800000"/>
          </a:ln>
          <a:effectLst/>
        </p:spPr>
        <p:txBody>
          <a:bodyPr rtlCol="0" anchor="ctr"/>
          <a:lstStyle/>
          <a:p>
            <a:pPr marL="0" marR="0" lvl="0" indent="0" algn="ctr" defTabSz="685859"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prstClr val="white"/>
              </a:solidFill>
              <a:effectLst/>
              <a:uLnTx/>
              <a:uFillTx/>
            </a:endParaRPr>
          </a:p>
        </p:txBody>
      </p:sp>
      <p:sp>
        <p:nvSpPr>
          <p:cNvPr id="20" name="文本框 19">
            <a:extLst>
              <a:ext uri="{FF2B5EF4-FFF2-40B4-BE49-F238E27FC236}">
                <a16:creationId xmlns:a16="http://schemas.microsoft.com/office/drawing/2014/main" xmlns="" id="{482FC4CF-6A12-4504-822B-AC5DF3ED512A}"/>
              </a:ext>
            </a:extLst>
          </p:cNvPr>
          <p:cNvSpPr txBox="1"/>
          <p:nvPr/>
        </p:nvSpPr>
        <p:spPr bwMode="gray">
          <a:xfrm>
            <a:off x="1378887" y="4866278"/>
            <a:ext cx="1623526" cy="382477"/>
          </a:xfrm>
          <a:prstGeom prst="rect">
            <a:avLst/>
          </a:prstGeom>
          <a:noFill/>
        </p:spPr>
        <p:txBody>
          <a:bodyPr wrap="square" rtlCol="0">
            <a:spAutoFit/>
          </a:bodyPr>
          <a:lstStyle/>
          <a:p>
            <a:pPr algn="ctr">
              <a:lnSpc>
                <a:spcPct val="150000"/>
              </a:lnSpc>
            </a:pPr>
            <a:r>
              <a:rPr lang="zh-CN" altLang="en-US" sz="1400" b="1" dirty="0">
                <a:solidFill>
                  <a:prstClr val="white"/>
                </a:solidFill>
              </a:rPr>
              <a:t>数据中心全息数据</a:t>
            </a:r>
            <a:endParaRPr lang="en-US" altLang="zh-CN" sz="1400" b="1" dirty="0">
              <a:solidFill>
                <a:prstClr val="white"/>
              </a:solidFill>
            </a:endParaRPr>
          </a:p>
        </p:txBody>
      </p:sp>
      <p:cxnSp>
        <p:nvCxnSpPr>
          <p:cNvPr id="21" name="直接箭头连接符 20">
            <a:extLst>
              <a:ext uri="{FF2B5EF4-FFF2-40B4-BE49-F238E27FC236}">
                <a16:creationId xmlns:a16="http://schemas.microsoft.com/office/drawing/2014/main" xmlns="" id="{9183EEE4-A110-4592-905E-89E3344118B7}"/>
              </a:ext>
            </a:extLst>
          </p:cNvPr>
          <p:cNvCxnSpPr/>
          <p:nvPr/>
        </p:nvCxnSpPr>
        <p:spPr>
          <a:xfrm>
            <a:off x="3132583" y="3157953"/>
            <a:ext cx="504688" cy="0"/>
          </a:xfrm>
          <a:prstGeom prst="straightConnector1">
            <a:avLst/>
          </a:prstGeom>
          <a:noFill/>
          <a:ln w="57150" cap="flat" cmpd="sng" algn="ctr">
            <a:solidFill>
              <a:srgbClr val="595757"/>
            </a:solidFill>
            <a:prstDash val="solid"/>
            <a:miter lim="800000"/>
            <a:tailEnd type="triangle"/>
          </a:ln>
          <a:effectLst/>
        </p:spPr>
      </p:cxnSp>
      <p:sp>
        <p:nvSpPr>
          <p:cNvPr id="22" name="checking-item_65778">
            <a:extLst>
              <a:ext uri="{FF2B5EF4-FFF2-40B4-BE49-F238E27FC236}">
                <a16:creationId xmlns:a16="http://schemas.microsoft.com/office/drawing/2014/main" xmlns="" id="{F5B17C7F-7FE3-46EB-930B-314ADFB3D24F}"/>
              </a:ext>
            </a:extLst>
          </p:cNvPr>
          <p:cNvSpPr>
            <a:spLocks noChangeAspect="1"/>
          </p:cNvSpPr>
          <p:nvPr/>
        </p:nvSpPr>
        <p:spPr bwMode="auto">
          <a:xfrm>
            <a:off x="10140922" y="1681648"/>
            <a:ext cx="334647" cy="336550"/>
          </a:xfrm>
          <a:custGeom>
            <a:avLst/>
            <a:gdLst>
              <a:gd name="T0" fmla="*/ 564 w 564"/>
              <a:gd name="T1" fmla="*/ 477 h 568"/>
              <a:gd name="T2" fmla="*/ 511 w 564"/>
              <a:gd name="T3" fmla="*/ 530 h 568"/>
              <a:gd name="T4" fmla="*/ 253 w 564"/>
              <a:gd name="T5" fmla="*/ 530 h 568"/>
              <a:gd name="T6" fmla="*/ 200 w 564"/>
              <a:gd name="T7" fmla="*/ 477 h 568"/>
              <a:gd name="T8" fmla="*/ 253 w 564"/>
              <a:gd name="T9" fmla="*/ 424 h 568"/>
              <a:gd name="T10" fmla="*/ 511 w 564"/>
              <a:gd name="T11" fmla="*/ 424 h 568"/>
              <a:gd name="T12" fmla="*/ 564 w 564"/>
              <a:gd name="T13" fmla="*/ 477 h 568"/>
              <a:gd name="T14" fmla="*/ 124 w 564"/>
              <a:gd name="T15" fmla="*/ 386 h 568"/>
              <a:gd name="T16" fmla="*/ 56 w 564"/>
              <a:gd name="T17" fmla="*/ 386 h 568"/>
              <a:gd name="T18" fmla="*/ 0 w 564"/>
              <a:gd name="T19" fmla="*/ 443 h 568"/>
              <a:gd name="T20" fmla="*/ 0 w 564"/>
              <a:gd name="T21" fmla="*/ 511 h 568"/>
              <a:gd name="T22" fmla="*/ 56 w 564"/>
              <a:gd name="T23" fmla="*/ 568 h 568"/>
              <a:gd name="T24" fmla="*/ 124 w 564"/>
              <a:gd name="T25" fmla="*/ 568 h 568"/>
              <a:gd name="T26" fmla="*/ 181 w 564"/>
              <a:gd name="T27" fmla="*/ 511 h 568"/>
              <a:gd name="T28" fmla="*/ 181 w 564"/>
              <a:gd name="T29" fmla="*/ 443 h 568"/>
              <a:gd name="T30" fmla="*/ 124 w 564"/>
              <a:gd name="T31" fmla="*/ 386 h 568"/>
              <a:gd name="T32" fmla="*/ 511 w 564"/>
              <a:gd name="T33" fmla="*/ 230 h 568"/>
              <a:gd name="T34" fmla="*/ 253 w 564"/>
              <a:gd name="T35" fmla="*/ 230 h 568"/>
              <a:gd name="T36" fmla="*/ 200 w 564"/>
              <a:gd name="T37" fmla="*/ 284 h 568"/>
              <a:gd name="T38" fmla="*/ 253 w 564"/>
              <a:gd name="T39" fmla="*/ 337 h 568"/>
              <a:gd name="T40" fmla="*/ 511 w 564"/>
              <a:gd name="T41" fmla="*/ 337 h 568"/>
              <a:gd name="T42" fmla="*/ 564 w 564"/>
              <a:gd name="T43" fmla="*/ 284 h 568"/>
              <a:gd name="T44" fmla="*/ 511 w 564"/>
              <a:gd name="T45" fmla="*/ 230 h 568"/>
              <a:gd name="T46" fmla="*/ 181 w 564"/>
              <a:gd name="T47" fmla="*/ 250 h 568"/>
              <a:gd name="T48" fmla="*/ 181 w 564"/>
              <a:gd name="T49" fmla="*/ 318 h 568"/>
              <a:gd name="T50" fmla="*/ 124 w 564"/>
              <a:gd name="T51" fmla="*/ 375 h 568"/>
              <a:gd name="T52" fmla="*/ 56 w 564"/>
              <a:gd name="T53" fmla="*/ 375 h 568"/>
              <a:gd name="T54" fmla="*/ 0 w 564"/>
              <a:gd name="T55" fmla="*/ 318 h 568"/>
              <a:gd name="T56" fmla="*/ 0 w 564"/>
              <a:gd name="T57" fmla="*/ 250 h 568"/>
              <a:gd name="T58" fmla="*/ 56 w 564"/>
              <a:gd name="T59" fmla="*/ 193 h 568"/>
              <a:gd name="T60" fmla="*/ 124 w 564"/>
              <a:gd name="T61" fmla="*/ 193 h 568"/>
              <a:gd name="T62" fmla="*/ 181 w 564"/>
              <a:gd name="T63" fmla="*/ 250 h 568"/>
              <a:gd name="T64" fmla="*/ 154 w 564"/>
              <a:gd name="T65" fmla="*/ 245 h 568"/>
              <a:gd name="T66" fmla="*/ 126 w 564"/>
              <a:gd name="T67" fmla="*/ 245 h 568"/>
              <a:gd name="T68" fmla="*/ 122 w 564"/>
              <a:gd name="T69" fmla="*/ 250 h 568"/>
              <a:gd name="T70" fmla="*/ 78 w 564"/>
              <a:gd name="T71" fmla="*/ 293 h 568"/>
              <a:gd name="T72" fmla="*/ 56 w 564"/>
              <a:gd name="T73" fmla="*/ 271 h 568"/>
              <a:gd name="T74" fmla="*/ 55 w 564"/>
              <a:gd name="T75" fmla="*/ 269 h 568"/>
              <a:gd name="T76" fmla="*/ 26 w 564"/>
              <a:gd name="T77" fmla="*/ 269 h 568"/>
              <a:gd name="T78" fmla="*/ 26 w 564"/>
              <a:gd name="T79" fmla="*/ 298 h 568"/>
              <a:gd name="T80" fmla="*/ 64 w 564"/>
              <a:gd name="T81" fmla="*/ 336 h 568"/>
              <a:gd name="T82" fmla="*/ 78 w 564"/>
              <a:gd name="T83" fmla="*/ 341 h 568"/>
              <a:gd name="T84" fmla="*/ 92 w 564"/>
              <a:gd name="T85" fmla="*/ 336 h 568"/>
              <a:gd name="T86" fmla="*/ 110 w 564"/>
              <a:gd name="T87" fmla="*/ 318 h 568"/>
              <a:gd name="T88" fmla="*/ 124 w 564"/>
              <a:gd name="T89" fmla="*/ 304 h 568"/>
              <a:gd name="T90" fmla="*/ 154 w 564"/>
              <a:gd name="T91" fmla="*/ 274 h 568"/>
              <a:gd name="T92" fmla="*/ 154 w 564"/>
              <a:gd name="T93" fmla="*/ 245 h 568"/>
              <a:gd name="T94" fmla="*/ 253 w 564"/>
              <a:gd name="T95" fmla="*/ 144 h 568"/>
              <a:gd name="T96" fmla="*/ 511 w 564"/>
              <a:gd name="T97" fmla="*/ 144 h 568"/>
              <a:gd name="T98" fmla="*/ 564 w 564"/>
              <a:gd name="T99" fmla="*/ 91 h 568"/>
              <a:gd name="T100" fmla="*/ 511 w 564"/>
              <a:gd name="T101" fmla="*/ 37 h 568"/>
              <a:gd name="T102" fmla="*/ 253 w 564"/>
              <a:gd name="T103" fmla="*/ 37 h 568"/>
              <a:gd name="T104" fmla="*/ 200 w 564"/>
              <a:gd name="T105" fmla="*/ 91 h 568"/>
              <a:gd name="T106" fmla="*/ 253 w 564"/>
              <a:gd name="T107" fmla="*/ 144 h 568"/>
              <a:gd name="T108" fmla="*/ 124 w 564"/>
              <a:gd name="T109" fmla="*/ 0 h 568"/>
              <a:gd name="T110" fmla="*/ 56 w 564"/>
              <a:gd name="T111" fmla="*/ 0 h 568"/>
              <a:gd name="T112" fmla="*/ 0 w 564"/>
              <a:gd name="T113" fmla="*/ 57 h 568"/>
              <a:gd name="T114" fmla="*/ 0 w 564"/>
              <a:gd name="T115" fmla="*/ 125 h 568"/>
              <a:gd name="T116" fmla="*/ 56 w 564"/>
              <a:gd name="T117" fmla="*/ 181 h 568"/>
              <a:gd name="T118" fmla="*/ 124 w 564"/>
              <a:gd name="T119" fmla="*/ 181 h 568"/>
              <a:gd name="T120" fmla="*/ 181 w 564"/>
              <a:gd name="T121" fmla="*/ 125 h 568"/>
              <a:gd name="T122" fmla="*/ 181 w 564"/>
              <a:gd name="T123" fmla="*/ 57 h 568"/>
              <a:gd name="T124" fmla="*/ 124 w 564"/>
              <a:gd name="T125" fmla="*/ 0 h 5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564" h="568">
                <a:moveTo>
                  <a:pt x="564" y="477"/>
                </a:moveTo>
                <a:cubicBezTo>
                  <a:pt x="564" y="506"/>
                  <a:pt x="540" y="530"/>
                  <a:pt x="511" y="530"/>
                </a:cubicBezTo>
                <a:lnTo>
                  <a:pt x="253" y="530"/>
                </a:lnTo>
                <a:cubicBezTo>
                  <a:pt x="224" y="530"/>
                  <a:pt x="200" y="506"/>
                  <a:pt x="200" y="477"/>
                </a:cubicBezTo>
                <a:cubicBezTo>
                  <a:pt x="200" y="447"/>
                  <a:pt x="224" y="424"/>
                  <a:pt x="253" y="424"/>
                </a:cubicBezTo>
                <a:lnTo>
                  <a:pt x="511" y="424"/>
                </a:lnTo>
                <a:cubicBezTo>
                  <a:pt x="540" y="424"/>
                  <a:pt x="564" y="447"/>
                  <a:pt x="564" y="477"/>
                </a:cubicBezTo>
                <a:close/>
                <a:moveTo>
                  <a:pt x="124" y="386"/>
                </a:moveTo>
                <a:lnTo>
                  <a:pt x="56" y="386"/>
                </a:lnTo>
                <a:cubicBezTo>
                  <a:pt x="25" y="386"/>
                  <a:pt x="0" y="412"/>
                  <a:pt x="0" y="443"/>
                </a:cubicBezTo>
                <a:lnTo>
                  <a:pt x="0" y="511"/>
                </a:lnTo>
                <a:cubicBezTo>
                  <a:pt x="0" y="542"/>
                  <a:pt x="25" y="568"/>
                  <a:pt x="56" y="568"/>
                </a:cubicBezTo>
                <a:lnTo>
                  <a:pt x="124" y="568"/>
                </a:lnTo>
                <a:cubicBezTo>
                  <a:pt x="156" y="568"/>
                  <a:pt x="181" y="542"/>
                  <a:pt x="181" y="511"/>
                </a:cubicBezTo>
                <a:lnTo>
                  <a:pt x="181" y="443"/>
                </a:lnTo>
                <a:cubicBezTo>
                  <a:pt x="181" y="412"/>
                  <a:pt x="156" y="386"/>
                  <a:pt x="124" y="386"/>
                </a:cubicBezTo>
                <a:close/>
                <a:moveTo>
                  <a:pt x="511" y="230"/>
                </a:moveTo>
                <a:lnTo>
                  <a:pt x="253" y="230"/>
                </a:lnTo>
                <a:cubicBezTo>
                  <a:pt x="224" y="230"/>
                  <a:pt x="200" y="254"/>
                  <a:pt x="200" y="284"/>
                </a:cubicBezTo>
                <a:cubicBezTo>
                  <a:pt x="200" y="313"/>
                  <a:pt x="224" y="337"/>
                  <a:pt x="253" y="337"/>
                </a:cubicBezTo>
                <a:lnTo>
                  <a:pt x="511" y="337"/>
                </a:lnTo>
                <a:cubicBezTo>
                  <a:pt x="540" y="337"/>
                  <a:pt x="564" y="313"/>
                  <a:pt x="564" y="284"/>
                </a:cubicBezTo>
                <a:cubicBezTo>
                  <a:pt x="564" y="254"/>
                  <a:pt x="540" y="230"/>
                  <a:pt x="511" y="230"/>
                </a:cubicBezTo>
                <a:close/>
                <a:moveTo>
                  <a:pt x="181" y="250"/>
                </a:moveTo>
                <a:lnTo>
                  <a:pt x="181" y="318"/>
                </a:lnTo>
                <a:cubicBezTo>
                  <a:pt x="181" y="349"/>
                  <a:pt x="156" y="375"/>
                  <a:pt x="124" y="375"/>
                </a:cubicBezTo>
                <a:lnTo>
                  <a:pt x="56" y="375"/>
                </a:lnTo>
                <a:cubicBezTo>
                  <a:pt x="25" y="375"/>
                  <a:pt x="0" y="349"/>
                  <a:pt x="0" y="318"/>
                </a:cubicBezTo>
                <a:lnTo>
                  <a:pt x="0" y="250"/>
                </a:lnTo>
                <a:cubicBezTo>
                  <a:pt x="0" y="218"/>
                  <a:pt x="25" y="193"/>
                  <a:pt x="56" y="193"/>
                </a:cubicBezTo>
                <a:lnTo>
                  <a:pt x="124" y="193"/>
                </a:lnTo>
                <a:cubicBezTo>
                  <a:pt x="156" y="193"/>
                  <a:pt x="181" y="218"/>
                  <a:pt x="181" y="250"/>
                </a:cubicBezTo>
                <a:close/>
                <a:moveTo>
                  <a:pt x="154" y="245"/>
                </a:moveTo>
                <a:cubicBezTo>
                  <a:pt x="147" y="238"/>
                  <a:pt x="134" y="238"/>
                  <a:pt x="126" y="245"/>
                </a:cubicBezTo>
                <a:lnTo>
                  <a:pt x="122" y="250"/>
                </a:lnTo>
                <a:lnTo>
                  <a:pt x="78" y="293"/>
                </a:lnTo>
                <a:lnTo>
                  <a:pt x="56" y="271"/>
                </a:lnTo>
                <a:lnTo>
                  <a:pt x="55" y="269"/>
                </a:lnTo>
                <a:cubicBezTo>
                  <a:pt x="47" y="262"/>
                  <a:pt x="34" y="262"/>
                  <a:pt x="26" y="269"/>
                </a:cubicBezTo>
                <a:cubicBezTo>
                  <a:pt x="19" y="277"/>
                  <a:pt x="19" y="290"/>
                  <a:pt x="26" y="298"/>
                </a:cubicBezTo>
                <a:lnTo>
                  <a:pt x="64" y="336"/>
                </a:lnTo>
                <a:cubicBezTo>
                  <a:pt x="68" y="339"/>
                  <a:pt x="73" y="341"/>
                  <a:pt x="78" y="341"/>
                </a:cubicBezTo>
                <a:cubicBezTo>
                  <a:pt x="84" y="341"/>
                  <a:pt x="89" y="339"/>
                  <a:pt x="92" y="336"/>
                </a:cubicBezTo>
                <a:lnTo>
                  <a:pt x="110" y="318"/>
                </a:lnTo>
                <a:lnTo>
                  <a:pt x="124" y="304"/>
                </a:lnTo>
                <a:lnTo>
                  <a:pt x="154" y="274"/>
                </a:lnTo>
                <a:cubicBezTo>
                  <a:pt x="162" y="266"/>
                  <a:pt x="162" y="253"/>
                  <a:pt x="154" y="245"/>
                </a:cubicBezTo>
                <a:close/>
                <a:moveTo>
                  <a:pt x="253" y="144"/>
                </a:moveTo>
                <a:lnTo>
                  <a:pt x="511" y="144"/>
                </a:lnTo>
                <a:cubicBezTo>
                  <a:pt x="540" y="144"/>
                  <a:pt x="564" y="120"/>
                  <a:pt x="564" y="91"/>
                </a:cubicBezTo>
                <a:cubicBezTo>
                  <a:pt x="564" y="61"/>
                  <a:pt x="540" y="37"/>
                  <a:pt x="511" y="37"/>
                </a:cubicBezTo>
                <a:lnTo>
                  <a:pt x="253" y="37"/>
                </a:lnTo>
                <a:cubicBezTo>
                  <a:pt x="224" y="37"/>
                  <a:pt x="200" y="61"/>
                  <a:pt x="200" y="91"/>
                </a:cubicBezTo>
                <a:cubicBezTo>
                  <a:pt x="200" y="120"/>
                  <a:pt x="224" y="144"/>
                  <a:pt x="253" y="144"/>
                </a:cubicBezTo>
                <a:close/>
                <a:moveTo>
                  <a:pt x="124" y="0"/>
                </a:moveTo>
                <a:lnTo>
                  <a:pt x="56" y="0"/>
                </a:lnTo>
                <a:cubicBezTo>
                  <a:pt x="25" y="0"/>
                  <a:pt x="0" y="25"/>
                  <a:pt x="0" y="57"/>
                </a:cubicBezTo>
                <a:lnTo>
                  <a:pt x="0" y="125"/>
                </a:lnTo>
                <a:cubicBezTo>
                  <a:pt x="0" y="156"/>
                  <a:pt x="25" y="181"/>
                  <a:pt x="56" y="181"/>
                </a:cubicBezTo>
                <a:lnTo>
                  <a:pt x="124" y="181"/>
                </a:lnTo>
                <a:cubicBezTo>
                  <a:pt x="156" y="181"/>
                  <a:pt x="181" y="156"/>
                  <a:pt x="181" y="125"/>
                </a:cubicBezTo>
                <a:lnTo>
                  <a:pt x="181" y="57"/>
                </a:lnTo>
                <a:cubicBezTo>
                  <a:pt x="181" y="25"/>
                  <a:pt x="156" y="0"/>
                  <a:pt x="124" y="0"/>
                </a:cubicBezTo>
                <a:close/>
              </a:path>
            </a:pathLst>
          </a:custGeom>
          <a:solidFill>
            <a:srgbClr val="EC7061"/>
          </a:solidFill>
          <a:ln>
            <a:solidFill>
              <a:srgbClr val="EC7061"/>
            </a:solidFill>
          </a:ln>
        </p:spPr>
      </p:sp>
      <p:sp>
        <p:nvSpPr>
          <p:cNvPr id="23" name="矩形 22">
            <a:extLst>
              <a:ext uri="{FF2B5EF4-FFF2-40B4-BE49-F238E27FC236}">
                <a16:creationId xmlns:a16="http://schemas.microsoft.com/office/drawing/2014/main" xmlns="" id="{C2BDA1F2-CA4C-4E9A-98FB-84F6AA6CD0B6}"/>
              </a:ext>
            </a:extLst>
          </p:cNvPr>
          <p:cNvSpPr/>
          <p:nvPr/>
        </p:nvSpPr>
        <p:spPr bwMode="gray">
          <a:xfrm>
            <a:off x="1207980" y="5235610"/>
            <a:ext cx="1623526" cy="523220"/>
          </a:xfrm>
          <a:prstGeom prst="rect">
            <a:avLst/>
          </a:prstGeom>
        </p:spPr>
        <p:txBody>
          <a:bodyPr wrap="square">
            <a:spAutoFit/>
          </a:bodyPr>
          <a:lstStyle/>
          <a:p>
            <a:pPr algn="ctr">
              <a:defRPr/>
            </a:pPr>
            <a:r>
              <a:rPr lang="zh-CN" altLang="en-US" sz="1400" kern="0" dirty="0">
                <a:solidFill>
                  <a:prstClr val="white"/>
                </a:solidFill>
              </a:rPr>
              <a:t>业务流数据</a:t>
            </a:r>
            <a:r>
              <a:rPr lang="en-US" altLang="zh-CN" sz="1400" kern="0" dirty="0">
                <a:solidFill>
                  <a:prstClr val="white"/>
                </a:solidFill>
              </a:rPr>
              <a:t>/</a:t>
            </a:r>
            <a:r>
              <a:rPr lang="en-US" altLang="zh-CN" sz="1400" kern="0">
                <a:solidFill>
                  <a:prstClr val="white"/>
                </a:solidFill>
              </a:rPr>
              <a:t>Telemetry</a:t>
            </a:r>
            <a:r>
              <a:rPr lang="zh-CN" altLang="en-US" sz="1400" kern="0">
                <a:solidFill>
                  <a:prstClr val="white"/>
                </a:solidFill>
              </a:rPr>
              <a:t>数据</a:t>
            </a:r>
            <a:endParaRPr lang="en-US" altLang="zh-CN" sz="1400" kern="0" dirty="0">
              <a:solidFill>
                <a:prstClr val="white"/>
              </a:solidFill>
            </a:endParaRPr>
          </a:p>
        </p:txBody>
      </p:sp>
      <p:sp>
        <p:nvSpPr>
          <p:cNvPr id="24" name="圆角矩形 95">
            <a:extLst>
              <a:ext uri="{FF2B5EF4-FFF2-40B4-BE49-F238E27FC236}">
                <a16:creationId xmlns:a16="http://schemas.microsoft.com/office/drawing/2014/main" xmlns="" id="{6B10EBC6-B4C9-4104-AFC0-E478CA3AF672}"/>
              </a:ext>
            </a:extLst>
          </p:cNvPr>
          <p:cNvSpPr/>
          <p:nvPr/>
        </p:nvSpPr>
        <p:spPr>
          <a:xfrm>
            <a:off x="3910874" y="5131997"/>
            <a:ext cx="4487634" cy="610759"/>
          </a:xfrm>
          <a:prstGeom prst="roundRect">
            <a:avLst>
              <a:gd name="adj" fmla="val 10463"/>
            </a:avLst>
          </a:prstGeom>
          <a:noFill/>
          <a:ln w="28575" cap="flat" cmpd="sng" algn="ctr">
            <a:solidFill>
              <a:schemeClr val="accent4">
                <a:lumMod val="75000"/>
              </a:schemeClr>
            </a:solidFill>
            <a:prstDash val="solid"/>
            <a:miter lim="800000"/>
          </a:ln>
          <a:effectLst/>
        </p:spPr>
        <p:txBody>
          <a:bodyPr rtlCol="0" anchor="ctr"/>
          <a:lstStyle/>
          <a:p>
            <a:pPr algn="ctr" defTabSz="685859">
              <a:defRPr/>
            </a:pPr>
            <a:endParaRPr lang="zh-CN" altLang="en-US" sz="1600" b="1" kern="0" dirty="0">
              <a:solidFill>
                <a:srgbClr val="44546A"/>
              </a:solidFill>
            </a:endParaRPr>
          </a:p>
        </p:txBody>
      </p:sp>
      <p:sp>
        <p:nvSpPr>
          <p:cNvPr id="25" name="文本框 24">
            <a:extLst>
              <a:ext uri="{FF2B5EF4-FFF2-40B4-BE49-F238E27FC236}">
                <a16:creationId xmlns:a16="http://schemas.microsoft.com/office/drawing/2014/main" xmlns="" id="{14757ADA-0FB0-493B-9AE4-009AEF7DF196}"/>
              </a:ext>
            </a:extLst>
          </p:cNvPr>
          <p:cNvSpPr txBox="1"/>
          <p:nvPr/>
        </p:nvSpPr>
        <p:spPr>
          <a:xfrm>
            <a:off x="6954799" y="3946150"/>
            <a:ext cx="1040606" cy="307777"/>
          </a:xfrm>
          <a:prstGeom prst="rect">
            <a:avLst/>
          </a:prstGeom>
          <a:noFill/>
        </p:spPr>
        <p:txBody>
          <a:bodyPr wrap="square" rtlCol="0">
            <a:spAutoFit/>
          </a:bodyPr>
          <a:lstStyle/>
          <a:p>
            <a:pPr algn="ctr"/>
            <a:r>
              <a:rPr lang="zh-CN" altLang="en-US" sz="1400" b="1" dirty="0">
                <a:solidFill>
                  <a:prstClr val="black"/>
                </a:solidFill>
              </a:rPr>
              <a:t>根因分析</a:t>
            </a:r>
          </a:p>
        </p:txBody>
      </p:sp>
      <p:sp>
        <p:nvSpPr>
          <p:cNvPr id="26" name="文本框 25">
            <a:extLst>
              <a:ext uri="{FF2B5EF4-FFF2-40B4-BE49-F238E27FC236}">
                <a16:creationId xmlns:a16="http://schemas.microsoft.com/office/drawing/2014/main" xmlns="" id="{3EC91EFD-48C8-4812-8D5A-A52E5EC9BF0A}"/>
              </a:ext>
            </a:extLst>
          </p:cNvPr>
          <p:cNvSpPr txBox="1"/>
          <p:nvPr/>
        </p:nvSpPr>
        <p:spPr>
          <a:xfrm>
            <a:off x="4117990" y="2681291"/>
            <a:ext cx="1762123" cy="338554"/>
          </a:xfrm>
          <a:prstGeom prst="rect">
            <a:avLst/>
          </a:prstGeom>
          <a:noFill/>
        </p:spPr>
        <p:txBody>
          <a:bodyPr wrap="square" rtlCol="0">
            <a:spAutoFit/>
          </a:bodyPr>
          <a:lstStyle/>
          <a:p>
            <a:pPr algn="ctr"/>
            <a:r>
              <a:rPr lang="zh-CN" altLang="en-US" sz="1600" b="1" dirty="0">
                <a:solidFill>
                  <a:prstClr val="black"/>
                </a:solidFill>
              </a:rPr>
              <a:t>知识推理引擎</a:t>
            </a:r>
            <a:endParaRPr lang="en-US" altLang="zh-CN" sz="1600" b="1" dirty="0">
              <a:solidFill>
                <a:prstClr val="black"/>
              </a:solidFill>
            </a:endParaRPr>
          </a:p>
        </p:txBody>
      </p:sp>
      <p:cxnSp>
        <p:nvCxnSpPr>
          <p:cNvPr id="27" name="直接箭头连接符 26">
            <a:extLst>
              <a:ext uri="{FF2B5EF4-FFF2-40B4-BE49-F238E27FC236}">
                <a16:creationId xmlns:a16="http://schemas.microsoft.com/office/drawing/2014/main" xmlns="" id="{61218156-2F16-4F91-BD1A-CA1FA93809EC}"/>
              </a:ext>
            </a:extLst>
          </p:cNvPr>
          <p:cNvCxnSpPr/>
          <p:nvPr/>
        </p:nvCxnSpPr>
        <p:spPr>
          <a:xfrm flipV="1">
            <a:off x="5089574" y="4694847"/>
            <a:ext cx="0" cy="288000"/>
          </a:xfrm>
          <a:prstGeom prst="straightConnector1">
            <a:avLst/>
          </a:prstGeom>
          <a:noFill/>
          <a:ln w="57150" cap="flat" cmpd="sng" algn="ctr">
            <a:solidFill>
              <a:srgbClr val="595757"/>
            </a:solidFill>
            <a:prstDash val="solid"/>
            <a:miter lim="800000"/>
            <a:tailEnd type="triangle"/>
          </a:ln>
          <a:effectLst/>
        </p:spPr>
      </p:cxnSp>
      <p:sp>
        <p:nvSpPr>
          <p:cNvPr id="28" name="文本框 27">
            <a:extLst>
              <a:ext uri="{FF2B5EF4-FFF2-40B4-BE49-F238E27FC236}">
                <a16:creationId xmlns:a16="http://schemas.microsoft.com/office/drawing/2014/main" xmlns="" id="{44D2D07C-187D-4780-AAC0-ED769CD947F6}"/>
              </a:ext>
            </a:extLst>
          </p:cNvPr>
          <p:cNvSpPr txBox="1"/>
          <p:nvPr/>
        </p:nvSpPr>
        <p:spPr>
          <a:xfrm>
            <a:off x="5372100" y="2208496"/>
            <a:ext cx="1454150" cy="338554"/>
          </a:xfrm>
          <a:prstGeom prst="rect">
            <a:avLst/>
          </a:prstGeom>
          <a:solidFill>
            <a:srgbClr val="FFFFFF"/>
          </a:solidFill>
        </p:spPr>
        <p:txBody>
          <a:bodyPr wrap="square" rtlCol="0">
            <a:spAutoFit/>
          </a:bodyPr>
          <a:lstStyle/>
          <a:p>
            <a:pPr algn="ctr"/>
            <a:r>
              <a:rPr lang="zh-CN" altLang="en-US" sz="1600" b="1" dirty="0">
                <a:solidFill>
                  <a:prstClr val="black"/>
                </a:solidFill>
              </a:rPr>
              <a:t>智能分析引擎</a:t>
            </a:r>
          </a:p>
        </p:txBody>
      </p:sp>
      <p:cxnSp>
        <p:nvCxnSpPr>
          <p:cNvPr id="29" name="直接箭头连接符 28">
            <a:extLst>
              <a:ext uri="{FF2B5EF4-FFF2-40B4-BE49-F238E27FC236}">
                <a16:creationId xmlns:a16="http://schemas.microsoft.com/office/drawing/2014/main" xmlns="" id="{B0E56F3C-3E2E-4E2D-9668-E15B0DADCEA6}"/>
              </a:ext>
            </a:extLst>
          </p:cNvPr>
          <p:cNvCxnSpPr/>
          <p:nvPr/>
        </p:nvCxnSpPr>
        <p:spPr>
          <a:xfrm>
            <a:off x="3141836" y="4182610"/>
            <a:ext cx="506971" cy="0"/>
          </a:xfrm>
          <a:prstGeom prst="straightConnector1">
            <a:avLst/>
          </a:prstGeom>
          <a:noFill/>
          <a:ln w="57150" cap="flat" cmpd="sng" algn="ctr">
            <a:solidFill>
              <a:srgbClr val="595757"/>
            </a:solidFill>
            <a:prstDash val="solid"/>
            <a:miter lim="800000"/>
            <a:tailEnd type="triangle"/>
          </a:ln>
          <a:effectLst/>
        </p:spPr>
      </p:cxnSp>
      <p:sp>
        <p:nvSpPr>
          <p:cNvPr id="30" name="文本框 29">
            <a:extLst>
              <a:ext uri="{FF2B5EF4-FFF2-40B4-BE49-F238E27FC236}">
                <a16:creationId xmlns:a16="http://schemas.microsoft.com/office/drawing/2014/main" xmlns="" id="{CA0240CC-61E0-4859-95E3-900B4DF258D4}"/>
              </a:ext>
            </a:extLst>
          </p:cNvPr>
          <p:cNvSpPr txBox="1"/>
          <p:nvPr/>
        </p:nvSpPr>
        <p:spPr>
          <a:xfrm>
            <a:off x="9425647" y="3116304"/>
            <a:ext cx="1454150" cy="338554"/>
          </a:xfrm>
          <a:prstGeom prst="rect">
            <a:avLst/>
          </a:prstGeom>
          <a:noFill/>
        </p:spPr>
        <p:txBody>
          <a:bodyPr wrap="square" rtlCol="0">
            <a:spAutoFit/>
          </a:bodyPr>
          <a:lstStyle/>
          <a:p>
            <a:pPr algn="ctr"/>
            <a:r>
              <a:rPr lang="zh-CN" altLang="en-US" sz="1600" b="1" dirty="0">
                <a:solidFill>
                  <a:prstClr val="black"/>
                </a:solidFill>
              </a:rPr>
              <a:t>手动恢复</a:t>
            </a:r>
          </a:p>
        </p:txBody>
      </p:sp>
      <p:sp>
        <p:nvSpPr>
          <p:cNvPr id="31" name="双括号 30">
            <a:extLst>
              <a:ext uri="{FF2B5EF4-FFF2-40B4-BE49-F238E27FC236}">
                <a16:creationId xmlns:a16="http://schemas.microsoft.com/office/drawing/2014/main" xmlns="" id="{A47A8079-E86F-4D4D-8FBA-E8C8EFDEFE38}"/>
              </a:ext>
            </a:extLst>
          </p:cNvPr>
          <p:cNvSpPr/>
          <p:nvPr/>
        </p:nvSpPr>
        <p:spPr>
          <a:xfrm>
            <a:off x="9452386" y="4641493"/>
            <a:ext cx="1626917" cy="662474"/>
          </a:xfrm>
          <a:prstGeom prst="bracketPair">
            <a:avLst/>
          </a:prstGeom>
          <a:noFill/>
          <a:ln w="28575" cap="flat" cmpd="sng" algn="ctr">
            <a:solidFill>
              <a:sysClr val="window" lastClr="FFFFFF">
                <a:lumMod val="60000"/>
                <a:lumOff val="40000"/>
              </a:sys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black"/>
              </a:solidFill>
              <a:effectLst/>
              <a:uLnTx/>
              <a:uFillTx/>
              <a:cs typeface="+mn-cs"/>
            </a:endParaRPr>
          </a:p>
        </p:txBody>
      </p:sp>
      <p:sp>
        <p:nvSpPr>
          <p:cNvPr id="32" name="文本框 31">
            <a:extLst>
              <a:ext uri="{FF2B5EF4-FFF2-40B4-BE49-F238E27FC236}">
                <a16:creationId xmlns:a16="http://schemas.microsoft.com/office/drawing/2014/main" xmlns="" id="{B392358A-27BA-4DDF-BAE0-88C04422773F}"/>
              </a:ext>
            </a:extLst>
          </p:cNvPr>
          <p:cNvSpPr txBox="1"/>
          <p:nvPr/>
        </p:nvSpPr>
        <p:spPr>
          <a:xfrm>
            <a:off x="9461939" y="4347938"/>
            <a:ext cx="1672004" cy="1376659"/>
          </a:xfrm>
          <a:prstGeom prst="rect">
            <a:avLst/>
          </a:prstGeom>
          <a:noFill/>
        </p:spPr>
        <p:txBody>
          <a:bodyPr wrap="square" rtlCol="0">
            <a:spAutoFit/>
          </a:bodyPr>
          <a:lstStyle/>
          <a:p>
            <a:pPr>
              <a:lnSpc>
                <a:spcPct val="125000"/>
              </a:lnSpc>
            </a:pPr>
            <a:r>
              <a:rPr lang="zh-CN" altLang="en-US" sz="1700" dirty="0">
                <a:solidFill>
                  <a:srgbClr val="0070C0"/>
                </a:solidFill>
              </a:rPr>
              <a:t>推荐最佳预案：</a:t>
            </a:r>
            <a:endParaRPr lang="en-US" altLang="zh-CN" sz="1700" dirty="0">
              <a:solidFill>
                <a:srgbClr val="0070C0"/>
              </a:solidFill>
            </a:endParaRPr>
          </a:p>
          <a:p>
            <a:pPr marL="285750" indent="-285750">
              <a:lnSpc>
                <a:spcPct val="125000"/>
              </a:lnSpc>
              <a:buFont typeface="Arial" panose="020B0604020202020204" pitchFamily="34" charset="0"/>
              <a:buChar char="•"/>
            </a:pPr>
            <a:r>
              <a:rPr lang="zh-CN" altLang="en-US" sz="1700" dirty="0">
                <a:solidFill>
                  <a:srgbClr val="0070C0"/>
                </a:solidFill>
              </a:rPr>
              <a:t>端口隔离</a:t>
            </a:r>
            <a:endParaRPr lang="en-US" altLang="zh-CN" sz="1700" dirty="0">
              <a:solidFill>
                <a:srgbClr val="0070C0"/>
              </a:solidFill>
            </a:endParaRPr>
          </a:p>
          <a:p>
            <a:pPr marL="285750" indent="-285750">
              <a:lnSpc>
                <a:spcPct val="125000"/>
              </a:lnSpc>
              <a:buFont typeface="Arial" panose="020B0604020202020204" pitchFamily="34" charset="0"/>
              <a:buChar char="•"/>
            </a:pPr>
            <a:r>
              <a:rPr lang="zh-CN" altLang="en-US" sz="1700" dirty="0">
                <a:solidFill>
                  <a:srgbClr val="0070C0"/>
                </a:solidFill>
              </a:rPr>
              <a:t>回退配置</a:t>
            </a:r>
            <a:endParaRPr lang="en-US" altLang="zh-CN" sz="1700" dirty="0">
              <a:solidFill>
                <a:srgbClr val="0070C0"/>
              </a:solidFill>
            </a:endParaRPr>
          </a:p>
          <a:p>
            <a:pPr marL="285750" indent="-285750">
              <a:lnSpc>
                <a:spcPct val="125000"/>
              </a:lnSpc>
              <a:buFont typeface="Arial" panose="020B0604020202020204" pitchFamily="34" charset="0"/>
              <a:buChar char="•"/>
            </a:pPr>
            <a:r>
              <a:rPr lang="zh-CN" altLang="en-US" sz="1700">
                <a:solidFill>
                  <a:srgbClr val="0070C0"/>
                </a:solidFill>
              </a:rPr>
              <a:t>扩容建议</a:t>
            </a:r>
            <a:endParaRPr lang="zh-CN" altLang="en-US" sz="1700" dirty="0">
              <a:solidFill>
                <a:srgbClr val="0070C0"/>
              </a:solidFill>
            </a:endParaRPr>
          </a:p>
        </p:txBody>
      </p:sp>
      <p:sp>
        <p:nvSpPr>
          <p:cNvPr id="33" name="sitemap_341050">
            <a:extLst>
              <a:ext uri="{FF2B5EF4-FFF2-40B4-BE49-F238E27FC236}">
                <a16:creationId xmlns:a16="http://schemas.microsoft.com/office/drawing/2014/main" xmlns="" id="{10C911C3-B1EE-4A09-8823-5946D681E8A3}"/>
              </a:ext>
            </a:extLst>
          </p:cNvPr>
          <p:cNvSpPr>
            <a:spLocks noChangeAspect="1"/>
          </p:cNvSpPr>
          <p:nvPr/>
        </p:nvSpPr>
        <p:spPr bwMode="auto">
          <a:xfrm>
            <a:off x="927307" y="3930581"/>
            <a:ext cx="525236" cy="469791"/>
          </a:xfrm>
          <a:custGeom>
            <a:avLst/>
            <a:gdLst>
              <a:gd name="T0" fmla="*/ 6116 w 6827"/>
              <a:gd name="T1" fmla="*/ 4408 h 6115"/>
              <a:gd name="T2" fmla="*/ 5283 w 6827"/>
              <a:gd name="T3" fmla="*/ 2702 h 6115"/>
              <a:gd name="T4" fmla="*/ 3556 w 6827"/>
              <a:gd name="T5" fmla="*/ 1848 h 6115"/>
              <a:gd name="T6" fmla="*/ 4409 w 6827"/>
              <a:gd name="T7" fmla="*/ 1393 h 6115"/>
              <a:gd name="T8" fmla="*/ 3954 w 6827"/>
              <a:gd name="T9" fmla="*/ 0 h 6115"/>
              <a:gd name="T10" fmla="*/ 2418 w 6827"/>
              <a:gd name="T11" fmla="*/ 455 h 6115"/>
              <a:gd name="T12" fmla="*/ 2873 w 6827"/>
              <a:gd name="T13" fmla="*/ 1848 h 6115"/>
              <a:gd name="T14" fmla="*/ 3271 w 6827"/>
              <a:gd name="T15" fmla="*/ 2702 h 6115"/>
              <a:gd name="T16" fmla="*/ 711 w 6827"/>
              <a:gd name="T17" fmla="*/ 3467 h 6115"/>
              <a:gd name="T18" fmla="*/ 455 w 6827"/>
              <a:gd name="T19" fmla="*/ 4408 h 6115"/>
              <a:gd name="T20" fmla="*/ 0 w 6827"/>
              <a:gd name="T21" fmla="*/ 5660 h 6115"/>
              <a:gd name="T22" fmla="*/ 1252 w 6827"/>
              <a:gd name="T23" fmla="*/ 6115 h 6115"/>
              <a:gd name="T24" fmla="*/ 1707 w 6827"/>
              <a:gd name="T25" fmla="*/ 4864 h 6115"/>
              <a:gd name="T26" fmla="*/ 996 w 6827"/>
              <a:gd name="T27" fmla="*/ 4408 h 6115"/>
              <a:gd name="T28" fmla="*/ 1544 w 6827"/>
              <a:gd name="T29" fmla="*/ 2986 h 6115"/>
              <a:gd name="T30" fmla="*/ 3271 w 6827"/>
              <a:gd name="T31" fmla="*/ 4408 h 6115"/>
              <a:gd name="T32" fmla="*/ 2560 w 6827"/>
              <a:gd name="T33" fmla="*/ 4864 h 6115"/>
              <a:gd name="T34" fmla="*/ 3015 w 6827"/>
              <a:gd name="T35" fmla="*/ 6115 h 6115"/>
              <a:gd name="T36" fmla="*/ 4267 w 6827"/>
              <a:gd name="T37" fmla="*/ 5660 h 6115"/>
              <a:gd name="T38" fmla="*/ 3812 w 6827"/>
              <a:gd name="T39" fmla="*/ 4408 h 6115"/>
              <a:gd name="T40" fmla="*/ 3556 w 6827"/>
              <a:gd name="T41" fmla="*/ 2986 h 6115"/>
              <a:gd name="T42" fmla="*/ 5831 w 6827"/>
              <a:gd name="T43" fmla="*/ 3467 h 6115"/>
              <a:gd name="T44" fmla="*/ 5575 w 6827"/>
              <a:gd name="T45" fmla="*/ 4408 h 6115"/>
              <a:gd name="T46" fmla="*/ 5120 w 6827"/>
              <a:gd name="T47" fmla="*/ 5660 h 6115"/>
              <a:gd name="T48" fmla="*/ 6372 w 6827"/>
              <a:gd name="T49" fmla="*/ 6115 h 6115"/>
              <a:gd name="T50" fmla="*/ 6827 w 6827"/>
              <a:gd name="T51" fmla="*/ 4864 h 6115"/>
              <a:gd name="T52" fmla="*/ 1252 w 6827"/>
              <a:gd name="T53" fmla="*/ 4693 h 6115"/>
              <a:gd name="T54" fmla="*/ 1422 w 6827"/>
              <a:gd name="T55" fmla="*/ 5660 h 6115"/>
              <a:gd name="T56" fmla="*/ 455 w 6827"/>
              <a:gd name="T57" fmla="*/ 5831 h 6115"/>
              <a:gd name="T58" fmla="*/ 284 w 6827"/>
              <a:gd name="T59" fmla="*/ 4864 h 6115"/>
              <a:gd name="T60" fmla="*/ 1252 w 6827"/>
              <a:gd name="T61" fmla="*/ 4693 h 6115"/>
              <a:gd name="T62" fmla="*/ 3982 w 6827"/>
              <a:gd name="T63" fmla="*/ 4864 h 6115"/>
              <a:gd name="T64" fmla="*/ 3812 w 6827"/>
              <a:gd name="T65" fmla="*/ 5831 h 6115"/>
              <a:gd name="T66" fmla="*/ 2844 w 6827"/>
              <a:gd name="T67" fmla="*/ 5660 h 6115"/>
              <a:gd name="T68" fmla="*/ 3015 w 6827"/>
              <a:gd name="T69" fmla="*/ 4693 h 6115"/>
              <a:gd name="T70" fmla="*/ 2873 w 6827"/>
              <a:gd name="T71" fmla="*/ 1564 h 6115"/>
              <a:gd name="T72" fmla="*/ 2702 w 6827"/>
              <a:gd name="T73" fmla="*/ 455 h 6115"/>
              <a:gd name="T74" fmla="*/ 3954 w 6827"/>
              <a:gd name="T75" fmla="*/ 284 h 6115"/>
              <a:gd name="T76" fmla="*/ 4124 w 6827"/>
              <a:gd name="T77" fmla="*/ 1393 h 6115"/>
              <a:gd name="T78" fmla="*/ 2873 w 6827"/>
              <a:gd name="T79" fmla="*/ 1564 h 6115"/>
              <a:gd name="T80" fmla="*/ 6372 w 6827"/>
              <a:gd name="T81" fmla="*/ 5831 h 6115"/>
              <a:gd name="T82" fmla="*/ 5404 w 6827"/>
              <a:gd name="T83" fmla="*/ 5660 h 6115"/>
              <a:gd name="T84" fmla="*/ 5575 w 6827"/>
              <a:gd name="T85" fmla="*/ 4693 h 6115"/>
              <a:gd name="T86" fmla="*/ 6542 w 6827"/>
              <a:gd name="T87" fmla="*/ 4864 h 61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6827" h="6115">
                <a:moveTo>
                  <a:pt x="6372" y="4408"/>
                </a:moveTo>
                <a:lnTo>
                  <a:pt x="6116" y="4408"/>
                </a:lnTo>
                <a:lnTo>
                  <a:pt x="6116" y="3467"/>
                </a:lnTo>
                <a:cubicBezTo>
                  <a:pt x="6116" y="3059"/>
                  <a:pt x="5726" y="2702"/>
                  <a:pt x="5283" y="2702"/>
                </a:cubicBezTo>
                <a:lnTo>
                  <a:pt x="3556" y="2702"/>
                </a:lnTo>
                <a:lnTo>
                  <a:pt x="3556" y="1848"/>
                </a:lnTo>
                <a:lnTo>
                  <a:pt x="3954" y="1848"/>
                </a:lnTo>
                <a:cubicBezTo>
                  <a:pt x="4205" y="1848"/>
                  <a:pt x="4408" y="1644"/>
                  <a:pt x="4409" y="1393"/>
                </a:cubicBezTo>
                <a:lnTo>
                  <a:pt x="4409" y="455"/>
                </a:lnTo>
                <a:cubicBezTo>
                  <a:pt x="4408" y="204"/>
                  <a:pt x="4205" y="0"/>
                  <a:pt x="3954" y="0"/>
                </a:cubicBezTo>
                <a:lnTo>
                  <a:pt x="2873" y="0"/>
                </a:lnTo>
                <a:cubicBezTo>
                  <a:pt x="2622" y="0"/>
                  <a:pt x="2418" y="204"/>
                  <a:pt x="2418" y="455"/>
                </a:cubicBezTo>
                <a:lnTo>
                  <a:pt x="2418" y="1393"/>
                </a:lnTo>
                <a:cubicBezTo>
                  <a:pt x="2418" y="1644"/>
                  <a:pt x="2622" y="1848"/>
                  <a:pt x="2873" y="1848"/>
                </a:cubicBezTo>
                <a:lnTo>
                  <a:pt x="3271" y="1848"/>
                </a:lnTo>
                <a:lnTo>
                  <a:pt x="3271" y="2702"/>
                </a:lnTo>
                <a:lnTo>
                  <a:pt x="1544" y="2702"/>
                </a:lnTo>
                <a:cubicBezTo>
                  <a:pt x="1100" y="2702"/>
                  <a:pt x="711" y="3059"/>
                  <a:pt x="711" y="3467"/>
                </a:cubicBezTo>
                <a:lnTo>
                  <a:pt x="711" y="4408"/>
                </a:lnTo>
                <a:lnTo>
                  <a:pt x="455" y="4408"/>
                </a:lnTo>
                <a:cubicBezTo>
                  <a:pt x="204" y="4409"/>
                  <a:pt x="0" y="4612"/>
                  <a:pt x="0" y="4864"/>
                </a:cubicBezTo>
                <a:lnTo>
                  <a:pt x="0" y="5660"/>
                </a:lnTo>
                <a:cubicBezTo>
                  <a:pt x="0" y="5911"/>
                  <a:pt x="204" y="6115"/>
                  <a:pt x="455" y="6115"/>
                </a:cubicBezTo>
                <a:lnTo>
                  <a:pt x="1252" y="6115"/>
                </a:lnTo>
                <a:cubicBezTo>
                  <a:pt x="1503" y="6115"/>
                  <a:pt x="1706" y="5911"/>
                  <a:pt x="1707" y="5660"/>
                </a:cubicBezTo>
                <a:lnTo>
                  <a:pt x="1707" y="4864"/>
                </a:lnTo>
                <a:cubicBezTo>
                  <a:pt x="1706" y="4612"/>
                  <a:pt x="1503" y="4409"/>
                  <a:pt x="1252" y="4408"/>
                </a:cubicBezTo>
                <a:lnTo>
                  <a:pt x="996" y="4408"/>
                </a:lnTo>
                <a:lnTo>
                  <a:pt x="996" y="3467"/>
                </a:lnTo>
                <a:cubicBezTo>
                  <a:pt x="996" y="3192"/>
                  <a:pt x="1285" y="2986"/>
                  <a:pt x="1544" y="2986"/>
                </a:cubicBezTo>
                <a:lnTo>
                  <a:pt x="3271" y="2986"/>
                </a:lnTo>
                <a:lnTo>
                  <a:pt x="3271" y="4408"/>
                </a:lnTo>
                <a:lnTo>
                  <a:pt x="3015" y="4408"/>
                </a:lnTo>
                <a:cubicBezTo>
                  <a:pt x="2764" y="4409"/>
                  <a:pt x="2560" y="4612"/>
                  <a:pt x="2560" y="4864"/>
                </a:cubicBezTo>
                <a:lnTo>
                  <a:pt x="2560" y="5660"/>
                </a:lnTo>
                <a:cubicBezTo>
                  <a:pt x="2560" y="5911"/>
                  <a:pt x="2764" y="6115"/>
                  <a:pt x="3015" y="6115"/>
                </a:cubicBezTo>
                <a:lnTo>
                  <a:pt x="3812" y="6115"/>
                </a:lnTo>
                <a:cubicBezTo>
                  <a:pt x="4063" y="6115"/>
                  <a:pt x="4266" y="5911"/>
                  <a:pt x="4267" y="5660"/>
                </a:cubicBezTo>
                <a:lnTo>
                  <a:pt x="4267" y="4864"/>
                </a:lnTo>
                <a:cubicBezTo>
                  <a:pt x="4266" y="4612"/>
                  <a:pt x="4063" y="4409"/>
                  <a:pt x="3812" y="4408"/>
                </a:cubicBezTo>
                <a:lnTo>
                  <a:pt x="3556" y="4408"/>
                </a:lnTo>
                <a:lnTo>
                  <a:pt x="3556" y="2986"/>
                </a:lnTo>
                <a:lnTo>
                  <a:pt x="5283" y="2986"/>
                </a:lnTo>
                <a:cubicBezTo>
                  <a:pt x="5542" y="2986"/>
                  <a:pt x="5831" y="3192"/>
                  <a:pt x="5831" y="3467"/>
                </a:cubicBezTo>
                <a:lnTo>
                  <a:pt x="5831" y="4408"/>
                </a:lnTo>
                <a:lnTo>
                  <a:pt x="5575" y="4408"/>
                </a:lnTo>
                <a:cubicBezTo>
                  <a:pt x="5324" y="4409"/>
                  <a:pt x="5120" y="4612"/>
                  <a:pt x="5120" y="4864"/>
                </a:cubicBezTo>
                <a:lnTo>
                  <a:pt x="5120" y="5660"/>
                </a:lnTo>
                <a:cubicBezTo>
                  <a:pt x="5120" y="5911"/>
                  <a:pt x="5324" y="6115"/>
                  <a:pt x="5575" y="6115"/>
                </a:cubicBezTo>
                <a:lnTo>
                  <a:pt x="6372" y="6115"/>
                </a:lnTo>
                <a:cubicBezTo>
                  <a:pt x="6623" y="6115"/>
                  <a:pt x="6826" y="5911"/>
                  <a:pt x="6827" y="5660"/>
                </a:cubicBezTo>
                <a:lnTo>
                  <a:pt x="6827" y="4864"/>
                </a:lnTo>
                <a:cubicBezTo>
                  <a:pt x="6826" y="4612"/>
                  <a:pt x="6623" y="4409"/>
                  <a:pt x="6372" y="4408"/>
                </a:cubicBezTo>
                <a:close/>
                <a:moveTo>
                  <a:pt x="1252" y="4693"/>
                </a:moveTo>
                <a:cubicBezTo>
                  <a:pt x="1346" y="4693"/>
                  <a:pt x="1422" y="4769"/>
                  <a:pt x="1422" y="4864"/>
                </a:cubicBezTo>
                <a:lnTo>
                  <a:pt x="1422" y="5660"/>
                </a:lnTo>
                <a:cubicBezTo>
                  <a:pt x="1422" y="5754"/>
                  <a:pt x="1346" y="5831"/>
                  <a:pt x="1252" y="5831"/>
                </a:cubicBezTo>
                <a:lnTo>
                  <a:pt x="455" y="5831"/>
                </a:lnTo>
                <a:cubicBezTo>
                  <a:pt x="361" y="5831"/>
                  <a:pt x="284" y="5754"/>
                  <a:pt x="284" y="5660"/>
                </a:cubicBezTo>
                <a:lnTo>
                  <a:pt x="284" y="4864"/>
                </a:lnTo>
                <a:cubicBezTo>
                  <a:pt x="284" y="4769"/>
                  <a:pt x="361" y="4693"/>
                  <a:pt x="455" y="4693"/>
                </a:cubicBezTo>
                <a:lnTo>
                  <a:pt x="1252" y="4693"/>
                </a:lnTo>
                <a:close/>
                <a:moveTo>
                  <a:pt x="3812" y="4693"/>
                </a:moveTo>
                <a:cubicBezTo>
                  <a:pt x="3906" y="4693"/>
                  <a:pt x="3982" y="4769"/>
                  <a:pt x="3982" y="4864"/>
                </a:cubicBezTo>
                <a:lnTo>
                  <a:pt x="3982" y="5660"/>
                </a:lnTo>
                <a:cubicBezTo>
                  <a:pt x="3982" y="5754"/>
                  <a:pt x="3906" y="5831"/>
                  <a:pt x="3812" y="5831"/>
                </a:cubicBezTo>
                <a:lnTo>
                  <a:pt x="3015" y="5831"/>
                </a:lnTo>
                <a:cubicBezTo>
                  <a:pt x="2921" y="5831"/>
                  <a:pt x="2844" y="5754"/>
                  <a:pt x="2844" y="5660"/>
                </a:cubicBezTo>
                <a:lnTo>
                  <a:pt x="2844" y="4864"/>
                </a:lnTo>
                <a:cubicBezTo>
                  <a:pt x="2844" y="4769"/>
                  <a:pt x="2921" y="4693"/>
                  <a:pt x="3015" y="4693"/>
                </a:cubicBezTo>
                <a:lnTo>
                  <a:pt x="3812" y="4693"/>
                </a:lnTo>
                <a:close/>
                <a:moveTo>
                  <a:pt x="2873" y="1564"/>
                </a:moveTo>
                <a:cubicBezTo>
                  <a:pt x="2779" y="1564"/>
                  <a:pt x="2702" y="1488"/>
                  <a:pt x="2702" y="1393"/>
                </a:cubicBezTo>
                <a:lnTo>
                  <a:pt x="2702" y="455"/>
                </a:lnTo>
                <a:cubicBezTo>
                  <a:pt x="2702" y="360"/>
                  <a:pt x="2779" y="284"/>
                  <a:pt x="2873" y="284"/>
                </a:cubicBezTo>
                <a:lnTo>
                  <a:pt x="3954" y="284"/>
                </a:lnTo>
                <a:cubicBezTo>
                  <a:pt x="4048" y="284"/>
                  <a:pt x="4124" y="360"/>
                  <a:pt x="4124" y="455"/>
                </a:cubicBezTo>
                <a:lnTo>
                  <a:pt x="4124" y="1393"/>
                </a:lnTo>
                <a:cubicBezTo>
                  <a:pt x="4124" y="1488"/>
                  <a:pt x="4048" y="1564"/>
                  <a:pt x="3954" y="1564"/>
                </a:cubicBezTo>
                <a:lnTo>
                  <a:pt x="2873" y="1564"/>
                </a:lnTo>
                <a:close/>
                <a:moveTo>
                  <a:pt x="6542" y="5660"/>
                </a:moveTo>
                <a:cubicBezTo>
                  <a:pt x="6542" y="5754"/>
                  <a:pt x="6466" y="5831"/>
                  <a:pt x="6372" y="5831"/>
                </a:cubicBezTo>
                <a:lnTo>
                  <a:pt x="5575" y="5831"/>
                </a:lnTo>
                <a:cubicBezTo>
                  <a:pt x="5481" y="5831"/>
                  <a:pt x="5404" y="5754"/>
                  <a:pt x="5404" y="5660"/>
                </a:cubicBezTo>
                <a:lnTo>
                  <a:pt x="5404" y="4864"/>
                </a:lnTo>
                <a:cubicBezTo>
                  <a:pt x="5404" y="4769"/>
                  <a:pt x="5481" y="4693"/>
                  <a:pt x="5575" y="4693"/>
                </a:cubicBezTo>
                <a:lnTo>
                  <a:pt x="6372" y="4693"/>
                </a:lnTo>
                <a:cubicBezTo>
                  <a:pt x="6466" y="4693"/>
                  <a:pt x="6542" y="4769"/>
                  <a:pt x="6542" y="4864"/>
                </a:cubicBezTo>
                <a:lnTo>
                  <a:pt x="6542" y="5660"/>
                </a:lnTo>
                <a:close/>
              </a:path>
            </a:pathLst>
          </a:custGeom>
          <a:solidFill>
            <a:sysClr val="window" lastClr="FFFFFF"/>
          </a:solidFill>
          <a:ln>
            <a:solidFill>
              <a:sysClr val="window" lastClr="FFFFFF"/>
            </a:solidFill>
          </a:ln>
        </p:spPr>
      </p:sp>
      <p:sp>
        <p:nvSpPr>
          <p:cNvPr id="34" name="three-databases-symbol_51334">
            <a:extLst>
              <a:ext uri="{FF2B5EF4-FFF2-40B4-BE49-F238E27FC236}">
                <a16:creationId xmlns:a16="http://schemas.microsoft.com/office/drawing/2014/main" xmlns="" id="{529872D6-FA46-42C4-977B-77B400BBC43E}"/>
              </a:ext>
            </a:extLst>
          </p:cNvPr>
          <p:cNvSpPr>
            <a:spLocks noChangeAspect="1"/>
          </p:cNvSpPr>
          <p:nvPr/>
        </p:nvSpPr>
        <p:spPr bwMode="auto">
          <a:xfrm>
            <a:off x="906224" y="4964102"/>
            <a:ext cx="496143" cy="499239"/>
          </a:xfrm>
          <a:custGeom>
            <a:avLst/>
            <a:gdLst>
              <a:gd name="connsiteX0" fmla="*/ 0 w 596445"/>
              <a:gd name="connsiteY0" fmla="*/ 460757 h 600166"/>
              <a:gd name="connsiteX1" fmla="*/ 162584 w 596445"/>
              <a:gd name="connsiteY1" fmla="*/ 515661 h 600166"/>
              <a:gd name="connsiteX2" fmla="*/ 325168 w 596445"/>
              <a:gd name="connsiteY2" fmla="*/ 460757 h 600166"/>
              <a:gd name="connsiteX3" fmla="*/ 325168 w 596445"/>
              <a:gd name="connsiteY3" fmla="*/ 540965 h 600166"/>
              <a:gd name="connsiteX4" fmla="*/ 162584 w 596445"/>
              <a:gd name="connsiteY4" fmla="*/ 600166 h 600166"/>
              <a:gd name="connsiteX5" fmla="*/ 0 w 596445"/>
              <a:gd name="connsiteY5" fmla="*/ 540965 h 600166"/>
              <a:gd name="connsiteX6" fmla="*/ 596251 w 596445"/>
              <a:gd name="connsiteY6" fmla="*/ 369557 h 600166"/>
              <a:gd name="connsiteX7" fmla="*/ 596251 w 596445"/>
              <a:gd name="connsiteY7" fmla="*/ 449765 h 600166"/>
              <a:gd name="connsiteX8" fmla="*/ 433673 w 596445"/>
              <a:gd name="connsiteY8" fmla="*/ 508966 h 600166"/>
              <a:gd name="connsiteX9" fmla="*/ 347602 w 596445"/>
              <a:gd name="connsiteY9" fmla="*/ 499895 h 600166"/>
              <a:gd name="connsiteX10" fmla="*/ 347602 w 596445"/>
              <a:gd name="connsiteY10" fmla="*/ 415390 h 600166"/>
              <a:gd name="connsiteX11" fmla="*/ 433673 w 596445"/>
              <a:gd name="connsiteY11" fmla="*/ 424461 h 600166"/>
              <a:gd name="connsiteX12" fmla="*/ 596251 w 596445"/>
              <a:gd name="connsiteY12" fmla="*/ 369557 h 600166"/>
              <a:gd name="connsiteX13" fmla="*/ 0 w 596445"/>
              <a:gd name="connsiteY13" fmla="*/ 346681 h 600166"/>
              <a:gd name="connsiteX14" fmla="*/ 162584 w 596445"/>
              <a:gd name="connsiteY14" fmla="*/ 401108 h 600166"/>
              <a:gd name="connsiteX15" fmla="*/ 325168 w 596445"/>
              <a:gd name="connsiteY15" fmla="*/ 346681 h 600166"/>
              <a:gd name="connsiteX16" fmla="*/ 325168 w 596445"/>
              <a:gd name="connsiteY16" fmla="*/ 426889 h 600166"/>
              <a:gd name="connsiteX17" fmla="*/ 162584 w 596445"/>
              <a:gd name="connsiteY17" fmla="*/ 486090 h 600166"/>
              <a:gd name="connsiteX18" fmla="*/ 0 w 596445"/>
              <a:gd name="connsiteY18" fmla="*/ 426889 h 600166"/>
              <a:gd name="connsiteX19" fmla="*/ 0 w 596445"/>
              <a:gd name="connsiteY19" fmla="*/ 346681 h 600166"/>
              <a:gd name="connsiteX20" fmla="*/ 596233 w 596445"/>
              <a:gd name="connsiteY20" fmla="*/ 254944 h 600166"/>
              <a:gd name="connsiteX21" fmla="*/ 596233 w 596445"/>
              <a:gd name="connsiteY21" fmla="*/ 335664 h 600166"/>
              <a:gd name="connsiteX22" fmla="*/ 433667 w 596445"/>
              <a:gd name="connsiteY22" fmla="*/ 394891 h 600166"/>
              <a:gd name="connsiteX23" fmla="*/ 347602 w 596445"/>
              <a:gd name="connsiteY23" fmla="*/ 385816 h 600166"/>
              <a:gd name="connsiteX24" fmla="*/ 347602 w 596445"/>
              <a:gd name="connsiteY24" fmla="*/ 301275 h 600166"/>
              <a:gd name="connsiteX25" fmla="*/ 433667 w 596445"/>
              <a:gd name="connsiteY25" fmla="*/ 309872 h 600166"/>
              <a:gd name="connsiteX26" fmla="*/ 596233 w 596445"/>
              <a:gd name="connsiteY26" fmla="*/ 254944 h 600166"/>
              <a:gd name="connsiteX27" fmla="*/ 162555 w 596445"/>
              <a:gd name="connsiteY27" fmla="*/ 205813 h 600166"/>
              <a:gd name="connsiteX28" fmla="*/ 325109 w 596445"/>
              <a:gd name="connsiteY28" fmla="*/ 265022 h 600166"/>
              <a:gd name="connsiteX29" fmla="*/ 325109 w 596445"/>
              <a:gd name="connsiteY29" fmla="*/ 313726 h 600166"/>
              <a:gd name="connsiteX30" fmla="*/ 162555 w 596445"/>
              <a:gd name="connsiteY30" fmla="*/ 372935 h 600166"/>
              <a:gd name="connsiteX31" fmla="*/ 0 w 596445"/>
              <a:gd name="connsiteY31" fmla="*/ 313726 h 600166"/>
              <a:gd name="connsiteX32" fmla="*/ 0 w 596445"/>
              <a:gd name="connsiteY32" fmla="*/ 265022 h 600166"/>
              <a:gd name="connsiteX33" fmla="*/ 162555 w 596445"/>
              <a:gd name="connsiteY33" fmla="*/ 205813 h 600166"/>
              <a:gd name="connsiteX34" fmla="*/ 67402 w 596445"/>
              <a:gd name="connsiteY34" fmla="*/ 140407 h 600166"/>
              <a:gd name="connsiteX35" fmla="*/ 139640 w 596445"/>
              <a:gd name="connsiteY35" fmla="*/ 185286 h 600166"/>
              <a:gd name="connsiteX36" fmla="*/ 67402 w 596445"/>
              <a:gd name="connsiteY36" fmla="*/ 194835 h 600166"/>
              <a:gd name="connsiteX37" fmla="*/ 433697 w 596445"/>
              <a:gd name="connsiteY37" fmla="*/ 114613 h 600166"/>
              <a:gd name="connsiteX38" fmla="*/ 596251 w 596445"/>
              <a:gd name="connsiteY38" fmla="*/ 173822 h 600166"/>
              <a:gd name="connsiteX39" fmla="*/ 596251 w 596445"/>
              <a:gd name="connsiteY39" fmla="*/ 222526 h 600166"/>
              <a:gd name="connsiteX40" fmla="*/ 433697 w 596445"/>
              <a:gd name="connsiteY40" fmla="*/ 281735 h 600166"/>
              <a:gd name="connsiteX41" fmla="*/ 347638 w 596445"/>
              <a:gd name="connsiteY41" fmla="*/ 272663 h 600166"/>
              <a:gd name="connsiteX42" fmla="*/ 347638 w 596445"/>
              <a:gd name="connsiteY42" fmla="*/ 269320 h 600166"/>
              <a:gd name="connsiteX43" fmla="*/ 322299 w 596445"/>
              <a:gd name="connsiteY43" fmla="*/ 223959 h 600166"/>
              <a:gd name="connsiteX44" fmla="*/ 321343 w 596445"/>
              <a:gd name="connsiteY44" fmla="*/ 223481 h 600166"/>
              <a:gd name="connsiteX45" fmla="*/ 271142 w 596445"/>
              <a:gd name="connsiteY45" fmla="*/ 199606 h 600166"/>
              <a:gd name="connsiteX46" fmla="*/ 271142 w 596445"/>
              <a:gd name="connsiteY46" fmla="*/ 173822 h 600166"/>
              <a:gd name="connsiteX47" fmla="*/ 433697 w 596445"/>
              <a:gd name="connsiteY47" fmla="*/ 114613 h 600166"/>
              <a:gd name="connsiteX48" fmla="*/ 229995 w 596445"/>
              <a:gd name="connsiteY48" fmla="*/ 0 h 600166"/>
              <a:gd name="connsiteX49" fmla="*/ 392588 w 596445"/>
              <a:gd name="connsiteY49" fmla="*/ 59209 h 600166"/>
              <a:gd name="connsiteX50" fmla="*/ 392588 w 596445"/>
              <a:gd name="connsiteY50" fmla="*/ 93588 h 600166"/>
              <a:gd name="connsiteX51" fmla="*/ 248167 w 596445"/>
              <a:gd name="connsiteY51" fmla="*/ 166645 h 600166"/>
              <a:gd name="connsiteX52" fmla="*/ 229995 w 596445"/>
              <a:gd name="connsiteY52" fmla="*/ 167122 h 600166"/>
              <a:gd name="connsiteX53" fmla="*/ 67402 w 596445"/>
              <a:gd name="connsiteY53" fmla="*/ 107913 h 600166"/>
              <a:gd name="connsiteX54" fmla="*/ 67402 w 596445"/>
              <a:gd name="connsiteY54" fmla="*/ 59209 h 600166"/>
              <a:gd name="connsiteX55" fmla="*/ 229995 w 596445"/>
              <a:gd name="connsiteY55" fmla="*/ 0 h 6001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596445" h="600166">
                <a:moveTo>
                  <a:pt x="0" y="460757"/>
                </a:moveTo>
                <a:cubicBezTo>
                  <a:pt x="6217" y="491312"/>
                  <a:pt x="76989" y="515661"/>
                  <a:pt x="162584" y="515661"/>
                </a:cubicBezTo>
                <a:cubicBezTo>
                  <a:pt x="248658" y="515661"/>
                  <a:pt x="318952" y="491312"/>
                  <a:pt x="325168" y="460757"/>
                </a:cubicBezTo>
                <a:cubicBezTo>
                  <a:pt x="325646" y="462189"/>
                  <a:pt x="325168" y="540965"/>
                  <a:pt x="325168" y="540965"/>
                </a:cubicBezTo>
                <a:cubicBezTo>
                  <a:pt x="325168" y="573907"/>
                  <a:pt x="252483" y="600166"/>
                  <a:pt x="162584" y="600166"/>
                </a:cubicBezTo>
                <a:cubicBezTo>
                  <a:pt x="72685" y="600166"/>
                  <a:pt x="0" y="573907"/>
                  <a:pt x="0" y="540965"/>
                </a:cubicBezTo>
                <a:close/>
                <a:moveTo>
                  <a:pt x="596251" y="369557"/>
                </a:moveTo>
                <a:cubicBezTo>
                  <a:pt x="596251" y="370989"/>
                  <a:pt x="596251" y="449765"/>
                  <a:pt x="596251" y="449765"/>
                </a:cubicBezTo>
                <a:cubicBezTo>
                  <a:pt x="596251" y="482230"/>
                  <a:pt x="523569" y="508966"/>
                  <a:pt x="433673" y="508966"/>
                </a:cubicBezTo>
                <a:cubicBezTo>
                  <a:pt x="402114" y="508966"/>
                  <a:pt x="372467" y="505624"/>
                  <a:pt x="347602" y="499895"/>
                </a:cubicBezTo>
                <a:lnTo>
                  <a:pt x="347602" y="415390"/>
                </a:lnTo>
                <a:cubicBezTo>
                  <a:pt x="372467" y="421119"/>
                  <a:pt x="402114" y="424461"/>
                  <a:pt x="433673" y="424461"/>
                </a:cubicBezTo>
                <a:cubicBezTo>
                  <a:pt x="519266" y="424461"/>
                  <a:pt x="590035" y="400112"/>
                  <a:pt x="596251" y="369557"/>
                </a:cubicBezTo>
                <a:close/>
                <a:moveTo>
                  <a:pt x="0" y="346681"/>
                </a:moveTo>
                <a:cubicBezTo>
                  <a:pt x="6217" y="377236"/>
                  <a:pt x="76989" y="401108"/>
                  <a:pt x="162584" y="401108"/>
                </a:cubicBezTo>
                <a:cubicBezTo>
                  <a:pt x="248658" y="401108"/>
                  <a:pt x="318952" y="377236"/>
                  <a:pt x="325168" y="346681"/>
                </a:cubicBezTo>
                <a:cubicBezTo>
                  <a:pt x="325646" y="348113"/>
                  <a:pt x="325168" y="426889"/>
                  <a:pt x="325168" y="426889"/>
                </a:cubicBezTo>
                <a:cubicBezTo>
                  <a:pt x="325168" y="459354"/>
                  <a:pt x="252483" y="486090"/>
                  <a:pt x="162584" y="486090"/>
                </a:cubicBezTo>
                <a:cubicBezTo>
                  <a:pt x="72685" y="486090"/>
                  <a:pt x="0" y="459354"/>
                  <a:pt x="0" y="426889"/>
                </a:cubicBezTo>
                <a:cubicBezTo>
                  <a:pt x="0" y="426889"/>
                  <a:pt x="0" y="348113"/>
                  <a:pt x="0" y="346681"/>
                </a:cubicBezTo>
                <a:close/>
                <a:moveTo>
                  <a:pt x="596233" y="254944"/>
                </a:moveTo>
                <a:cubicBezTo>
                  <a:pt x="596711" y="256855"/>
                  <a:pt x="596233" y="335664"/>
                  <a:pt x="596233" y="335664"/>
                </a:cubicBezTo>
                <a:cubicBezTo>
                  <a:pt x="596233" y="368143"/>
                  <a:pt x="523556" y="394891"/>
                  <a:pt x="433667" y="394891"/>
                </a:cubicBezTo>
                <a:cubicBezTo>
                  <a:pt x="402110" y="394891"/>
                  <a:pt x="372465" y="391548"/>
                  <a:pt x="347602" y="385816"/>
                </a:cubicBezTo>
                <a:lnTo>
                  <a:pt x="347602" y="301275"/>
                </a:lnTo>
                <a:cubicBezTo>
                  <a:pt x="372465" y="306529"/>
                  <a:pt x="402110" y="309872"/>
                  <a:pt x="433667" y="309872"/>
                </a:cubicBezTo>
                <a:cubicBezTo>
                  <a:pt x="519253" y="309872"/>
                  <a:pt x="590017" y="285990"/>
                  <a:pt x="596233" y="254944"/>
                </a:cubicBezTo>
                <a:close/>
                <a:moveTo>
                  <a:pt x="162555" y="205813"/>
                </a:moveTo>
                <a:cubicBezTo>
                  <a:pt x="252438" y="205813"/>
                  <a:pt x="325109" y="232553"/>
                  <a:pt x="325109" y="265022"/>
                </a:cubicBezTo>
                <a:lnTo>
                  <a:pt x="325109" y="313726"/>
                </a:lnTo>
                <a:cubicBezTo>
                  <a:pt x="325109" y="346673"/>
                  <a:pt x="252438" y="372935"/>
                  <a:pt x="162555" y="372935"/>
                </a:cubicBezTo>
                <a:cubicBezTo>
                  <a:pt x="72672" y="372935"/>
                  <a:pt x="0" y="346673"/>
                  <a:pt x="0" y="313726"/>
                </a:cubicBezTo>
                <a:lnTo>
                  <a:pt x="0" y="265022"/>
                </a:lnTo>
                <a:cubicBezTo>
                  <a:pt x="0" y="232553"/>
                  <a:pt x="72672" y="205813"/>
                  <a:pt x="162555" y="205813"/>
                </a:cubicBezTo>
                <a:close/>
                <a:moveTo>
                  <a:pt x="67402" y="140407"/>
                </a:moveTo>
                <a:cubicBezTo>
                  <a:pt x="71229" y="159027"/>
                  <a:pt x="99455" y="175260"/>
                  <a:pt x="139640" y="185286"/>
                </a:cubicBezTo>
                <a:cubicBezTo>
                  <a:pt x="114764" y="186241"/>
                  <a:pt x="90365" y="189583"/>
                  <a:pt x="67402" y="194835"/>
                </a:cubicBezTo>
                <a:close/>
                <a:moveTo>
                  <a:pt x="433697" y="114613"/>
                </a:moveTo>
                <a:cubicBezTo>
                  <a:pt x="523580" y="114613"/>
                  <a:pt x="596251" y="141353"/>
                  <a:pt x="596251" y="173822"/>
                </a:cubicBezTo>
                <a:lnTo>
                  <a:pt x="596251" y="222526"/>
                </a:lnTo>
                <a:cubicBezTo>
                  <a:pt x="596251" y="255473"/>
                  <a:pt x="523580" y="281735"/>
                  <a:pt x="433697" y="281735"/>
                </a:cubicBezTo>
                <a:cubicBezTo>
                  <a:pt x="402142" y="281735"/>
                  <a:pt x="372500" y="278393"/>
                  <a:pt x="347638" y="272663"/>
                </a:cubicBezTo>
                <a:lnTo>
                  <a:pt x="347638" y="269320"/>
                </a:lnTo>
                <a:cubicBezTo>
                  <a:pt x="347638" y="251176"/>
                  <a:pt x="338076" y="236373"/>
                  <a:pt x="322299" y="223959"/>
                </a:cubicBezTo>
                <a:lnTo>
                  <a:pt x="321343" y="223481"/>
                </a:lnTo>
                <a:cubicBezTo>
                  <a:pt x="308434" y="213454"/>
                  <a:pt x="290744" y="205814"/>
                  <a:pt x="271142" y="199606"/>
                </a:cubicBezTo>
                <a:lnTo>
                  <a:pt x="271142" y="173822"/>
                </a:lnTo>
                <a:cubicBezTo>
                  <a:pt x="271142" y="141353"/>
                  <a:pt x="343814" y="114613"/>
                  <a:pt x="433697" y="114613"/>
                </a:cubicBezTo>
                <a:close/>
                <a:moveTo>
                  <a:pt x="229995" y="0"/>
                </a:moveTo>
                <a:cubicBezTo>
                  <a:pt x="319900" y="0"/>
                  <a:pt x="392588" y="26262"/>
                  <a:pt x="392588" y="59209"/>
                </a:cubicBezTo>
                <a:lnTo>
                  <a:pt x="392588" y="93588"/>
                </a:lnTo>
                <a:cubicBezTo>
                  <a:pt x="317987" y="99318"/>
                  <a:pt x="251515" y="124625"/>
                  <a:pt x="248167" y="166645"/>
                </a:cubicBezTo>
                <a:cubicBezTo>
                  <a:pt x="242429" y="167122"/>
                  <a:pt x="236212" y="167122"/>
                  <a:pt x="229995" y="167122"/>
                </a:cubicBezTo>
                <a:cubicBezTo>
                  <a:pt x="140569" y="167122"/>
                  <a:pt x="67402" y="140382"/>
                  <a:pt x="67402" y="107913"/>
                </a:cubicBezTo>
                <a:lnTo>
                  <a:pt x="67402" y="59209"/>
                </a:lnTo>
                <a:cubicBezTo>
                  <a:pt x="67402" y="26740"/>
                  <a:pt x="140569" y="0"/>
                  <a:pt x="229995" y="0"/>
                </a:cubicBezTo>
                <a:close/>
              </a:path>
            </a:pathLst>
          </a:custGeom>
          <a:solidFill>
            <a:sysClr val="window" lastClr="FFFFFF"/>
          </a:solidFill>
          <a:ln>
            <a:noFill/>
          </a:ln>
        </p:spPr>
      </p:sp>
      <p:sp>
        <p:nvSpPr>
          <p:cNvPr id="35" name="文本框 34">
            <a:extLst>
              <a:ext uri="{FF2B5EF4-FFF2-40B4-BE49-F238E27FC236}">
                <a16:creationId xmlns:a16="http://schemas.microsoft.com/office/drawing/2014/main" xmlns="" id="{28379CD6-6BF3-4B14-8AA7-B8637F529870}"/>
              </a:ext>
            </a:extLst>
          </p:cNvPr>
          <p:cNvSpPr txBox="1"/>
          <p:nvPr/>
        </p:nvSpPr>
        <p:spPr bwMode="gray">
          <a:xfrm>
            <a:off x="1436269" y="2766927"/>
            <a:ext cx="1548283" cy="705642"/>
          </a:xfrm>
          <a:prstGeom prst="rect">
            <a:avLst/>
          </a:prstGeom>
          <a:noFill/>
        </p:spPr>
        <p:txBody>
          <a:bodyPr vert="horz" wrap="square" rtlCol="0">
            <a:spAutoFit/>
          </a:bodyPr>
          <a:lstStyle/>
          <a:p>
            <a:pPr algn="ctr">
              <a:lnSpc>
                <a:spcPct val="150000"/>
              </a:lnSpc>
            </a:pPr>
            <a:r>
              <a:rPr lang="zh-CN" altLang="en-US" sz="1400" b="1" dirty="0">
                <a:solidFill>
                  <a:prstClr val="white"/>
                </a:solidFill>
              </a:rPr>
              <a:t>华为</a:t>
            </a:r>
            <a:r>
              <a:rPr lang="en-US" altLang="zh-CN" sz="1400" b="1" dirty="0">
                <a:solidFill>
                  <a:prstClr val="white"/>
                </a:solidFill>
              </a:rPr>
              <a:t>30+</a:t>
            </a:r>
            <a:r>
              <a:rPr lang="zh-CN" altLang="en-US" sz="1400" b="1" dirty="0">
                <a:solidFill>
                  <a:prstClr val="white"/>
                </a:solidFill>
              </a:rPr>
              <a:t>年运维</a:t>
            </a:r>
            <a:endParaRPr lang="en-US" altLang="zh-CN" sz="1400" b="1" dirty="0">
              <a:solidFill>
                <a:prstClr val="white"/>
              </a:solidFill>
            </a:endParaRPr>
          </a:p>
          <a:p>
            <a:pPr algn="ctr">
              <a:lnSpc>
                <a:spcPct val="150000"/>
              </a:lnSpc>
            </a:pPr>
            <a:r>
              <a:rPr lang="zh-CN" altLang="en-US" sz="1400" b="1" dirty="0">
                <a:solidFill>
                  <a:prstClr val="white"/>
                </a:solidFill>
              </a:rPr>
              <a:t>专家经验</a:t>
            </a:r>
          </a:p>
        </p:txBody>
      </p:sp>
      <p:pic>
        <p:nvPicPr>
          <p:cNvPr id="36" name="图片 35">
            <a:extLst>
              <a:ext uri="{FF2B5EF4-FFF2-40B4-BE49-F238E27FC236}">
                <a16:creationId xmlns:a16="http://schemas.microsoft.com/office/drawing/2014/main" xmlns="" id="{526B65AF-2DF7-454E-816D-8050767DCD17}"/>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14172" y="2863793"/>
            <a:ext cx="561610" cy="519351"/>
          </a:xfrm>
          <a:prstGeom prst="rect">
            <a:avLst/>
          </a:prstGeom>
        </p:spPr>
      </p:pic>
      <p:sp>
        <p:nvSpPr>
          <p:cNvPr id="37" name="文本框 36">
            <a:extLst>
              <a:ext uri="{FF2B5EF4-FFF2-40B4-BE49-F238E27FC236}">
                <a16:creationId xmlns:a16="http://schemas.microsoft.com/office/drawing/2014/main" xmlns="" id="{2E60C6AE-42A5-42FE-A451-0F0C1C815111}"/>
              </a:ext>
            </a:extLst>
          </p:cNvPr>
          <p:cNvSpPr txBox="1"/>
          <p:nvPr/>
        </p:nvSpPr>
        <p:spPr bwMode="gray">
          <a:xfrm>
            <a:off x="1416509" y="3773264"/>
            <a:ext cx="1548283" cy="705642"/>
          </a:xfrm>
          <a:prstGeom prst="rect">
            <a:avLst/>
          </a:prstGeom>
          <a:noFill/>
        </p:spPr>
        <p:txBody>
          <a:bodyPr vert="horz" wrap="square" rtlCol="0">
            <a:spAutoFit/>
          </a:bodyPr>
          <a:lstStyle/>
          <a:p>
            <a:pPr algn="ctr">
              <a:lnSpc>
                <a:spcPct val="150000"/>
              </a:lnSpc>
            </a:pPr>
            <a:r>
              <a:rPr lang="zh-CN" altLang="en-US" sz="1400" b="1" dirty="0">
                <a:solidFill>
                  <a:prstClr val="white"/>
                </a:solidFill>
              </a:rPr>
              <a:t>真实局点故障</a:t>
            </a:r>
          </a:p>
          <a:p>
            <a:pPr algn="ctr">
              <a:lnSpc>
                <a:spcPct val="150000"/>
              </a:lnSpc>
            </a:pPr>
            <a:r>
              <a:rPr lang="zh-CN" altLang="en-US" sz="1400" b="1" dirty="0">
                <a:solidFill>
                  <a:prstClr val="white"/>
                </a:solidFill>
              </a:rPr>
              <a:t>持续学习训练</a:t>
            </a:r>
          </a:p>
        </p:txBody>
      </p:sp>
      <p:cxnSp>
        <p:nvCxnSpPr>
          <p:cNvPr id="38" name="直接箭头连接符 37">
            <a:extLst>
              <a:ext uri="{FF2B5EF4-FFF2-40B4-BE49-F238E27FC236}">
                <a16:creationId xmlns:a16="http://schemas.microsoft.com/office/drawing/2014/main" xmlns="" id="{2FA3E863-7721-4136-9A4F-BF81EA50354E}"/>
              </a:ext>
            </a:extLst>
          </p:cNvPr>
          <p:cNvCxnSpPr/>
          <p:nvPr/>
        </p:nvCxnSpPr>
        <p:spPr>
          <a:xfrm>
            <a:off x="3132583" y="5239951"/>
            <a:ext cx="504000" cy="0"/>
          </a:xfrm>
          <a:prstGeom prst="straightConnector1">
            <a:avLst/>
          </a:prstGeom>
          <a:noFill/>
          <a:ln w="57150" cap="flat" cmpd="sng" algn="ctr">
            <a:solidFill>
              <a:srgbClr val="595757"/>
            </a:solidFill>
            <a:prstDash val="solid"/>
            <a:miter lim="800000"/>
            <a:tailEnd type="triangle"/>
          </a:ln>
          <a:effectLst/>
        </p:spPr>
      </p:cxnSp>
      <p:grpSp>
        <p:nvGrpSpPr>
          <p:cNvPr id="39" name="组合 38">
            <a:extLst>
              <a:ext uri="{FF2B5EF4-FFF2-40B4-BE49-F238E27FC236}">
                <a16:creationId xmlns:a16="http://schemas.microsoft.com/office/drawing/2014/main" xmlns="" id="{A2C7CAD8-44BB-47B3-9923-8F1DE16E656B}"/>
              </a:ext>
            </a:extLst>
          </p:cNvPr>
          <p:cNvGrpSpPr/>
          <p:nvPr/>
        </p:nvGrpSpPr>
        <p:grpSpPr>
          <a:xfrm>
            <a:off x="3990870" y="3000612"/>
            <a:ext cx="2045172" cy="1541097"/>
            <a:chOff x="6385382" y="2759127"/>
            <a:chExt cx="2470777" cy="1973055"/>
          </a:xfrm>
        </p:grpSpPr>
        <p:sp>
          <p:nvSpPr>
            <p:cNvPr id="40" name="椭圆 39">
              <a:extLst>
                <a:ext uri="{FF2B5EF4-FFF2-40B4-BE49-F238E27FC236}">
                  <a16:creationId xmlns:a16="http://schemas.microsoft.com/office/drawing/2014/main" xmlns="" id="{4E8B1E25-58A1-43AD-BB4E-8628F188D936}"/>
                </a:ext>
              </a:extLst>
            </p:cNvPr>
            <p:cNvSpPr>
              <a:spLocks noChangeAspect="1"/>
            </p:cNvSpPr>
            <p:nvPr/>
          </p:nvSpPr>
          <p:spPr>
            <a:xfrm flipH="1">
              <a:off x="7366402" y="2759127"/>
              <a:ext cx="499130" cy="559023"/>
            </a:xfrm>
            <a:prstGeom prst="ellipse">
              <a:avLst/>
            </a:prstGeom>
            <a:solidFill>
              <a:sysClr val="window" lastClr="FFFFFF">
                <a:lumMod val="20000"/>
                <a:lumOff val="80000"/>
              </a:sysClr>
            </a:solidFill>
            <a:ln w="12700" cap="flat" cmpd="sng" algn="ctr">
              <a:solidFill>
                <a:srgbClr val="EE5B5C"/>
              </a:solidFill>
              <a:prstDash val="solid"/>
            </a:ln>
            <a:effectLst/>
          </p:spPr>
          <p:txBody>
            <a:bodyPr rtlCol="0" anchor="ctr"/>
            <a:lstStyle/>
            <a:p>
              <a:pPr marL="0" marR="0" lvl="0" indent="0" algn="ctr" defTabSz="290027"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a:ln>
                  <a:noFill/>
                </a:ln>
                <a:solidFill>
                  <a:srgbClr val="1D1D1B"/>
                </a:solidFill>
                <a:effectLst/>
                <a:uLnTx/>
                <a:uFillTx/>
                <a:sym typeface="Arial" panose="020B0604020202020204" pitchFamily="34" charset="0"/>
              </a:endParaRPr>
            </a:p>
          </p:txBody>
        </p:sp>
        <p:sp>
          <p:nvSpPr>
            <p:cNvPr id="41" name="intelligence_66143">
              <a:extLst>
                <a:ext uri="{FF2B5EF4-FFF2-40B4-BE49-F238E27FC236}">
                  <a16:creationId xmlns:a16="http://schemas.microsoft.com/office/drawing/2014/main" xmlns="" id="{CF016250-D9AF-4EF1-BC18-F2744CD91031}"/>
                </a:ext>
              </a:extLst>
            </p:cNvPr>
            <p:cNvSpPr>
              <a:spLocks noChangeAspect="1"/>
            </p:cNvSpPr>
            <p:nvPr/>
          </p:nvSpPr>
          <p:spPr bwMode="auto">
            <a:xfrm>
              <a:off x="7449722" y="2845931"/>
              <a:ext cx="364518" cy="382652"/>
            </a:xfrm>
            <a:custGeom>
              <a:avLst/>
              <a:gdLst>
                <a:gd name="connsiteX0" fmla="*/ 220247 w 519074"/>
                <a:gd name="connsiteY0" fmla="*/ 135608 h 607902"/>
                <a:gd name="connsiteX1" fmla="*/ 265974 w 519074"/>
                <a:gd name="connsiteY1" fmla="*/ 181264 h 607902"/>
                <a:gd name="connsiteX2" fmla="*/ 220247 w 519074"/>
                <a:gd name="connsiteY2" fmla="*/ 226920 h 607902"/>
                <a:gd name="connsiteX3" fmla="*/ 174521 w 519074"/>
                <a:gd name="connsiteY3" fmla="*/ 181264 h 607902"/>
                <a:gd name="connsiteX4" fmla="*/ 220247 w 519074"/>
                <a:gd name="connsiteY4" fmla="*/ 135608 h 607902"/>
                <a:gd name="connsiteX5" fmla="*/ 212236 w 519074"/>
                <a:gd name="connsiteY5" fmla="*/ 59615 h 607902"/>
                <a:gd name="connsiteX6" fmla="*/ 202277 w 519074"/>
                <a:gd name="connsiteY6" fmla="*/ 66210 h 607902"/>
                <a:gd name="connsiteX7" fmla="*/ 191760 w 519074"/>
                <a:gd name="connsiteY7" fmla="*/ 91321 h 607902"/>
                <a:gd name="connsiteX8" fmla="*/ 185714 w 519074"/>
                <a:gd name="connsiteY8" fmla="*/ 97206 h 607902"/>
                <a:gd name="connsiteX9" fmla="*/ 185054 w 519074"/>
                <a:gd name="connsiteY9" fmla="*/ 97459 h 607902"/>
                <a:gd name="connsiteX10" fmla="*/ 176924 w 519074"/>
                <a:gd name="connsiteY10" fmla="*/ 97459 h 607902"/>
                <a:gd name="connsiteX11" fmla="*/ 151521 w 519074"/>
                <a:gd name="connsiteY11" fmla="*/ 87263 h 607902"/>
                <a:gd name="connsiteX12" fmla="*/ 139886 w 519074"/>
                <a:gd name="connsiteY12" fmla="*/ 89647 h 607902"/>
                <a:gd name="connsiteX13" fmla="*/ 128403 w 519074"/>
                <a:gd name="connsiteY13" fmla="*/ 101061 h 607902"/>
                <a:gd name="connsiteX14" fmla="*/ 126066 w 519074"/>
                <a:gd name="connsiteY14" fmla="*/ 112780 h 607902"/>
                <a:gd name="connsiteX15" fmla="*/ 136329 w 519074"/>
                <a:gd name="connsiteY15" fmla="*/ 137739 h 607902"/>
                <a:gd name="connsiteX16" fmla="*/ 136329 w 519074"/>
                <a:gd name="connsiteY16" fmla="*/ 145906 h 607902"/>
                <a:gd name="connsiteX17" fmla="*/ 136024 w 519074"/>
                <a:gd name="connsiteY17" fmla="*/ 146870 h 607902"/>
                <a:gd name="connsiteX18" fmla="*/ 130181 w 519074"/>
                <a:gd name="connsiteY18" fmla="*/ 152806 h 607902"/>
                <a:gd name="connsiteX19" fmla="*/ 105133 w 519074"/>
                <a:gd name="connsiteY19" fmla="*/ 163510 h 607902"/>
                <a:gd name="connsiteX20" fmla="*/ 98528 w 519074"/>
                <a:gd name="connsiteY20" fmla="*/ 173351 h 607902"/>
                <a:gd name="connsiteX21" fmla="*/ 98528 w 519074"/>
                <a:gd name="connsiteY21" fmla="*/ 173402 h 607902"/>
                <a:gd name="connsiteX22" fmla="*/ 98630 w 519074"/>
                <a:gd name="connsiteY22" fmla="*/ 173402 h 607902"/>
                <a:gd name="connsiteX23" fmla="*/ 98630 w 519074"/>
                <a:gd name="connsiteY23" fmla="*/ 189534 h 607902"/>
                <a:gd name="connsiteX24" fmla="*/ 105235 w 519074"/>
                <a:gd name="connsiteY24" fmla="*/ 199477 h 607902"/>
                <a:gd name="connsiteX25" fmla="*/ 130181 w 519074"/>
                <a:gd name="connsiteY25" fmla="*/ 209826 h 607902"/>
                <a:gd name="connsiteX26" fmla="*/ 136075 w 519074"/>
                <a:gd name="connsiteY26" fmla="*/ 215812 h 607902"/>
                <a:gd name="connsiteX27" fmla="*/ 136482 w 519074"/>
                <a:gd name="connsiteY27" fmla="*/ 216725 h 607902"/>
                <a:gd name="connsiteX28" fmla="*/ 136532 w 519074"/>
                <a:gd name="connsiteY28" fmla="*/ 224943 h 607902"/>
                <a:gd name="connsiteX29" fmla="*/ 126371 w 519074"/>
                <a:gd name="connsiteY29" fmla="*/ 250156 h 607902"/>
                <a:gd name="connsiteX30" fmla="*/ 128759 w 519074"/>
                <a:gd name="connsiteY30" fmla="*/ 261773 h 607902"/>
                <a:gd name="connsiteX31" fmla="*/ 140191 w 519074"/>
                <a:gd name="connsiteY31" fmla="*/ 273238 h 607902"/>
                <a:gd name="connsiteX32" fmla="*/ 151927 w 519074"/>
                <a:gd name="connsiteY32" fmla="*/ 275572 h 607902"/>
                <a:gd name="connsiteX33" fmla="*/ 177077 w 519074"/>
                <a:gd name="connsiteY33" fmla="*/ 265223 h 607902"/>
                <a:gd name="connsiteX34" fmla="*/ 185206 w 519074"/>
                <a:gd name="connsiteY34" fmla="*/ 265223 h 607902"/>
                <a:gd name="connsiteX35" fmla="*/ 185867 w 519074"/>
                <a:gd name="connsiteY35" fmla="*/ 265476 h 607902"/>
                <a:gd name="connsiteX36" fmla="*/ 191964 w 519074"/>
                <a:gd name="connsiteY36" fmla="*/ 271310 h 607902"/>
                <a:gd name="connsiteX37" fmla="*/ 202735 w 519074"/>
                <a:gd name="connsiteY37" fmla="*/ 296472 h 607902"/>
                <a:gd name="connsiteX38" fmla="*/ 212642 w 519074"/>
                <a:gd name="connsiteY38" fmla="*/ 303016 h 607902"/>
                <a:gd name="connsiteX39" fmla="*/ 228799 w 519074"/>
                <a:gd name="connsiteY39" fmla="*/ 303016 h 607902"/>
                <a:gd name="connsiteX40" fmla="*/ 238757 w 519074"/>
                <a:gd name="connsiteY40" fmla="*/ 296421 h 607902"/>
                <a:gd name="connsiteX41" fmla="*/ 249224 w 519074"/>
                <a:gd name="connsiteY41" fmla="*/ 271057 h 607902"/>
                <a:gd name="connsiteX42" fmla="*/ 255117 w 519074"/>
                <a:gd name="connsiteY42" fmla="*/ 265223 h 607902"/>
                <a:gd name="connsiteX43" fmla="*/ 255575 w 519074"/>
                <a:gd name="connsiteY43" fmla="*/ 265020 h 607902"/>
                <a:gd name="connsiteX44" fmla="*/ 263704 w 519074"/>
                <a:gd name="connsiteY44" fmla="*/ 264969 h 607902"/>
                <a:gd name="connsiteX45" fmla="*/ 289463 w 519074"/>
                <a:gd name="connsiteY45" fmla="*/ 275216 h 607902"/>
                <a:gd name="connsiteX46" fmla="*/ 301098 w 519074"/>
                <a:gd name="connsiteY46" fmla="*/ 272883 h 607902"/>
                <a:gd name="connsiteX47" fmla="*/ 312530 w 519074"/>
                <a:gd name="connsiteY47" fmla="*/ 261418 h 607902"/>
                <a:gd name="connsiteX48" fmla="*/ 314918 w 519074"/>
                <a:gd name="connsiteY48" fmla="*/ 249750 h 607902"/>
                <a:gd name="connsiteX49" fmla="*/ 304350 w 519074"/>
                <a:gd name="connsiteY49" fmla="*/ 224284 h 607902"/>
                <a:gd name="connsiteX50" fmla="*/ 304299 w 519074"/>
                <a:gd name="connsiteY50" fmla="*/ 216268 h 607902"/>
                <a:gd name="connsiteX51" fmla="*/ 304401 w 519074"/>
                <a:gd name="connsiteY51" fmla="*/ 215913 h 607902"/>
                <a:gd name="connsiteX52" fmla="*/ 310244 w 519074"/>
                <a:gd name="connsiteY52" fmla="*/ 209978 h 607902"/>
                <a:gd name="connsiteX53" fmla="*/ 335851 w 519074"/>
                <a:gd name="connsiteY53" fmla="*/ 199071 h 607902"/>
                <a:gd name="connsiteX54" fmla="*/ 342405 w 519074"/>
                <a:gd name="connsiteY54" fmla="*/ 189179 h 607902"/>
                <a:gd name="connsiteX55" fmla="*/ 342405 w 519074"/>
                <a:gd name="connsiteY55" fmla="*/ 173047 h 607902"/>
                <a:gd name="connsiteX56" fmla="*/ 335800 w 519074"/>
                <a:gd name="connsiteY56" fmla="*/ 163104 h 607902"/>
                <a:gd name="connsiteX57" fmla="*/ 310295 w 519074"/>
                <a:gd name="connsiteY57" fmla="*/ 152450 h 607902"/>
                <a:gd name="connsiteX58" fmla="*/ 304401 w 519074"/>
                <a:gd name="connsiteY58" fmla="*/ 146464 h 607902"/>
                <a:gd name="connsiteX59" fmla="*/ 304350 w 519074"/>
                <a:gd name="connsiteY59" fmla="*/ 146261 h 607902"/>
                <a:gd name="connsiteX60" fmla="*/ 304248 w 519074"/>
                <a:gd name="connsiteY60" fmla="*/ 138145 h 607902"/>
                <a:gd name="connsiteX61" fmla="*/ 314562 w 519074"/>
                <a:gd name="connsiteY61" fmla="*/ 112425 h 607902"/>
                <a:gd name="connsiteX62" fmla="*/ 312174 w 519074"/>
                <a:gd name="connsiteY62" fmla="*/ 100808 h 607902"/>
                <a:gd name="connsiteX63" fmla="*/ 300743 w 519074"/>
                <a:gd name="connsiteY63" fmla="*/ 89343 h 607902"/>
                <a:gd name="connsiteX64" fmla="*/ 289006 w 519074"/>
                <a:gd name="connsiteY64" fmla="*/ 87009 h 607902"/>
                <a:gd name="connsiteX65" fmla="*/ 263704 w 519074"/>
                <a:gd name="connsiteY65" fmla="*/ 97409 h 607902"/>
                <a:gd name="connsiteX66" fmla="*/ 255422 w 519074"/>
                <a:gd name="connsiteY66" fmla="*/ 97409 h 607902"/>
                <a:gd name="connsiteX67" fmla="*/ 255016 w 519074"/>
                <a:gd name="connsiteY67" fmla="*/ 97257 h 607902"/>
                <a:gd name="connsiteX68" fmla="*/ 249122 w 519074"/>
                <a:gd name="connsiteY68" fmla="*/ 91524 h 607902"/>
                <a:gd name="connsiteX69" fmla="*/ 238300 w 519074"/>
                <a:gd name="connsiteY69" fmla="*/ 66159 h 607902"/>
                <a:gd name="connsiteX70" fmla="*/ 228393 w 519074"/>
                <a:gd name="connsiteY70" fmla="*/ 59615 h 607902"/>
                <a:gd name="connsiteX71" fmla="*/ 227935 w 519074"/>
                <a:gd name="connsiteY71" fmla="*/ 8 h 607902"/>
                <a:gd name="connsiteX72" fmla="*/ 459669 w 519074"/>
                <a:gd name="connsiteY72" fmla="*/ 229458 h 607902"/>
                <a:gd name="connsiteX73" fmla="*/ 474099 w 519074"/>
                <a:gd name="connsiteY73" fmla="*/ 287341 h 607902"/>
                <a:gd name="connsiteX74" fmla="*/ 516625 w 519074"/>
                <a:gd name="connsiteY74" fmla="*/ 367443 h 607902"/>
                <a:gd name="connsiteX75" fmla="*/ 498689 w 519074"/>
                <a:gd name="connsiteY75" fmla="*/ 397779 h 607902"/>
                <a:gd name="connsiteX76" fmla="*/ 459720 w 519074"/>
                <a:gd name="connsiteY76" fmla="*/ 398540 h 607902"/>
                <a:gd name="connsiteX77" fmla="*/ 459720 w 519074"/>
                <a:gd name="connsiteY77" fmla="*/ 483107 h 607902"/>
                <a:gd name="connsiteX78" fmla="*/ 411402 w 519074"/>
                <a:gd name="connsiteY78" fmla="*/ 531402 h 607902"/>
                <a:gd name="connsiteX79" fmla="*/ 344844 w 519074"/>
                <a:gd name="connsiteY79" fmla="*/ 531402 h 607902"/>
                <a:gd name="connsiteX80" fmla="*/ 344844 w 519074"/>
                <a:gd name="connsiteY80" fmla="*/ 590958 h 607902"/>
                <a:gd name="connsiteX81" fmla="*/ 327925 w 519074"/>
                <a:gd name="connsiteY81" fmla="*/ 607902 h 607902"/>
                <a:gd name="connsiteX82" fmla="*/ 89688 w 519074"/>
                <a:gd name="connsiteY82" fmla="*/ 607902 h 607902"/>
                <a:gd name="connsiteX83" fmla="*/ 72718 w 519074"/>
                <a:gd name="connsiteY83" fmla="*/ 590958 h 607902"/>
                <a:gd name="connsiteX84" fmla="*/ 72718 w 519074"/>
                <a:gd name="connsiteY84" fmla="*/ 529829 h 607902"/>
                <a:gd name="connsiteX85" fmla="*/ 25111 w 519074"/>
                <a:gd name="connsiteY85" fmla="*/ 333657 h 607902"/>
                <a:gd name="connsiteX86" fmla="*/ 12 w 519074"/>
                <a:gd name="connsiteY86" fmla="*/ 231792 h 607902"/>
                <a:gd name="connsiteX87" fmla="*/ 227935 w 519074"/>
                <a:gd name="connsiteY87" fmla="*/ 8 h 6079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Lst>
              <a:rect l="l" t="t" r="r" b="b"/>
              <a:pathLst>
                <a:path w="519074" h="607902">
                  <a:moveTo>
                    <a:pt x="220247" y="135608"/>
                  </a:moveTo>
                  <a:cubicBezTo>
                    <a:pt x="245549" y="135608"/>
                    <a:pt x="265974" y="156052"/>
                    <a:pt x="265974" y="181264"/>
                  </a:cubicBezTo>
                  <a:cubicBezTo>
                    <a:pt x="265974" y="206527"/>
                    <a:pt x="245499" y="226920"/>
                    <a:pt x="220247" y="226920"/>
                  </a:cubicBezTo>
                  <a:cubicBezTo>
                    <a:pt x="194996" y="226920"/>
                    <a:pt x="174521" y="206426"/>
                    <a:pt x="174521" y="181264"/>
                  </a:cubicBezTo>
                  <a:cubicBezTo>
                    <a:pt x="174521" y="156052"/>
                    <a:pt x="194996" y="135608"/>
                    <a:pt x="220247" y="135608"/>
                  </a:cubicBezTo>
                  <a:close/>
                  <a:moveTo>
                    <a:pt x="212236" y="59615"/>
                  </a:moveTo>
                  <a:cubicBezTo>
                    <a:pt x="207866" y="59615"/>
                    <a:pt x="203954" y="62253"/>
                    <a:pt x="202277" y="66210"/>
                  </a:cubicBezTo>
                  <a:lnTo>
                    <a:pt x="191760" y="91321"/>
                  </a:lnTo>
                  <a:cubicBezTo>
                    <a:pt x="190592" y="94010"/>
                    <a:pt x="188458" y="96140"/>
                    <a:pt x="185714" y="97206"/>
                  </a:cubicBezTo>
                  <a:cubicBezTo>
                    <a:pt x="185511" y="97257"/>
                    <a:pt x="185257" y="97409"/>
                    <a:pt x="185054" y="97459"/>
                  </a:cubicBezTo>
                  <a:cubicBezTo>
                    <a:pt x="182412" y="98474"/>
                    <a:pt x="179516" y="98474"/>
                    <a:pt x="176924" y="97459"/>
                  </a:cubicBezTo>
                  <a:lnTo>
                    <a:pt x="151521" y="87263"/>
                  </a:lnTo>
                  <a:cubicBezTo>
                    <a:pt x="147507" y="85639"/>
                    <a:pt x="142934" y="86603"/>
                    <a:pt x="139886" y="89647"/>
                  </a:cubicBezTo>
                  <a:lnTo>
                    <a:pt x="128403" y="101061"/>
                  </a:lnTo>
                  <a:cubicBezTo>
                    <a:pt x="125304" y="104105"/>
                    <a:pt x="124440" y="108772"/>
                    <a:pt x="126066" y="112780"/>
                  </a:cubicBezTo>
                  <a:lnTo>
                    <a:pt x="136329" y="137739"/>
                  </a:lnTo>
                  <a:cubicBezTo>
                    <a:pt x="137447" y="140377"/>
                    <a:pt x="137447" y="143268"/>
                    <a:pt x="136329" y="145906"/>
                  </a:cubicBezTo>
                  <a:cubicBezTo>
                    <a:pt x="136278" y="146261"/>
                    <a:pt x="136126" y="146515"/>
                    <a:pt x="136024" y="146870"/>
                  </a:cubicBezTo>
                  <a:cubicBezTo>
                    <a:pt x="134907" y="149508"/>
                    <a:pt x="132823" y="151639"/>
                    <a:pt x="130181" y="152806"/>
                  </a:cubicBezTo>
                  <a:lnTo>
                    <a:pt x="105133" y="163510"/>
                  </a:lnTo>
                  <a:cubicBezTo>
                    <a:pt x="101119" y="165184"/>
                    <a:pt x="98528" y="169039"/>
                    <a:pt x="98528" y="173351"/>
                  </a:cubicBezTo>
                  <a:lnTo>
                    <a:pt x="98528" y="173402"/>
                  </a:lnTo>
                  <a:lnTo>
                    <a:pt x="98630" y="173402"/>
                  </a:lnTo>
                  <a:lnTo>
                    <a:pt x="98630" y="189534"/>
                  </a:lnTo>
                  <a:cubicBezTo>
                    <a:pt x="98630" y="193897"/>
                    <a:pt x="101272" y="197803"/>
                    <a:pt x="105235" y="199477"/>
                  </a:cubicBezTo>
                  <a:lnTo>
                    <a:pt x="130181" y="209826"/>
                  </a:lnTo>
                  <a:cubicBezTo>
                    <a:pt x="132874" y="210942"/>
                    <a:pt x="135008" y="213073"/>
                    <a:pt x="136075" y="215812"/>
                  </a:cubicBezTo>
                  <a:cubicBezTo>
                    <a:pt x="136228" y="216116"/>
                    <a:pt x="136329" y="216421"/>
                    <a:pt x="136482" y="216725"/>
                  </a:cubicBezTo>
                  <a:cubicBezTo>
                    <a:pt x="137549" y="219363"/>
                    <a:pt x="137650" y="222305"/>
                    <a:pt x="136532" y="224943"/>
                  </a:cubicBezTo>
                  <a:lnTo>
                    <a:pt x="126371" y="250156"/>
                  </a:lnTo>
                  <a:cubicBezTo>
                    <a:pt x="124745" y="254164"/>
                    <a:pt x="125710" y="258729"/>
                    <a:pt x="128759" y="261773"/>
                  </a:cubicBezTo>
                  <a:lnTo>
                    <a:pt x="140191" y="273238"/>
                  </a:lnTo>
                  <a:cubicBezTo>
                    <a:pt x="143239" y="276332"/>
                    <a:pt x="147913" y="277195"/>
                    <a:pt x="151927" y="275572"/>
                  </a:cubicBezTo>
                  <a:lnTo>
                    <a:pt x="177077" y="265223"/>
                  </a:lnTo>
                  <a:cubicBezTo>
                    <a:pt x="179617" y="264208"/>
                    <a:pt x="182564" y="264208"/>
                    <a:pt x="185206" y="265223"/>
                  </a:cubicBezTo>
                  <a:cubicBezTo>
                    <a:pt x="185409" y="265273"/>
                    <a:pt x="185663" y="265426"/>
                    <a:pt x="185867" y="265476"/>
                  </a:cubicBezTo>
                  <a:cubicBezTo>
                    <a:pt x="188559" y="266491"/>
                    <a:pt x="190795" y="268622"/>
                    <a:pt x="191964" y="271310"/>
                  </a:cubicBezTo>
                  <a:lnTo>
                    <a:pt x="202735" y="296472"/>
                  </a:lnTo>
                  <a:cubicBezTo>
                    <a:pt x="204411" y="300480"/>
                    <a:pt x="208273" y="303016"/>
                    <a:pt x="212642" y="303016"/>
                  </a:cubicBezTo>
                  <a:lnTo>
                    <a:pt x="228799" y="303016"/>
                  </a:lnTo>
                  <a:cubicBezTo>
                    <a:pt x="233169" y="303016"/>
                    <a:pt x="237081" y="300378"/>
                    <a:pt x="238757" y="296421"/>
                  </a:cubicBezTo>
                  <a:lnTo>
                    <a:pt x="249224" y="271057"/>
                  </a:lnTo>
                  <a:cubicBezTo>
                    <a:pt x="250342" y="268419"/>
                    <a:pt x="252475" y="266288"/>
                    <a:pt x="255117" y="265223"/>
                  </a:cubicBezTo>
                  <a:cubicBezTo>
                    <a:pt x="255219" y="265172"/>
                    <a:pt x="255422" y="265070"/>
                    <a:pt x="255575" y="265020"/>
                  </a:cubicBezTo>
                  <a:cubicBezTo>
                    <a:pt x="258217" y="263954"/>
                    <a:pt x="261113" y="263954"/>
                    <a:pt x="263704" y="264969"/>
                  </a:cubicBezTo>
                  <a:lnTo>
                    <a:pt x="289463" y="275216"/>
                  </a:lnTo>
                  <a:cubicBezTo>
                    <a:pt x="293426" y="276840"/>
                    <a:pt x="298050" y="275927"/>
                    <a:pt x="301098" y="272883"/>
                  </a:cubicBezTo>
                  <a:lnTo>
                    <a:pt x="312530" y="261418"/>
                  </a:lnTo>
                  <a:cubicBezTo>
                    <a:pt x="315680" y="258374"/>
                    <a:pt x="316595" y="253707"/>
                    <a:pt x="314918" y="249750"/>
                  </a:cubicBezTo>
                  <a:lnTo>
                    <a:pt x="304350" y="224284"/>
                  </a:lnTo>
                  <a:cubicBezTo>
                    <a:pt x="303283" y="221747"/>
                    <a:pt x="303283" y="218805"/>
                    <a:pt x="304299" y="216268"/>
                  </a:cubicBezTo>
                  <a:lnTo>
                    <a:pt x="304401" y="215913"/>
                  </a:lnTo>
                  <a:cubicBezTo>
                    <a:pt x="305519" y="213225"/>
                    <a:pt x="307602" y="211094"/>
                    <a:pt x="310244" y="209978"/>
                  </a:cubicBezTo>
                  <a:lnTo>
                    <a:pt x="335851" y="199071"/>
                  </a:lnTo>
                  <a:cubicBezTo>
                    <a:pt x="339865" y="197397"/>
                    <a:pt x="342405" y="193542"/>
                    <a:pt x="342405" y="189179"/>
                  </a:cubicBezTo>
                  <a:lnTo>
                    <a:pt x="342405" y="173047"/>
                  </a:lnTo>
                  <a:cubicBezTo>
                    <a:pt x="342405" y="168684"/>
                    <a:pt x="339763" y="164778"/>
                    <a:pt x="335800" y="163104"/>
                  </a:cubicBezTo>
                  <a:lnTo>
                    <a:pt x="310295" y="152450"/>
                  </a:lnTo>
                  <a:cubicBezTo>
                    <a:pt x="307602" y="151334"/>
                    <a:pt x="305519" y="149153"/>
                    <a:pt x="304401" y="146464"/>
                  </a:cubicBezTo>
                  <a:cubicBezTo>
                    <a:pt x="304401" y="146363"/>
                    <a:pt x="304350" y="146312"/>
                    <a:pt x="304350" y="146261"/>
                  </a:cubicBezTo>
                  <a:cubicBezTo>
                    <a:pt x="303232" y="143674"/>
                    <a:pt x="303232" y="140783"/>
                    <a:pt x="304248" y="138145"/>
                  </a:cubicBezTo>
                  <a:lnTo>
                    <a:pt x="314562" y="112425"/>
                  </a:lnTo>
                  <a:cubicBezTo>
                    <a:pt x="316188" y="108417"/>
                    <a:pt x="315223" y="103851"/>
                    <a:pt x="312174" y="100808"/>
                  </a:cubicBezTo>
                  <a:lnTo>
                    <a:pt x="300743" y="89343"/>
                  </a:lnTo>
                  <a:cubicBezTo>
                    <a:pt x="297694" y="86248"/>
                    <a:pt x="293020" y="85386"/>
                    <a:pt x="289006" y="87009"/>
                  </a:cubicBezTo>
                  <a:lnTo>
                    <a:pt x="263704" y="97409"/>
                  </a:lnTo>
                  <a:cubicBezTo>
                    <a:pt x="261062" y="98575"/>
                    <a:pt x="258064" y="98474"/>
                    <a:pt x="255422" y="97409"/>
                  </a:cubicBezTo>
                  <a:cubicBezTo>
                    <a:pt x="255270" y="97409"/>
                    <a:pt x="255168" y="97358"/>
                    <a:pt x="255016" y="97257"/>
                  </a:cubicBezTo>
                  <a:cubicBezTo>
                    <a:pt x="252374" y="96191"/>
                    <a:pt x="250291" y="94162"/>
                    <a:pt x="249122" y="91524"/>
                  </a:cubicBezTo>
                  <a:lnTo>
                    <a:pt x="238300" y="66159"/>
                  </a:lnTo>
                  <a:cubicBezTo>
                    <a:pt x="236623" y="62152"/>
                    <a:pt x="232711" y="59615"/>
                    <a:pt x="228393" y="59615"/>
                  </a:cubicBezTo>
                  <a:close/>
                  <a:moveTo>
                    <a:pt x="227935" y="8"/>
                  </a:moveTo>
                  <a:cubicBezTo>
                    <a:pt x="355767" y="-1007"/>
                    <a:pt x="459669" y="102076"/>
                    <a:pt x="459669" y="229458"/>
                  </a:cubicBezTo>
                  <a:cubicBezTo>
                    <a:pt x="459669" y="249598"/>
                    <a:pt x="464597" y="269484"/>
                    <a:pt x="474099" y="287341"/>
                  </a:cubicBezTo>
                  <a:lnTo>
                    <a:pt x="516625" y="367443"/>
                  </a:lnTo>
                  <a:cubicBezTo>
                    <a:pt x="523890" y="381039"/>
                    <a:pt x="514135" y="397526"/>
                    <a:pt x="498689" y="397779"/>
                  </a:cubicBezTo>
                  <a:lnTo>
                    <a:pt x="459720" y="398540"/>
                  </a:lnTo>
                  <a:lnTo>
                    <a:pt x="459720" y="483107"/>
                  </a:lnTo>
                  <a:cubicBezTo>
                    <a:pt x="459720" y="509689"/>
                    <a:pt x="438025" y="531402"/>
                    <a:pt x="411402" y="531402"/>
                  </a:cubicBezTo>
                  <a:lnTo>
                    <a:pt x="344844" y="531402"/>
                  </a:lnTo>
                  <a:lnTo>
                    <a:pt x="344844" y="590958"/>
                  </a:lnTo>
                  <a:cubicBezTo>
                    <a:pt x="344844" y="600293"/>
                    <a:pt x="337273" y="607902"/>
                    <a:pt x="327925" y="607902"/>
                  </a:cubicBezTo>
                  <a:lnTo>
                    <a:pt x="89688" y="607902"/>
                  </a:lnTo>
                  <a:cubicBezTo>
                    <a:pt x="80339" y="607902"/>
                    <a:pt x="72718" y="600293"/>
                    <a:pt x="72718" y="590958"/>
                  </a:cubicBezTo>
                  <a:lnTo>
                    <a:pt x="72718" y="529829"/>
                  </a:lnTo>
                  <a:cubicBezTo>
                    <a:pt x="72718" y="461648"/>
                    <a:pt x="56358" y="394482"/>
                    <a:pt x="25111" y="333657"/>
                  </a:cubicBezTo>
                  <a:cubicBezTo>
                    <a:pt x="9462" y="303118"/>
                    <a:pt x="419" y="268469"/>
                    <a:pt x="12" y="231792"/>
                  </a:cubicBezTo>
                  <a:cubicBezTo>
                    <a:pt x="-1258" y="104562"/>
                    <a:pt x="100510" y="1022"/>
                    <a:pt x="227935" y="8"/>
                  </a:cubicBezTo>
                  <a:close/>
                </a:path>
              </a:pathLst>
            </a:custGeom>
            <a:solidFill>
              <a:srgbClr val="F16667"/>
            </a:solidFill>
            <a:ln>
              <a:noFill/>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a:ln>
                  <a:noFill/>
                </a:ln>
                <a:solidFill>
                  <a:prstClr val="black"/>
                </a:solidFill>
                <a:effectLst/>
                <a:uLnTx/>
                <a:uFillTx/>
                <a:sym typeface="Huawei Sans Light" panose="020C0303030203020204" pitchFamily="34" charset="0"/>
              </a:endParaRPr>
            </a:p>
          </p:txBody>
        </p:sp>
        <p:sp>
          <p:nvSpPr>
            <p:cNvPr id="42" name="左中括号 41">
              <a:extLst>
                <a:ext uri="{FF2B5EF4-FFF2-40B4-BE49-F238E27FC236}">
                  <a16:creationId xmlns:a16="http://schemas.microsoft.com/office/drawing/2014/main" xmlns="" id="{F7BDDE96-D26D-4552-96F3-A0D9EC2DD80F}"/>
                </a:ext>
              </a:extLst>
            </p:cNvPr>
            <p:cNvSpPr/>
            <p:nvPr/>
          </p:nvSpPr>
          <p:spPr>
            <a:xfrm rot="5400000">
              <a:off x="7401341" y="3172243"/>
              <a:ext cx="408192" cy="1181707"/>
            </a:xfrm>
            <a:prstGeom prst="leftBracket">
              <a:avLst>
                <a:gd name="adj" fmla="val 44182"/>
              </a:avLst>
            </a:prstGeom>
            <a:noFill/>
            <a:ln w="28575" cap="flat" cmpd="sng" algn="ctr">
              <a:solidFill>
                <a:srgbClr val="7F7F7F"/>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a:ln>
                  <a:noFill/>
                </a:ln>
                <a:solidFill>
                  <a:prstClr val="black"/>
                </a:solidFill>
                <a:effectLst/>
                <a:uLnTx/>
                <a:uFillTx/>
                <a:cs typeface="+mn-cs"/>
              </a:endParaRPr>
            </a:p>
          </p:txBody>
        </p:sp>
        <p:sp>
          <p:nvSpPr>
            <p:cNvPr id="43" name="左中括号 42">
              <a:extLst>
                <a:ext uri="{FF2B5EF4-FFF2-40B4-BE49-F238E27FC236}">
                  <a16:creationId xmlns:a16="http://schemas.microsoft.com/office/drawing/2014/main" xmlns="" id="{A79B122D-5AE1-4350-9131-6909EDB5A736}"/>
                </a:ext>
              </a:extLst>
            </p:cNvPr>
            <p:cNvSpPr/>
            <p:nvPr/>
          </p:nvSpPr>
          <p:spPr>
            <a:xfrm rot="5400000">
              <a:off x="6788959" y="3883236"/>
              <a:ext cx="391174" cy="579870"/>
            </a:xfrm>
            <a:prstGeom prst="leftBracket">
              <a:avLst>
                <a:gd name="adj" fmla="val 44182"/>
              </a:avLst>
            </a:prstGeom>
            <a:noFill/>
            <a:ln w="28575" cap="flat" cmpd="sng" algn="ctr">
              <a:solidFill>
                <a:srgbClr val="7F7F7F"/>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a:ln>
                  <a:noFill/>
                </a:ln>
                <a:solidFill>
                  <a:prstClr val="black"/>
                </a:solidFill>
                <a:effectLst/>
                <a:uLnTx/>
                <a:uFillTx/>
                <a:cs typeface="+mn-cs"/>
              </a:endParaRPr>
            </a:p>
          </p:txBody>
        </p:sp>
        <p:sp>
          <p:nvSpPr>
            <p:cNvPr id="44" name="圆角矩形 115">
              <a:extLst>
                <a:ext uri="{FF2B5EF4-FFF2-40B4-BE49-F238E27FC236}">
                  <a16:creationId xmlns:a16="http://schemas.microsoft.com/office/drawing/2014/main" xmlns="" id="{05EF06E4-B4D0-4772-B3EF-877C26A2E2EC}"/>
                </a:ext>
              </a:extLst>
            </p:cNvPr>
            <p:cNvSpPr/>
            <p:nvPr/>
          </p:nvSpPr>
          <p:spPr>
            <a:xfrm>
              <a:off x="6430327" y="4359975"/>
              <a:ext cx="520438" cy="249227"/>
            </a:xfrm>
            <a:prstGeom prst="roundRect">
              <a:avLst>
                <a:gd name="adj" fmla="val 50000"/>
              </a:avLst>
            </a:prstGeom>
            <a:solidFill>
              <a:srgbClr val="EE4E4F"/>
            </a:solidFill>
            <a:ln w="12700" cap="flat" cmpd="sng" algn="ctr">
              <a:no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srgbClr val="44546A"/>
                </a:solidFill>
                <a:effectLst/>
                <a:uLnTx/>
                <a:uFillTx/>
                <a:cs typeface="+mn-cs"/>
              </a:endParaRPr>
            </a:p>
          </p:txBody>
        </p:sp>
        <p:sp>
          <p:nvSpPr>
            <p:cNvPr id="45" name="圆角矩形 116">
              <a:extLst>
                <a:ext uri="{FF2B5EF4-FFF2-40B4-BE49-F238E27FC236}">
                  <a16:creationId xmlns:a16="http://schemas.microsoft.com/office/drawing/2014/main" xmlns="" id="{DD87C18E-FCDF-4EE4-BB03-1C1CA3B3287E}"/>
                </a:ext>
              </a:extLst>
            </p:cNvPr>
            <p:cNvSpPr/>
            <p:nvPr/>
          </p:nvSpPr>
          <p:spPr>
            <a:xfrm>
              <a:off x="7004441" y="4359485"/>
              <a:ext cx="520438" cy="249227"/>
            </a:xfrm>
            <a:prstGeom prst="roundRect">
              <a:avLst>
                <a:gd name="adj" fmla="val 50000"/>
              </a:avLst>
            </a:prstGeom>
            <a:solidFill>
              <a:srgbClr val="EE4E4F"/>
            </a:solidFill>
            <a:ln w="12700" cap="flat" cmpd="sng" algn="ctr">
              <a:no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srgbClr val="44546A"/>
                </a:solidFill>
                <a:effectLst/>
                <a:uLnTx/>
                <a:uFillTx/>
                <a:cs typeface="+mn-cs"/>
              </a:endParaRPr>
            </a:p>
          </p:txBody>
        </p:sp>
        <p:sp>
          <p:nvSpPr>
            <p:cNvPr id="46" name="文本框 45">
              <a:extLst>
                <a:ext uri="{FF2B5EF4-FFF2-40B4-BE49-F238E27FC236}">
                  <a16:creationId xmlns:a16="http://schemas.microsoft.com/office/drawing/2014/main" xmlns="" id="{D18829B2-0223-461C-939D-F2B70DDB34BE}"/>
                </a:ext>
              </a:extLst>
            </p:cNvPr>
            <p:cNvSpPr txBox="1"/>
            <p:nvPr/>
          </p:nvSpPr>
          <p:spPr>
            <a:xfrm>
              <a:off x="6385382" y="4315902"/>
              <a:ext cx="734610" cy="416280"/>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a:ln>
                    <a:noFill/>
                  </a:ln>
                  <a:solidFill>
                    <a:prstClr val="white"/>
                  </a:solidFill>
                  <a:effectLst/>
                  <a:uLnTx/>
                  <a:uFillTx/>
                </a:rPr>
                <a:t>知识</a:t>
              </a:r>
              <a:endParaRPr kumimoji="0" lang="zh-CN" altLang="en-US" sz="1200" b="0" i="0" u="none" strike="noStrike" kern="0" cap="none" spc="0" normalizeH="0" baseline="0" noProof="0" dirty="0">
                <a:ln>
                  <a:noFill/>
                </a:ln>
                <a:solidFill>
                  <a:prstClr val="white"/>
                </a:solidFill>
                <a:effectLst/>
                <a:uLnTx/>
                <a:uFillTx/>
              </a:endParaRPr>
            </a:p>
          </p:txBody>
        </p:sp>
        <p:sp>
          <p:nvSpPr>
            <p:cNvPr id="47" name="文本框 46">
              <a:extLst>
                <a:ext uri="{FF2B5EF4-FFF2-40B4-BE49-F238E27FC236}">
                  <a16:creationId xmlns:a16="http://schemas.microsoft.com/office/drawing/2014/main" xmlns="" id="{A2771388-DD20-4CD4-817C-C58618FBC7CB}"/>
                </a:ext>
              </a:extLst>
            </p:cNvPr>
            <p:cNvSpPr txBox="1"/>
            <p:nvPr/>
          </p:nvSpPr>
          <p:spPr>
            <a:xfrm>
              <a:off x="6923921" y="4315902"/>
              <a:ext cx="770622" cy="416280"/>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a:ln>
                    <a:noFill/>
                  </a:ln>
                  <a:solidFill>
                    <a:prstClr val="white"/>
                  </a:solidFill>
                  <a:effectLst/>
                  <a:uLnTx/>
                  <a:uFillTx/>
                </a:rPr>
                <a:t>知识</a:t>
              </a:r>
              <a:endParaRPr kumimoji="0" lang="zh-CN" altLang="en-US" sz="1200" b="0" i="0" u="none" strike="noStrike" kern="0" cap="none" spc="0" normalizeH="0" baseline="0" noProof="0" dirty="0">
                <a:ln>
                  <a:noFill/>
                </a:ln>
                <a:solidFill>
                  <a:prstClr val="white"/>
                </a:solidFill>
                <a:effectLst/>
                <a:uLnTx/>
                <a:uFillTx/>
              </a:endParaRPr>
            </a:p>
          </p:txBody>
        </p:sp>
        <p:sp>
          <p:nvSpPr>
            <p:cNvPr id="48" name="左中括号 47">
              <a:extLst>
                <a:ext uri="{FF2B5EF4-FFF2-40B4-BE49-F238E27FC236}">
                  <a16:creationId xmlns:a16="http://schemas.microsoft.com/office/drawing/2014/main" xmlns="" id="{09256AB9-A489-405D-A324-C42CD346FF59}"/>
                </a:ext>
              </a:extLst>
            </p:cNvPr>
            <p:cNvSpPr/>
            <p:nvPr/>
          </p:nvSpPr>
          <p:spPr>
            <a:xfrm rot="5400000">
              <a:off x="7990612" y="3887925"/>
              <a:ext cx="391174" cy="579870"/>
            </a:xfrm>
            <a:prstGeom prst="leftBracket">
              <a:avLst>
                <a:gd name="adj" fmla="val 44182"/>
              </a:avLst>
            </a:prstGeom>
            <a:noFill/>
            <a:ln w="28575" cap="flat" cmpd="sng" algn="ctr">
              <a:solidFill>
                <a:srgbClr val="7F7F7F"/>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a:ln>
                  <a:noFill/>
                </a:ln>
                <a:solidFill>
                  <a:prstClr val="black"/>
                </a:solidFill>
                <a:effectLst/>
                <a:uLnTx/>
                <a:uFillTx/>
                <a:cs typeface="+mn-cs"/>
              </a:endParaRPr>
            </a:p>
          </p:txBody>
        </p:sp>
        <p:sp>
          <p:nvSpPr>
            <p:cNvPr id="49" name="圆角矩形 120">
              <a:extLst>
                <a:ext uri="{FF2B5EF4-FFF2-40B4-BE49-F238E27FC236}">
                  <a16:creationId xmlns:a16="http://schemas.microsoft.com/office/drawing/2014/main" xmlns="" id="{40C62332-0FC2-44A9-AF39-37C1CA15E2F9}"/>
                </a:ext>
              </a:extLst>
            </p:cNvPr>
            <p:cNvSpPr/>
            <p:nvPr/>
          </p:nvSpPr>
          <p:spPr>
            <a:xfrm>
              <a:off x="7631980" y="4364664"/>
              <a:ext cx="520438" cy="249227"/>
            </a:xfrm>
            <a:prstGeom prst="roundRect">
              <a:avLst>
                <a:gd name="adj" fmla="val 50000"/>
              </a:avLst>
            </a:prstGeom>
            <a:solidFill>
              <a:srgbClr val="EE4E4F"/>
            </a:solidFill>
            <a:ln w="12700" cap="flat" cmpd="sng" algn="ctr">
              <a:no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srgbClr val="44546A"/>
                </a:solidFill>
                <a:effectLst/>
                <a:uLnTx/>
                <a:uFillTx/>
                <a:cs typeface="+mn-cs"/>
              </a:endParaRPr>
            </a:p>
          </p:txBody>
        </p:sp>
        <p:sp>
          <p:nvSpPr>
            <p:cNvPr id="50" name="圆角矩形 121">
              <a:extLst>
                <a:ext uri="{FF2B5EF4-FFF2-40B4-BE49-F238E27FC236}">
                  <a16:creationId xmlns:a16="http://schemas.microsoft.com/office/drawing/2014/main" xmlns="" id="{39E2EDF0-EB84-4279-9E5A-C1B4A0420CDD}"/>
                </a:ext>
              </a:extLst>
            </p:cNvPr>
            <p:cNvSpPr/>
            <p:nvPr/>
          </p:nvSpPr>
          <p:spPr>
            <a:xfrm>
              <a:off x="8206094" y="4364174"/>
              <a:ext cx="520438" cy="249227"/>
            </a:xfrm>
            <a:prstGeom prst="roundRect">
              <a:avLst>
                <a:gd name="adj" fmla="val 50000"/>
              </a:avLst>
            </a:prstGeom>
            <a:solidFill>
              <a:srgbClr val="EE4E4F"/>
            </a:solidFill>
            <a:ln w="12700" cap="flat" cmpd="sng" algn="ctr">
              <a:no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a:ln>
                  <a:noFill/>
                </a:ln>
                <a:solidFill>
                  <a:srgbClr val="44546A"/>
                </a:solidFill>
                <a:effectLst/>
                <a:uLnTx/>
                <a:uFillTx/>
                <a:cs typeface="+mn-cs"/>
              </a:endParaRPr>
            </a:p>
          </p:txBody>
        </p:sp>
        <p:sp>
          <p:nvSpPr>
            <p:cNvPr id="51" name="文本框 50">
              <a:extLst>
                <a:ext uri="{FF2B5EF4-FFF2-40B4-BE49-F238E27FC236}">
                  <a16:creationId xmlns:a16="http://schemas.microsoft.com/office/drawing/2014/main" xmlns="" id="{890DAB44-9D07-44B8-9C9A-4DB7A11FC0FA}"/>
                </a:ext>
              </a:extLst>
            </p:cNvPr>
            <p:cNvSpPr txBox="1"/>
            <p:nvPr/>
          </p:nvSpPr>
          <p:spPr>
            <a:xfrm>
              <a:off x="7580130" y="4311263"/>
              <a:ext cx="714287" cy="416280"/>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a:ln>
                    <a:noFill/>
                  </a:ln>
                  <a:solidFill>
                    <a:prstClr val="white"/>
                  </a:solidFill>
                  <a:effectLst/>
                  <a:uLnTx/>
                  <a:uFillTx/>
                </a:rPr>
                <a:t>知识</a:t>
              </a:r>
              <a:endParaRPr kumimoji="0" lang="zh-CN" altLang="en-US" sz="1200" b="0" i="0" u="none" strike="noStrike" kern="0" cap="none" spc="0" normalizeH="0" baseline="0" noProof="0" dirty="0">
                <a:ln>
                  <a:noFill/>
                </a:ln>
                <a:solidFill>
                  <a:prstClr val="white"/>
                </a:solidFill>
                <a:effectLst/>
                <a:uLnTx/>
                <a:uFillTx/>
              </a:endParaRPr>
            </a:p>
          </p:txBody>
        </p:sp>
        <p:sp>
          <p:nvSpPr>
            <p:cNvPr id="52" name="文本框 51">
              <a:extLst>
                <a:ext uri="{FF2B5EF4-FFF2-40B4-BE49-F238E27FC236}">
                  <a16:creationId xmlns:a16="http://schemas.microsoft.com/office/drawing/2014/main" xmlns="" id="{9224EDA5-C217-4DC2-B26B-6B77E59AACD1}"/>
                </a:ext>
              </a:extLst>
            </p:cNvPr>
            <p:cNvSpPr txBox="1"/>
            <p:nvPr/>
          </p:nvSpPr>
          <p:spPr>
            <a:xfrm>
              <a:off x="8150852" y="4310836"/>
              <a:ext cx="705307" cy="416280"/>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a:ln>
                    <a:noFill/>
                  </a:ln>
                  <a:solidFill>
                    <a:prstClr val="white"/>
                  </a:solidFill>
                  <a:effectLst/>
                  <a:uLnTx/>
                  <a:uFillTx/>
                </a:rPr>
                <a:t>知识</a:t>
              </a:r>
              <a:endParaRPr kumimoji="0" lang="zh-CN" altLang="en-US" sz="1200" b="0" i="0" u="none" strike="noStrike" kern="0" cap="none" spc="0" normalizeH="0" baseline="0" noProof="0" dirty="0">
                <a:ln>
                  <a:noFill/>
                </a:ln>
                <a:solidFill>
                  <a:prstClr val="white"/>
                </a:solidFill>
                <a:effectLst/>
                <a:uLnTx/>
                <a:uFillTx/>
              </a:endParaRPr>
            </a:p>
          </p:txBody>
        </p:sp>
        <p:cxnSp>
          <p:nvCxnSpPr>
            <p:cNvPr id="53" name="直接连接符 52">
              <a:extLst>
                <a:ext uri="{FF2B5EF4-FFF2-40B4-BE49-F238E27FC236}">
                  <a16:creationId xmlns:a16="http://schemas.microsoft.com/office/drawing/2014/main" xmlns="" id="{FCBD010D-EACC-42E8-A036-E45B4C6CB8B0}"/>
                </a:ext>
              </a:extLst>
            </p:cNvPr>
            <p:cNvCxnSpPr/>
            <p:nvPr/>
          </p:nvCxnSpPr>
          <p:spPr>
            <a:xfrm>
              <a:off x="7603369" y="3318150"/>
              <a:ext cx="2068" cy="240851"/>
            </a:xfrm>
            <a:prstGeom prst="line">
              <a:avLst/>
            </a:prstGeom>
            <a:noFill/>
            <a:ln w="28575" cap="flat" cmpd="sng" algn="ctr">
              <a:solidFill>
                <a:srgbClr val="7F7F7F"/>
              </a:solidFill>
              <a:prstDash val="solid"/>
              <a:miter lim="800000"/>
            </a:ln>
            <a:effectLst/>
          </p:spPr>
        </p:cxnSp>
      </p:grpSp>
      <p:sp>
        <p:nvSpPr>
          <p:cNvPr id="54" name="矩形 53">
            <a:extLst>
              <a:ext uri="{FF2B5EF4-FFF2-40B4-BE49-F238E27FC236}">
                <a16:creationId xmlns:a16="http://schemas.microsoft.com/office/drawing/2014/main" xmlns="" id="{2673E1C6-E81E-48DF-BE61-698C53F87844}"/>
              </a:ext>
            </a:extLst>
          </p:cNvPr>
          <p:cNvSpPr/>
          <p:nvPr/>
        </p:nvSpPr>
        <p:spPr>
          <a:xfrm>
            <a:off x="5141751" y="4730573"/>
            <a:ext cx="1005403" cy="338554"/>
          </a:xfrm>
          <a:prstGeom prst="rect">
            <a:avLst/>
          </a:prstGeom>
        </p:spPr>
        <p:txBody>
          <a:bodyPr wrap="none">
            <a:spAutoFit/>
          </a:bodyPr>
          <a:lstStyle/>
          <a:p>
            <a:pPr algn="ctr" defTabSz="685859"/>
            <a:r>
              <a:rPr lang="zh-CN" altLang="en-US" sz="1600" dirty="0">
                <a:solidFill>
                  <a:srgbClr val="1D1D1B"/>
                </a:solidFill>
              </a:rPr>
              <a:t>模型应用</a:t>
            </a:r>
          </a:p>
        </p:txBody>
      </p:sp>
      <p:sp>
        <p:nvSpPr>
          <p:cNvPr id="55" name="文本框 54">
            <a:extLst>
              <a:ext uri="{FF2B5EF4-FFF2-40B4-BE49-F238E27FC236}">
                <a16:creationId xmlns:a16="http://schemas.microsoft.com/office/drawing/2014/main" xmlns="" id="{61B3A733-3943-4DC8-AB7E-40CD2A0CB986}"/>
              </a:ext>
            </a:extLst>
          </p:cNvPr>
          <p:cNvSpPr txBox="1"/>
          <p:nvPr/>
        </p:nvSpPr>
        <p:spPr>
          <a:xfrm>
            <a:off x="6954799" y="4253065"/>
            <a:ext cx="1040606" cy="307777"/>
          </a:xfrm>
          <a:prstGeom prst="rect">
            <a:avLst/>
          </a:prstGeom>
          <a:noFill/>
        </p:spPr>
        <p:txBody>
          <a:bodyPr wrap="square" rtlCol="0">
            <a:spAutoFit/>
          </a:bodyPr>
          <a:lstStyle/>
          <a:p>
            <a:pPr algn="ctr"/>
            <a:r>
              <a:rPr lang="zh-CN" altLang="en-US" sz="1400" b="1" dirty="0">
                <a:solidFill>
                  <a:prstClr val="black"/>
                </a:solidFill>
              </a:rPr>
              <a:t>风险预测</a:t>
            </a:r>
          </a:p>
        </p:txBody>
      </p:sp>
      <p:sp>
        <p:nvSpPr>
          <p:cNvPr id="56" name="文本框 55">
            <a:extLst>
              <a:ext uri="{FF2B5EF4-FFF2-40B4-BE49-F238E27FC236}">
                <a16:creationId xmlns:a16="http://schemas.microsoft.com/office/drawing/2014/main" xmlns="" id="{41921FCC-178F-4AA3-B4F7-D3C392861D35}"/>
              </a:ext>
            </a:extLst>
          </p:cNvPr>
          <p:cNvSpPr txBox="1"/>
          <p:nvPr/>
        </p:nvSpPr>
        <p:spPr>
          <a:xfrm>
            <a:off x="6954799" y="3639235"/>
            <a:ext cx="1040606" cy="307777"/>
          </a:xfrm>
          <a:prstGeom prst="rect">
            <a:avLst/>
          </a:prstGeom>
          <a:noFill/>
        </p:spPr>
        <p:txBody>
          <a:bodyPr wrap="square" rtlCol="0">
            <a:spAutoFit/>
          </a:bodyPr>
          <a:lstStyle/>
          <a:p>
            <a:pPr algn="ctr"/>
            <a:r>
              <a:rPr lang="zh-CN" altLang="en-US" sz="1400" b="1" dirty="0">
                <a:solidFill>
                  <a:prstClr val="black"/>
                </a:solidFill>
              </a:rPr>
              <a:t>异常检测</a:t>
            </a:r>
          </a:p>
        </p:txBody>
      </p:sp>
      <p:sp>
        <p:nvSpPr>
          <p:cNvPr id="57" name="文本框 56">
            <a:extLst>
              <a:ext uri="{FF2B5EF4-FFF2-40B4-BE49-F238E27FC236}">
                <a16:creationId xmlns:a16="http://schemas.microsoft.com/office/drawing/2014/main" xmlns="" id="{3CE42286-DDFA-42FE-B293-26443B4E27A9}"/>
              </a:ext>
            </a:extLst>
          </p:cNvPr>
          <p:cNvSpPr txBox="1"/>
          <p:nvPr/>
        </p:nvSpPr>
        <p:spPr>
          <a:xfrm>
            <a:off x="9500962" y="3685216"/>
            <a:ext cx="1454150" cy="338554"/>
          </a:xfrm>
          <a:prstGeom prst="rect">
            <a:avLst/>
          </a:prstGeom>
          <a:noFill/>
        </p:spPr>
        <p:txBody>
          <a:bodyPr wrap="square" rtlCol="0">
            <a:spAutoFit/>
          </a:bodyPr>
          <a:lstStyle/>
          <a:p>
            <a:pPr algn="ctr"/>
            <a:r>
              <a:rPr lang="zh-CN" altLang="en-US" sz="1600" b="1" dirty="0">
                <a:solidFill>
                  <a:prstClr val="black"/>
                </a:solidFill>
              </a:rPr>
              <a:t>基于意图闭环</a:t>
            </a:r>
          </a:p>
        </p:txBody>
      </p:sp>
      <p:grpSp>
        <p:nvGrpSpPr>
          <p:cNvPr id="58" name="组合 1067">
            <a:extLst>
              <a:ext uri="{FF2B5EF4-FFF2-40B4-BE49-F238E27FC236}">
                <a16:creationId xmlns:a16="http://schemas.microsoft.com/office/drawing/2014/main" xmlns="" id="{F9C6BAD3-4167-4058-802E-EF8555588B90}"/>
              </a:ext>
            </a:extLst>
          </p:cNvPr>
          <p:cNvGrpSpPr/>
          <p:nvPr/>
        </p:nvGrpSpPr>
        <p:grpSpPr>
          <a:xfrm>
            <a:off x="8644185" y="3647017"/>
            <a:ext cx="464880" cy="302731"/>
            <a:chOff x="20949188" y="4261905"/>
            <a:chExt cx="1216988" cy="722908"/>
          </a:xfrm>
          <a:solidFill>
            <a:srgbClr val="C8102E"/>
          </a:solidFill>
        </p:grpSpPr>
        <p:sp>
          <p:nvSpPr>
            <p:cNvPr id="59" name="Freeform 53">
              <a:extLst>
                <a:ext uri="{FF2B5EF4-FFF2-40B4-BE49-F238E27FC236}">
                  <a16:creationId xmlns:a16="http://schemas.microsoft.com/office/drawing/2014/main" xmlns="" id="{3875612D-F9F4-4076-B8F9-FFB8F031FC0A}"/>
                </a:ext>
              </a:extLst>
            </p:cNvPr>
            <p:cNvSpPr>
              <a:spLocks/>
            </p:cNvSpPr>
            <p:nvPr/>
          </p:nvSpPr>
          <p:spPr bwMode="auto">
            <a:xfrm>
              <a:off x="20949188" y="4442177"/>
              <a:ext cx="279208" cy="349011"/>
            </a:xfrm>
            <a:custGeom>
              <a:avLst/>
              <a:gdLst>
                <a:gd name="T0" fmla="*/ 217 w 460"/>
                <a:gd name="T1" fmla="*/ 0 h 575"/>
                <a:gd name="T2" fmla="*/ 0 w 460"/>
                <a:gd name="T3" fmla="*/ 0 h 575"/>
                <a:gd name="T4" fmla="*/ 243 w 460"/>
                <a:gd name="T5" fmla="*/ 289 h 575"/>
                <a:gd name="T6" fmla="*/ 0 w 460"/>
                <a:gd name="T7" fmla="*/ 575 h 575"/>
                <a:gd name="T8" fmla="*/ 224 w 460"/>
                <a:gd name="T9" fmla="*/ 575 h 575"/>
                <a:gd name="T10" fmla="*/ 460 w 460"/>
                <a:gd name="T11" fmla="*/ 291 h 575"/>
                <a:gd name="T12" fmla="*/ 217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7" y="0"/>
                  </a:moveTo>
                  <a:lnTo>
                    <a:pt x="0" y="0"/>
                  </a:lnTo>
                  <a:lnTo>
                    <a:pt x="243" y="289"/>
                  </a:lnTo>
                  <a:lnTo>
                    <a:pt x="0" y="575"/>
                  </a:lnTo>
                  <a:lnTo>
                    <a:pt x="224" y="575"/>
                  </a:lnTo>
                  <a:lnTo>
                    <a:pt x="460" y="291"/>
                  </a:lnTo>
                  <a:lnTo>
                    <a:pt x="217" y="0"/>
                  </a:lnTo>
                  <a:close/>
                </a:path>
              </a:pathLst>
            </a:custGeom>
            <a:grpFill/>
            <a:ln w="9525" cap="flat" cmpd="sng" algn="ctr">
              <a:solidFill>
                <a:srgbClr val="EC7061"/>
              </a:solidFill>
              <a:prstDash val="solid"/>
              <a:round/>
              <a:headEnd type="none" w="med" len="med"/>
              <a:tailEnd type="none" w="med" len="med"/>
            </a:ln>
            <a:effectLst/>
          </p:spPr>
          <p:txBody>
            <a:bodyPr rtlCol="0" anchor="ctr"/>
            <a:lstStyle/>
            <a:p>
              <a:pPr algn="ctr"/>
              <a:endParaRPr kumimoji="1" lang="zh-CN" altLang="en-US" sz="1600">
                <a:solidFill>
                  <a:srgbClr val="C00000"/>
                </a:solidFill>
              </a:endParaRPr>
            </a:p>
          </p:txBody>
        </p:sp>
        <p:sp>
          <p:nvSpPr>
            <p:cNvPr id="60" name="Freeform 49">
              <a:extLst>
                <a:ext uri="{FF2B5EF4-FFF2-40B4-BE49-F238E27FC236}">
                  <a16:creationId xmlns:a16="http://schemas.microsoft.com/office/drawing/2014/main" xmlns="" id="{607088CE-0B40-4A60-9F00-7C25A14297B4}"/>
                </a:ext>
              </a:extLst>
            </p:cNvPr>
            <p:cNvSpPr>
              <a:spLocks/>
            </p:cNvSpPr>
            <p:nvPr/>
          </p:nvSpPr>
          <p:spPr bwMode="auto">
            <a:xfrm>
              <a:off x="21423870" y="4442177"/>
              <a:ext cx="277995" cy="349011"/>
            </a:xfrm>
            <a:custGeom>
              <a:avLst/>
              <a:gdLst>
                <a:gd name="T0" fmla="*/ 217 w 458"/>
                <a:gd name="T1" fmla="*/ 0 h 575"/>
                <a:gd name="T2" fmla="*/ 0 w 458"/>
                <a:gd name="T3" fmla="*/ 0 h 575"/>
                <a:gd name="T4" fmla="*/ 243 w 458"/>
                <a:gd name="T5" fmla="*/ 289 h 575"/>
                <a:gd name="T6" fmla="*/ 0 w 458"/>
                <a:gd name="T7" fmla="*/ 575 h 575"/>
                <a:gd name="T8" fmla="*/ 224 w 458"/>
                <a:gd name="T9" fmla="*/ 575 h 575"/>
                <a:gd name="T10" fmla="*/ 458 w 458"/>
                <a:gd name="T11" fmla="*/ 291 h 575"/>
                <a:gd name="T12" fmla="*/ 217 w 458"/>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58" h="575">
                  <a:moveTo>
                    <a:pt x="217" y="0"/>
                  </a:moveTo>
                  <a:lnTo>
                    <a:pt x="0" y="0"/>
                  </a:lnTo>
                  <a:lnTo>
                    <a:pt x="243" y="289"/>
                  </a:lnTo>
                  <a:lnTo>
                    <a:pt x="0" y="575"/>
                  </a:lnTo>
                  <a:lnTo>
                    <a:pt x="224" y="575"/>
                  </a:lnTo>
                  <a:lnTo>
                    <a:pt x="458" y="291"/>
                  </a:lnTo>
                  <a:lnTo>
                    <a:pt x="217" y="0"/>
                  </a:lnTo>
                  <a:close/>
                </a:path>
              </a:pathLst>
            </a:custGeom>
            <a:grpFill/>
            <a:ln w="9525" cap="flat" cmpd="sng" algn="ctr">
              <a:solidFill>
                <a:srgbClr val="EC7061"/>
              </a:solidFill>
              <a:prstDash val="solid"/>
              <a:round/>
              <a:headEnd type="none" w="med" len="med"/>
              <a:tailEnd type="none" w="med" len="med"/>
            </a:ln>
            <a:effectLst/>
          </p:spPr>
          <p:txBody>
            <a:bodyPr rtlCol="0" anchor="ctr"/>
            <a:lstStyle/>
            <a:p>
              <a:pPr algn="ctr"/>
              <a:endParaRPr kumimoji="1" lang="zh-CN" altLang="en-US" sz="1600">
                <a:solidFill>
                  <a:srgbClr val="C00000"/>
                </a:solidFill>
              </a:endParaRPr>
            </a:p>
          </p:txBody>
        </p:sp>
        <p:sp>
          <p:nvSpPr>
            <p:cNvPr id="61" name="Freeform 51">
              <a:extLst>
                <a:ext uri="{FF2B5EF4-FFF2-40B4-BE49-F238E27FC236}">
                  <a16:creationId xmlns:a16="http://schemas.microsoft.com/office/drawing/2014/main" xmlns="" id="{4527302C-43F6-4D78-9739-F71B53F21575}"/>
                </a:ext>
              </a:extLst>
            </p:cNvPr>
            <p:cNvSpPr>
              <a:spLocks/>
            </p:cNvSpPr>
            <p:nvPr/>
          </p:nvSpPr>
          <p:spPr bwMode="auto">
            <a:xfrm>
              <a:off x="21185913" y="4442177"/>
              <a:ext cx="279209" cy="349011"/>
            </a:xfrm>
            <a:custGeom>
              <a:avLst/>
              <a:gdLst>
                <a:gd name="T0" fmla="*/ 219 w 460"/>
                <a:gd name="T1" fmla="*/ 0 h 575"/>
                <a:gd name="T2" fmla="*/ 0 w 460"/>
                <a:gd name="T3" fmla="*/ 0 h 575"/>
                <a:gd name="T4" fmla="*/ 245 w 460"/>
                <a:gd name="T5" fmla="*/ 289 h 575"/>
                <a:gd name="T6" fmla="*/ 0 w 460"/>
                <a:gd name="T7" fmla="*/ 575 h 575"/>
                <a:gd name="T8" fmla="*/ 224 w 460"/>
                <a:gd name="T9" fmla="*/ 575 h 575"/>
                <a:gd name="T10" fmla="*/ 460 w 460"/>
                <a:gd name="T11" fmla="*/ 291 h 575"/>
                <a:gd name="T12" fmla="*/ 219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9" y="0"/>
                  </a:moveTo>
                  <a:lnTo>
                    <a:pt x="0" y="0"/>
                  </a:lnTo>
                  <a:lnTo>
                    <a:pt x="245" y="289"/>
                  </a:lnTo>
                  <a:lnTo>
                    <a:pt x="0" y="575"/>
                  </a:lnTo>
                  <a:lnTo>
                    <a:pt x="224" y="575"/>
                  </a:lnTo>
                  <a:lnTo>
                    <a:pt x="460" y="291"/>
                  </a:lnTo>
                  <a:lnTo>
                    <a:pt x="219" y="0"/>
                  </a:lnTo>
                  <a:close/>
                </a:path>
              </a:pathLst>
            </a:custGeom>
            <a:grpFill/>
            <a:ln w="9525" cap="flat" cmpd="sng" algn="ctr">
              <a:solidFill>
                <a:srgbClr val="EC7061"/>
              </a:solidFill>
              <a:prstDash val="solid"/>
              <a:round/>
              <a:headEnd type="none" w="med" len="med"/>
              <a:tailEnd type="none" w="med" len="med"/>
            </a:ln>
            <a:effectLst/>
          </p:spPr>
          <p:txBody>
            <a:bodyPr rtlCol="0" anchor="ctr"/>
            <a:lstStyle/>
            <a:p>
              <a:pPr algn="ctr"/>
              <a:endParaRPr kumimoji="1" lang="zh-CN" altLang="en-US" sz="1600">
                <a:solidFill>
                  <a:srgbClr val="C00000"/>
                </a:solidFill>
              </a:endParaRPr>
            </a:p>
          </p:txBody>
        </p:sp>
        <p:sp>
          <p:nvSpPr>
            <p:cNvPr id="62" name="Freeform 55">
              <a:extLst>
                <a:ext uri="{FF2B5EF4-FFF2-40B4-BE49-F238E27FC236}">
                  <a16:creationId xmlns:a16="http://schemas.microsoft.com/office/drawing/2014/main" xmlns="" id="{A6C4AE89-783F-410A-A979-48A3B20574C7}"/>
                </a:ext>
              </a:extLst>
            </p:cNvPr>
            <p:cNvSpPr>
              <a:spLocks/>
            </p:cNvSpPr>
            <p:nvPr/>
          </p:nvSpPr>
          <p:spPr bwMode="auto">
            <a:xfrm>
              <a:off x="21538566" y="4261905"/>
              <a:ext cx="461301" cy="722908"/>
            </a:xfrm>
            <a:custGeom>
              <a:avLst/>
              <a:gdLst>
                <a:gd name="T0" fmla="*/ 0 w 760"/>
                <a:gd name="T1" fmla="*/ 0 h 1191"/>
                <a:gd name="T2" fmla="*/ 269 w 760"/>
                <a:gd name="T3" fmla="*/ 0 h 1191"/>
                <a:gd name="T4" fmla="*/ 760 w 760"/>
                <a:gd name="T5" fmla="*/ 590 h 1191"/>
                <a:gd name="T6" fmla="*/ 269 w 760"/>
                <a:gd name="T7" fmla="*/ 1191 h 1191"/>
                <a:gd name="T8" fmla="*/ 0 w 760"/>
                <a:gd name="T9" fmla="*/ 1191 h 1191"/>
                <a:gd name="T10" fmla="*/ 446 w 760"/>
                <a:gd name="T11" fmla="*/ 583 h 1191"/>
                <a:gd name="T12" fmla="*/ 0 w 760"/>
                <a:gd name="T13" fmla="*/ 0 h 1191"/>
              </a:gdLst>
              <a:ahLst/>
              <a:cxnLst>
                <a:cxn ang="0">
                  <a:pos x="T0" y="T1"/>
                </a:cxn>
                <a:cxn ang="0">
                  <a:pos x="T2" y="T3"/>
                </a:cxn>
                <a:cxn ang="0">
                  <a:pos x="T4" y="T5"/>
                </a:cxn>
                <a:cxn ang="0">
                  <a:pos x="T6" y="T7"/>
                </a:cxn>
                <a:cxn ang="0">
                  <a:pos x="T8" y="T9"/>
                </a:cxn>
                <a:cxn ang="0">
                  <a:pos x="T10" y="T11"/>
                </a:cxn>
                <a:cxn ang="0">
                  <a:pos x="T12" y="T13"/>
                </a:cxn>
              </a:cxnLst>
              <a:rect l="0" t="0" r="r" b="b"/>
              <a:pathLst>
                <a:path w="760" h="1191">
                  <a:moveTo>
                    <a:pt x="0" y="0"/>
                  </a:moveTo>
                  <a:lnTo>
                    <a:pt x="269" y="0"/>
                  </a:lnTo>
                  <a:lnTo>
                    <a:pt x="760" y="590"/>
                  </a:lnTo>
                  <a:lnTo>
                    <a:pt x="269" y="1191"/>
                  </a:lnTo>
                  <a:lnTo>
                    <a:pt x="0" y="1191"/>
                  </a:lnTo>
                  <a:lnTo>
                    <a:pt x="446" y="583"/>
                  </a:lnTo>
                  <a:lnTo>
                    <a:pt x="0" y="0"/>
                  </a:lnTo>
                  <a:close/>
                </a:path>
              </a:pathLst>
            </a:custGeom>
            <a:grpFill/>
            <a:ln w="9525">
              <a:solidFill>
                <a:srgbClr val="EC7061"/>
              </a:solidFill>
              <a:round/>
              <a:headEnd/>
              <a:tailEnd/>
            </a:ln>
            <a:effectLst/>
          </p:spPr>
          <p:txBody>
            <a:bodyPr rtlCol="0" anchor="ctr"/>
            <a:lstStyle/>
            <a:p>
              <a:pPr algn="ctr"/>
              <a:endParaRPr kumimoji="1" lang="zh-CN" altLang="en-US" sz="1600">
                <a:solidFill>
                  <a:srgbClr val="C00000"/>
                </a:solidFill>
              </a:endParaRPr>
            </a:p>
          </p:txBody>
        </p:sp>
        <p:sp>
          <p:nvSpPr>
            <p:cNvPr id="63" name="Freeform 56">
              <a:extLst>
                <a:ext uri="{FF2B5EF4-FFF2-40B4-BE49-F238E27FC236}">
                  <a16:creationId xmlns:a16="http://schemas.microsoft.com/office/drawing/2014/main" xmlns="" id="{C6AE17E4-B80E-4DEE-AF4E-35DE656E0F8E}"/>
                </a:ext>
              </a:extLst>
            </p:cNvPr>
            <p:cNvSpPr>
              <a:spLocks/>
            </p:cNvSpPr>
            <p:nvPr/>
          </p:nvSpPr>
          <p:spPr bwMode="auto">
            <a:xfrm>
              <a:off x="21872401" y="4317748"/>
              <a:ext cx="293775" cy="599692"/>
            </a:xfrm>
            <a:custGeom>
              <a:avLst/>
              <a:gdLst>
                <a:gd name="T0" fmla="*/ 78 w 484"/>
                <a:gd name="T1" fmla="*/ 0 h 988"/>
                <a:gd name="T2" fmla="*/ 0 w 484"/>
                <a:gd name="T3" fmla="*/ 0 h 988"/>
                <a:gd name="T4" fmla="*/ 392 w 484"/>
                <a:gd name="T5" fmla="*/ 491 h 988"/>
                <a:gd name="T6" fmla="*/ 7 w 484"/>
                <a:gd name="T7" fmla="*/ 988 h 988"/>
                <a:gd name="T8" fmla="*/ 83 w 484"/>
                <a:gd name="T9" fmla="*/ 988 h 988"/>
                <a:gd name="T10" fmla="*/ 484 w 484"/>
                <a:gd name="T11" fmla="*/ 496 h 988"/>
                <a:gd name="T12" fmla="*/ 78 w 484"/>
                <a:gd name="T13" fmla="*/ 0 h 988"/>
              </a:gdLst>
              <a:ahLst/>
              <a:cxnLst>
                <a:cxn ang="0">
                  <a:pos x="T0" y="T1"/>
                </a:cxn>
                <a:cxn ang="0">
                  <a:pos x="T2" y="T3"/>
                </a:cxn>
                <a:cxn ang="0">
                  <a:pos x="T4" y="T5"/>
                </a:cxn>
                <a:cxn ang="0">
                  <a:pos x="T6" y="T7"/>
                </a:cxn>
                <a:cxn ang="0">
                  <a:pos x="T8" y="T9"/>
                </a:cxn>
                <a:cxn ang="0">
                  <a:pos x="T10" y="T11"/>
                </a:cxn>
                <a:cxn ang="0">
                  <a:pos x="T12" y="T13"/>
                </a:cxn>
              </a:cxnLst>
              <a:rect l="0" t="0" r="r" b="b"/>
              <a:pathLst>
                <a:path w="484" h="988">
                  <a:moveTo>
                    <a:pt x="78" y="0"/>
                  </a:moveTo>
                  <a:lnTo>
                    <a:pt x="0" y="0"/>
                  </a:lnTo>
                  <a:lnTo>
                    <a:pt x="392" y="491"/>
                  </a:lnTo>
                  <a:lnTo>
                    <a:pt x="7" y="988"/>
                  </a:lnTo>
                  <a:lnTo>
                    <a:pt x="83" y="988"/>
                  </a:lnTo>
                  <a:lnTo>
                    <a:pt x="484" y="496"/>
                  </a:lnTo>
                  <a:lnTo>
                    <a:pt x="78" y="0"/>
                  </a:lnTo>
                  <a:close/>
                </a:path>
              </a:pathLst>
            </a:custGeom>
            <a:grpFill/>
            <a:ln w="9525" cap="flat" cmpd="sng" algn="ctr">
              <a:solidFill>
                <a:srgbClr val="EC7061"/>
              </a:solidFill>
              <a:prstDash val="solid"/>
              <a:round/>
              <a:headEnd type="none" w="med" len="med"/>
              <a:tailEnd type="none" w="med" len="med"/>
            </a:ln>
            <a:effectLst/>
          </p:spPr>
          <p:txBody>
            <a:bodyPr rtlCol="0" anchor="ctr"/>
            <a:lstStyle/>
            <a:p>
              <a:pPr algn="ctr"/>
              <a:endParaRPr kumimoji="1" lang="zh-CN" altLang="en-US" sz="1600">
                <a:solidFill>
                  <a:srgbClr val="C00000"/>
                </a:solidFill>
              </a:endParaRPr>
            </a:p>
          </p:txBody>
        </p:sp>
      </p:grpSp>
      <p:grpSp>
        <p:nvGrpSpPr>
          <p:cNvPr id="64" name="组合 1067">
            <a:extLst>
              <a:ext uri="{FF2B5EF4-FFF2-40B4-BE49-F238E27FC236}">
                <a16:creationId xmlns:a16="http://schemas.microsoft.com/office/drawing/2014/main" xmlns="" id="{77C926E5-B049-41D6-BB0D-0605EA37BDF6}"/>
              </a:ext>
            </a:extLst>
          </p:cNvPr>
          <p:cNvGrpSpPr/>
          <p:nvPr/>
        </p:nvGrpSpPr>
        <p:grpSpPr>
          <a:xfrm>
            <a:off x="6039850" y="3638783"/>
            <a:ext cx="464880" cy="288085"/>
            <a:chOff x="20949188" y="4261905"/>
            <a:chExt cx="1216988" cy="722908"/>
          </a:xfrm>
          <a:solidFill>
            <a:srgbClr val="C8102E"/>
          </a:solidFill>
        </p:grpSpPr>
        <p:sp>
          <p:nvSpPr>
            <p:cNvPr id="65" name="Freeform 53">
              <a:extLst>
                <a:ext uri="{FF2B5EF4-FFF2-40B4-BE49-F238E27FC236}">
                  <a16:creationId xmlns:a16="http://schemas.microsoft.com/office/drawing/2014/main" xmlns="" id="{D41A7B4C-191D-4187-96B3-12C8F2BD5BB8}"/>
                </a:ext>
              </a:extLst>
            </p:cNvPr>
            <p:cNvSpPr>
              <a:spLocks/>
            </p:cNvSpPr>
            <p:nvPr/>
          </p:nvSpPr>
          <p:spPr bwMode="auto">
            <a:xfrm>
              <a:off x="20949188" y="4442177"/>
              <a:ext cx="279208" cy="349011"/>
            </a:xfrm>
            <a:custGeom>
              <a:avLst/>
              <a:gdLst>
                <a:gd name="T0" fmla="*/ 217 w 460"/>
                <a:gd name="T1" fmla="*/ 0 h 575"/>
                <a:gd name="T2" fmla="*/ 0 w 460"/>
                <a:gd name="T3" fmla="*/ 0 h 575"/>
                <a:gd name="T4" fmla="*/ 243 w 460"/>
                <a:gd name="T5" fmla="*/ 289 h 575"/>
                <a:gd name="T6" fmla="*/ 0 w 460"/>
                <a:gd name="T7" fmla="*/ 575 h 575"/>
                <a:gd name="T8" fmla="*/ 224 w 460"/>
                <a:gd name="T9" fmla="*/ 575 h 575"/>
                <a:gd name="T10" fmla="*/ 460 w 460"/>
                <a:gd name="T11" fmla="*/ 291 h 575"/>
                <a:gd name="T12" fmla="*/ 217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7" y="0"/>
                  </a:moveTo>
                  <a:lnTo>
                    <a:pt x="0" y="0"/>
                  </a:lnTo>
                  <a:lnTo>
                    <a:pt x="243" y="289"/>
                  </a:lnTo>
                  <a:lnTo>
                    <a:pt x="0" y="575"/>
                  </a:lnTo>
                  <a:lnTo>
                    <a:pt x="224" y="575"/>
                  </a:lnTo>
                  <a:lnTo>
                    <a:pt x="460" y="291"/>
                  </a:lnTo>
                  <a:lnTo>
                    <a:pt x="217" y="0"/>
                  </a:lnTo>
                  <a:close/>
                </a:path>
              </a:pathLst>
            </a:custGeom>
            <a:grpFill/>
            <a:ln w="9525" cap="flat" cmpd="sng" algn="ctr">
              <a:noFill/>
              <a:prstDash val="solid"/>
              <a:round/>
              <a:headEnd type="none" w="med" len="med"/>
              <a:tailEnd type="none" w="med" len="med"/>
            </a:ln>
            <a:effectLst/>
          </p:spPr>
          <p:txBody>
            <a:bodyPr rtlCol="0" anchor="ctr"/>
            <a:lstStyle/>
            <a:p>
              <a:pPr algn="ctr"/>
              <a:endParaRPr kumimoji="1" lang="zh-CN" altLang="en-US" sz="1600">
                <a:solidFill>
                  <a:srgbClr val="C00000"/>
                </a:solidFill>
              </a:endParaRPr>
            </a:p>
          </p:txBody>
        </p:sp>
        <p:sp>
          <p:nvSpPr>
            <p:cNvPr id="66" name="Freeform 49">
              <a:extLst>
                <a:ext uri="{FF2B5EF4-FFF2-40B4-BE49-F238E27FC236}">
                  <a16:creationId xmlns:a16="http://schemas.microsoft.com/office/drawing/2014/main" xmlns="" id="{EC8CA5FF-30CF-4B25-BEF5-69146E0EBAD5}"/>
                </a:ext>
              </a:extLst>
            </p:cNvPr>
            <p:cNvSpPr>
              <a:spLocks/>
            </p:cNvSpPr>
            <p:nvPr/>
          </p:nvSpPr>
          <p:spPr bwMode="auto">
            <a:xfrm>
              <a:off x="21423870" y="4442177"/>
              <a:ext cx="277995" cy="349011"/>
            </a:xfrm>
            <a:custGeom>
              <a:avLst/>
              <a:gdLst>
                <a:gd name="T0" fmla="*/ 217 w 458"/>
                <a:gd name="T1" fmla="*/ 0 h 575"/>
                <a:gd name="T2" fmla="*/ 0 w 458"/>
                <a:gd name="T3" fmla="*/ 0 h 575"/>
                <a:gd name="T4" fmla="*/ 243 w 458"/>
                <a:gd name="T5" fmla="*/ 289 h 575"/>
                <a:gd name="T6" fmla="*/ 0 w 458"/>
                <a:gd name="T7" fmla="*/ 575 h 575"/>
                <a:gd name="T8" fmla="*/ 224 w 458"/>
                <a:gd name="T9" fmla="*/ 575 h 575"/>
                <a:gd name="T10" fmla="*/ 458 w 458"/>
                <a:gd name="T11" fmla="*/ 291 h 575"/>
                <a:gd name="T12" fmla="*/ 217 w 458"/>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58" h="575">
                  <a:moveTo>
                    <a:pt x="217" y="0"/>
                  </a:moveTo>
                  <a:lnTo>
                    <a:pt x="0" y="0"/>
                  </a:lnTo>
                  <a:lnTo>
                    <a:pt x="243" y="289"/>
                  </a:lnTo>
                  <a:lnTo>
                    <a:pt x="0" y="575"/>
                  </a:lnTo>
                  <a:lnTo>
                    <a:pt x="224" y="575"/>
                  </a:lnTo>
                  <a:lnTo>
                    <a:pt x="458" y="291"/>
                  </a:lnTo>
                  <a:lnTo>
                    <a:pt x="217" y="0"/>
                  </a:lnTo>
                  <a:close/>
                </a:path>
              </a:pathLst>
            </a:custGeom>
            <a:grpFill/>
            <a:ln w="9525" cap="flat" cmpd="sng" algn="ctr">
              <a:noFill/>
              <a:prstDash val="solid"/>
              <a:round/>
              <a:headEnd type="none" w="med" len="med"/>
              <a:tailEnd type="none" w="med" len="med"/>
            </a:ln>
            <a:effectLst/>
          </p:spPr>
          <p:txBody>
            <a:bodyPr rtlCol="0" anchor="ctr"/>
            <a:lstStyle/>
            <a:p>
              <a:pPr algn="ctr"/>
              <a:endParaRPr kumimoji="1" lang="zh-CN" altLang="en-US" sz="1600">
                <a:solidFill>
                  <a:srgbClr val="C00000"/>
                </a:solidFill>
              </a:endParaRPr>
            </a:p>
          </p:txBody>
        </p:sp>
        <p:sp>
          <p:nvSpPr>
            <p:cNvPr id="67" name="Freeform 51">
              <a:extLst>
                <a:ext uri="{FF2B5EF4-FFF2-40B4-BE49-F238E27FC236}">
                  <a16:creationId xmlns:a16="http://schemas.microsoft.com/office/drawing/2014/main" xmlns="" id="{CDE1166D-55BA-4375-84E6-4A6D759F95E4}"/>
                </a:ext>
              </a:extLst>
            </p:cNvPr>
            <p:cNvSpPr>
              <a:spLocks/>
            </p:cNvSpPr>
            <p:nvPr/>
          </p:nvSpPr>
          <p:spPr bwMode="auto">
            <a:xfrm>
              <a:off x="21185913" y="4442177"/>
              <a:ext cx="279209" cy="349011"/>
            </a:xfrm>
            <a:custGeom>
              <a:avLst/>
              <a:gdLst>
                <a:gd name="T0" fmla="*/ 219 w 460"/>
                <a:gd name="T1" fmla="*/ 0 h 575"/>
                <a:gd name="T2" fmla="*/ 0 w 460"/>
                <a:gd name="T3" fmla="*/ 0 h 575"/>
                <a:gd name="T4" fmla="*/ 245 w 460"/>
                <a:gd name="T5" fmla="*/ 289 h 575"/>
                <a:gd name="T6" fmla="*/ 0 w 460"/>
                <a:gd name="T7" fmla="*/ 575 h 575"/>
                <a:gd name="T8" fmla="*/ 224 w 460"/>
                <a:gd name="T9" fmla="*/ 575 h 575"/>
                <a:gd name="T10" fmla="*/ 460 w 460"/>
                <a:gd name="T11" fmla="*/ 291 h 575"/>
                <a:gd name="T12" fmla="*/ 219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9" y="0"/>
                  </a:moveTo>
                  <a:lnTo>
                    <a:pt x="0" y="0"/>
                  </a:lnTo>
                  <a:lnTo>
                    <a:pt x="245" y="289"/>
                  </a:lnTo>
                  <a:lnTo>
                    <a:pt x="0" y="575"/>
                  </a:lnTo>
                  <a:lnTo>
                    <a:pt x="224" y="575"/>
                  </a:lnTo>
                  <a:lnTo>
                    <a:pt x="460" y="291"/>
                  </a:lnTo>
                  <a:lnTo>
                    <a:pt x="219" y="0"/>
                  </a:lnTo>
                  <a:close/>
                </a:path>
              </a:pathLst>
            </a:custGeom>
            <a:grpFill/>
            <a:ln w="9525" cap="flat" cmpd="sng" algn="ctr">
              <a:noFill/>
              <a:prstDash val="solid"/>
              <a:round/>
              <a:headEnd type="none" w="med" len="med"/>
              <a:tailEnd type="none" w="med" len="med"/>
            </a:ln>
            <a:effectLst/>
          </p:spPr>
          <p:txBody>
            <a:bodyPr rtlCol="0" anchor="ctr"/>
            <a:lstStyle/>
            <a:p>
              <a:pPr algn="ctr"/>
              <a:endParaRPr kumimoji="1" lang="zh-CN" altLang="en-US" sz="1600">
                <a:solidFill>
                  <a:srgbClr val="C00000"/>
                </a:solidFill>
              </a:endParaRPr>
            </a:p>
          </p:txBody>
        </p:sp>
        <p:sp>
          <p:nvSpPr>
            <p:cNvPr id="68" name="Freeform 55">
              <a:extLst>
                <a:ext uri="{FF2B5EF4-FFF2-40B4-BE49-F238E27FC236}">
                  <a16:creationId xmlns:a16="http://schemas.microsoft.com/office/drawing/2014/main" xmlns="" id="{09E93DCC-2A42-4A45-BAAD-AD8362CEDAA1}"/>
                </a:ext>
              </a:extLst>
            </p:cNvPr>
            <p:cNvSpPr>
              <a:spLocks/>
            </p:cNvSpPr>
            <p:nvPr/>
          </p:nvSpPr>
          <p:spPr bwMode="auto">
            <a:xfrm>
              <a:off x="21538566" y="4261905"/>
              <a:ext cx="461301" cy="722908"/>
            </a:xfrm>
            <a:custGeom>
              <a:avLst/>
              <a:gdLst>
                <a:gd name="T0" fmla="*/ 0 w 760"/>
                <a:gd name="T1" fmla="*/ 0 h 1191"/>
                <a:gd name="T2" fmla="*/ 269 w 760"/>
                <a:gd name="T3" fmla="*/ 0 h 1191"/>
                <a:gd name="T4" fmla="*/ 760 w 760"/>
                <a:gd name="T5" fmla="*/ 590 h 1191"/>
                <a:gd name="T6" fmla="*/ 269 w 760"/>
                <a:gd name="T7" fmla="*/ 1191 h 1191"/>
                <a:gd name="T8" fmla="*/ 0 w 760"/>
                <a:gd name="T9" fmla="*/ 1191 h 1191"/>
                <a:gd name="T10" fmla="*/ 446 w 760"/>
                <a:gd name="T11" fmla="*/ 583 h 1191"/>
                <a:gd name="T12" fmla="*/ 0 w 760"/>
                <a:gd name="T13" fmla="*/ 0 h 1191"/>
              </a:gdLst>
              <a:ahLst/>
              <a:cxnLst>
                <a:cxn ang="0">
                  <a:pos x="T0" y="T1"/>
                </a:cxn>
                <a:cxn ang="0">
                  <a:pos x="T2" y="T3"/>
                </a:cxn>
                <a:cxn ang="0">
                  <a:pos x="T4" y="T5"/>
                </a:cxn>
                <a:cxn ang="0">
                  <a:pos x="T6" y="T7"/>
                </a:cxn>
                <a:cxn ang="0">
                  <a:pos x="T8" y="T9"/>
                </a:cxn>
                <a:cxn ang="0">
                  <a:pos x="T10" y="T11"/>
                </a:cxn>
                <a:cxn ang="0">
                  <a:pos x="T12" y="T13"/>
                </a:cxn>
              </a:cxnLst>
              <a:rect l="0" t="0" r="r" b="b"/>
              <a:pathLst>
                <a:path w="760" h="1191">
                  <a:moveTo>
                    <a:pt x="0" y="0"/>
                  </a:moveTo>
                  <a:lnTo>
                    <a:pt x="269" y="0"/>
                  </a:lnTo>
                  <a:lnTo>
                    <a:pt x="760" y="590"/>
                  </a:lnTo>
                  <a:lnTo>
                    <a:pt x="269" y="1191"/>
                  </a:lnTo>
                  <a:lnTo>
                    <a:pt x="0" y="1191"/>
                  </a:lnTo>
                  <a:lnTo>
                    <a:pt x="446" y="583"/>
                  </a:lnTo>
                  <a:lnTo>
                    <a:pt x="0" y="0"/>
                  </a:lnTo>
                  <a:close/>
                </a:path>
              </a:pathLst>
            </a:custGeom>
            <a:grpFill/>
            <a:ln w="9525">
              <a:noFill/>
              <a:round/>
              <a:headEnd/>
              <a:tailEnd/>
            </a:ln>
            <a:effectLst/>
          </p:spPr>
          <p:txBody>
            <a:bodyPr rtlCol="0" anchor="ctr"/>
            <a:lstStyle/>
            <a:p>
              <a:pPr algn="ctr"/>
              <a:endParaRPr kumimoji="1" lang="zh-CN" altLang="en-US" sz="1600">
                <a:solidFill>
                  <a:srgbClr val="C00000"/>
                </a:solidFill>
              </a:endParaRPr>
            </a:p>
          </p:txBody>
        </p:sp>
        <p:sp>
          <p:nvSpPr>
            <p:cNvPr id="69" name="Freeform 56">
              <a:extLst>
                <a:ext uri="{FF2B5EF4-FFF2-40B4-BE49-F238E27FC236}">
                  <a16:creationId xmlns:a16="http://schemas.microsoft.com/office/drawing/2014/main" xmlns="" id="{1EE0000F-4922-40E5-B76C-922E811C18CD}"/>
                </a:ext>
              </a:extLst>
            </p:cNvPr>
            <p:cNvSpPr>
              <a:spLocks/>
            </p:cNvSpPr>
            <p:nvPr/>
          </p:nvSpPr>
          <p:spPr bwMode="auto">
            <a:xfrm>
              <a:off x="21872401" y="4317748"/>
              <a:ext cx="293775" cy="599692"/>
            </a:xfrm>
            <a:custGeom>
              <a:avLst/>
              <a:gdLst>
                <a:gd name="T0" fmla="*/ 78 w 484"/>
                <a:gd name="T1" fmla="*/ 0 h 988"/>
                <a:gd name="T2" fmla="*/ 0 w 484"/>
                <a:gd name="T3" fmla="*/ 0 h 988"/>
                <a:gd name="T4" fmla="*/ 392 w 484"/>
                <a:gd name="T5" fmla="*/ 491 h 988"/>
                <a:gd name="T6" fmla="*/ 7 w 484"/>
                <a:gd name="T7" fmla="*/ 988 h 988"/>
                <a:gd name="T8" fmla="*/ 83 w 484"/>
                <a:gd name="T9" fmla="*/ 988 h 988"/>
                <a:gd name="T10" fmla="*/ 484 w 484"/>
                <a:gd name="T11" fmla="*/ 496 h 988"/>
                <a:gd name="T12" fmla="*/ 78 w 484"/>
                <a:gd name="T13" fmla="*/ 0 h 988"/>
              </a:gdLst>
              <a:ahLst/>
              <a:cxnLst>
                <a:cxn ang="0">
                  <a:pos x="T0" y="T1"/>
                </a:cxn>
                <a:cxn ang="0">
                  <a:pos x="T2" y="T3"/>
                </a:cxn>
                <a:cxn ang="0">
                  <a:pos x="T4" y="T5"/>
                </a:cxn>
                <a:cxn ang="0">
                  <a:pos x="T6" y="T7"/>
                </a:cxn>
                <a:cxn ang="0">
                  <a:pos x="T8" y="T9"/>
                </a:cxn>
                <a:cxn ang="0">
                  <a:pos x="T10" y="T11"/>
                </a:cxn>
                <a:cxn ang="0">
                  <a:pos x="T12" y="T13"/>
                </a:cxn>
              </a:cxnLst>
              <a:rect l="0" t="0" r="r" b="b"/>
              <a:pathLst>
                <a:path w="484" h="988">
                  <a:moveTo>
                    <a:pt x="78" y="0"/>
                  </a:moveTo>
                  <a:lnTo>
                    <a:pt x="0" y="0"/>
                  </a:lnTo>
                  <a:lnTo>
                    <a:pt x="392" y="491"/>
                  </a:lnTo>
                  <a:lnTo>
                    <a:pt x="7" y="988"/>
                  </a:lnTo>
                  <a:lnTo>
                    <a:pt x="83" y="988"/>
                  </a:lnTo>
                  <a:lnTo>
                    <a:pt x="484" y="496"/>
                  </a:lnTo>
                  <a:lnTo>
                    <a:pt x="78" y="0"/>
                  </a:lnTo>
                  <a:close/>
                </a:path>
              </a:pathLst>
            </a:custGeom>
            <a:grpFill/>
            <a:ln w="9525" cap="flat" cmpd="sng" algn="ctr">
              <a:noFill/>
              <a:prstDash val="solid"/>
              <a:round/>
              <a:headEnd type="none" w="med" len="med"/>
              <a:tailEnd type="none" w="med" len="med"/>
            </a:ln>
            <a:effectLst/>
          </p:spPr>
          <p:txBody>
            <a:bodyPr rtlCol="0" anchor="ctr"/>
            <a:lstStyle/>
            <a:p>
              <a:pPr algn="ctr"/>
              <a:endParaRPr kumimoji="1" lang="zh-CN" altLang="en-US" sz="1600">
                <a:solidFill>
                  <a:srgbClr val="C00000"/>
                </a:solidFill>
              </a:endParaRPr>
            </a:p>
          </p:txBody>
        </p:sp>
      </p:grpSp>
      <p:sp>
        <p:nvSpPr>
          <p:cNvPr id="70" name="圆角矩形 141">
            <a:extLst>
              <a:ext uri="{FF2B5EF4-FFF2-40B4-BE49-F238E27FC236}">
                <a16:creationId xmlns:a16="http://schemas.microsoft.com/office/drawing/2014/main" xmlns="" id="{ADC1B45A-C94E-4131-A5F1-ED3266BA79FE}"/>
              </a:ext>
            </a:extLst>
          </p:cNvPr>
          <p:cNvSpPr/>
          <p:nvPr/>
        </p:nvSpPr>
        <p:spPr>
          <a:xfrm>
            <a:off x="4019899" y="5278396"/>
            <a:ext cx="1296388" cy="342106"/>
          </a:xfrm>
          <a:prstGeom prst="roundRect">
            <a:avLst/>
          </a:prstGeom>
          <a:solidFill>
            <a:schemeClr val="accent1"/>
          </a:solidFill>
          <a:ln w="12700" cap="flat" cmpd="sng" algn="ctr">
            <a:noFill/>
            <a:prstDash val="solid"/>
            <a:miter lim="800000"/>
          </a:ln>
          <a:effectLst/>
        </p:spPr>
        <p:txBody>
          <a:bodyPr rtlCol="0" anchor="ctr"/>
          <a:lstStyle/>
          <a:p>
            <a:pPr algn="ctr" defTabSz="685859"/>
            <a:r>
              <a:rPr lang="zh-CN" altLang="en-US" sz="1600" kern="0" dirty="0">
                <a:solidFill>
                  <a:schemeClr val="bg1"/>
                </a:solidFill>
              </a:rPr>
              <a:t>  数据清洗  </a:t>
            </a:r>
          </a:p>
        </p:txBody>
      </p:sp>
      <p:grpSp>
        <p:nvGrpSpPr>
          <p:cNvPr id="71" name="组合 70">
            <a:extLst>
              <a:ext uri="{FF2B5EF4-FFF2-40B4-BE49-F238E27FC236}">
                <a16:creationId xmlns:a16="http://schemas.microsoft.com/office/drawing/2014/main" xmlns="" id="{1858DAAA-ED7A-4F16-835F-0FD4392CB065}"/>
              </a:ext>
            </a:extLst>
          </p:cNvPr>
          <p:cNvGrpSpPr/>
          <p:nvPr/>
        </p:nvGrpSpPr>
        <p:grpSpPr bwMode="ltGray">
          <a:xfrm>
            <a:off x="6587858" y="2574155"/>
            <a:ext cx="1848925" cy="953705"/>
            <a:chOff x="6831870" y="412020"/>
            <a:chExt cx="2020847" cy="1062532"/>
          </a:xfrm>
        </p:grpSpPr>
        <p:sp>
          <p:nvSpPr>
            <p:cNvPr id="72" name="椭圆 71">
              <a:extLst>
                <a:ext uri="{FF2B5EF4-FFF2-40B4-BE49-F238E27FC236}">
                  <a16:creationId xmlns:a16="http://schemas.microsoft.com/office/drawing/2014/main" xmlns="" id="{121B2D46-11E1-4AB1-8B6A-33BFFDD34B33}"/>
                </a:ext>
              </a:extLst>
            </p:cNvPr>
            <p:cNvSpPr/>
            <p:nvPr/>
          </p:nvSpPr>
          <p:spPr bwMode="ltGray">
            <a:xfrm>
              <a:off x="6878792" y="448839"/>
              <a:ext cx="377894" cy="377894"/>
            </a:xfrm>
            <a:prstGeom prst="ellipse">
              <a:avLst/>
            </a:prstGeom>
            <a:solidFill>
              <a:srgbClr val="FF000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a:ln>
                  <a:noFill/>
                </a:ln>
                <a:solidFill>
                  <a:prstClr val="black">
                    <a:lumMod val="75000"/>
                    <a:lumOff val="25000"/>
                  </a:prstClr>
                </a:solidFill>
                <a:effectLst/>
                <a:uLnTx/>
                <a:uFillTx/>
              </a:endParaRPr>
            </a:p>
          </p:txBody>
        </p:sp>
        <p:sp>
          <p:nvSpPr>
            <p:cNvPr id="73" name="文本框 72">
              <a:extLst>
                <a:ext uri="{FF2B5EF4-FFF2-40B4-BE49-F238E27FC236}">
                  <a16:creationId xmlns:a16="http://schemas.microsoft.com/office/drawing/2014/main" xmlns="" id="{44A04243-E3BC-4906-B862-FBFA18870859}"/>
                </a:ext>
              </a:extLst>
            </p:cNvPr>
            <p:cNvSpPr txBox="1"/>
            <p:nvPr/>
          </p:nvSpPr>
          <p:spPr bwMode="ltGray">
            <a:xfrm>
              <a:off x="6872322" y="450381"/>
              <a:ext cx="528622" cy="377186"/>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a:ln>
                    <a:noFill/>
                  </a:ln>
                  <a:solidFill>
                    <a:schemeClr val="bg1"/>
                  </a:solidFill>
                  <a:effectLst/>
                  <a:uLnTx/>
                  <a:uFillTx/>
                </a:rPr>
                <a:t>BGP</a:t>
              </a:r>
            </a:p>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a:ln>
                    <a:noFill/>
                  </a:ln>
                  <a:solidFill>
                    <a:schemeClr val="bg1"/>
                  </a:solidFill>
                  <a:effectLst/>
                  <a:uLnTx/>
                  <a:uFillTx/>
                </a:rPr>
                <a:t>震荡</a:t>
              </a:r>
            </a:p>
          </p:txBody>
        </p:sp>
        <p:sp>
          <p:nvSpPr>
            <p:cNvPr id="74" name="椭圆 73">
              <a:extLst>
                <a:ext uri="{FF2B5EF4-FFF2-40B4-BE49-F238E27FC236}">
                  <a16:creationId xmlns:a16="http://schemas.microsoft.com/office/drawing/2014/main" xmlns="" id="{5785B552-50B7-42E6-82B7-2941E5974ADC}"/>
                </a:ext>
              </a:extLst>
            </p:cNvPr>
            <p:cNvSpPr/>
            <p:nvPr/>
          </p:nvSpPr>
          <p:spPr bwMode="ltGray">
            <a:xfrm>
              <a:off x="7511991" y="412020"/>
              <a:ext cx="377894" cy="377894"/>
            </a:xfrm>
            <a:prstGeom prst="ellipse">
              <a:avLst/>
            </a:prstGeom>
            <a:solidFill>
              <a:srgbClr val="92D05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a:ln>
                  <a:noFill/>
                </a:ln>
                <a:solidFill>
                  <a:prstClr val="black">
                    <a:lumMod val="75000"/>
                    <a:lumOff val="25000"/>
                  </a:prstClr>
                </a:solidFill>
                <a:effectLst/>
                <a:uLnTx/>
                <a:uFillTx/>
              </a:endParaRPr>
            </a:p>
          </p:txBody>
        </p:sp>
        <p:sp>
          <p:nvSpPr>
            <p:cNvPr id="75" name="文本框 74">
              <a:extLst>
                <a:ext uri="{FF2B5EF4-FFF2-40B4-BE49-F238E27FC236}">
                  <a16:creationId xmlns:a16="http://schemas.microsoft.com/office/drawing/2014/main" xmlns="" id="{0833138B-99C2-4DBA-B6E3-32B257CA981D}"/>
                </a:ext>
              </a:extLst>
            </p:cNvPr>
            <p:cNvSpPr txBox="1"/>
            <p:nvPr/>
          </p:nvSpPr>
          <p:spPr bwMode="ltGray">
            <a:xfrm>
              <a:off x="7490762" y="419768"/>
              <a:ext cx="694998" cy="377186"/>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a:ln>
                    <a:noFill/>
                  </a:ln>
                  <a:solidFill>
                    <a:schemeClr val="bg1"/>
                  </a:solidFill>
                  <a:effectLst/>
                  <a:uLnTx/>
                  <a:uFillTx/>
                </a:rPr>
                <a:t>OSPF</a:t>
              </a:r>
            </a:p>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a:ln>
                    <a:noFill/>
                  </a:ln>
                  <a:solidFill>
                    <a:schemeClr val="bg1"/>
                  </a:solidFill>
                  <a:effectLst/>
                  <a:uLnTx/>
                  <a:uFillTx/>
                </a:rPr>
                <a:t>震荡</a:t>
              </a:r>
            </a:p>
          </p:txBody>
        </p:sp>
        <p:sp>
          <p:nvSpPr>
            <p:cNvPr id="76" name="椭圆 75">
              <a:extLst>
                <a:ext uri="{FF2B5EF4-FFF2-40B4-BE49-F238E27FC236}">
                  <a16:creationId xmlns:a16="http://schemas.microsoft.com/office/drawing/2014/main" xmlns="" id="{921C6497-08B1-424C-B17D-E5134B41B171}"/>
                </a:ext>
              </a:extLst>
            </p:cNvPr>
            <p:cNvSpPr/>
            <p:nvPr/>
          </p:nvSpPr>
          <p:spPr bwMode="ltGray">
            <a:xfrm>
              <a:off x="7415019" y="934703"/>
              <a:ext cx="377894" cy="377894"/>
            </a:xfrm>
            <a:prstGeom prst="ellipse">
              <a:avLst/>
            </a:prstGeom>
            <a:solidFill>
              <a:srgbClr val="FF000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a:ln>
                  <a:noFill/>
                </a:ln>
                <a:solidFill>
                  <a:prstClr val="black">
                    <a:lumMod val="75000"/>
                    <a:lumOff val="25000"/>
                  </a:prstClr>
                </a:solidFill>
                <a:effectLst/>
                <a:uLnTx/>
                <a:uFillTx/>
              </a:endParaRPr>
            </a:p>
          </p:txBody>
        </p:sp>
        <p:sp>
          <p:nvSpPr>
            <p:cNvPr id="77" name="文本框 76">
              <a:extLst>
                <a:ext uri="{FF2B5EF4-FFF2-40B4-BE49-F238E27FC236}">
                  <a16:creationId xmlns:a16="http://schemas.microsoft.com/office/drawing/2014/main" xmlns="" id="{7CCC76FD-367E-4BC3-BEA2-34ED6AA9FC34}"/>
                </a:ext>
              </a:extLst>
            </p:cNvPr>
            <p:cNvSpPr txBox="1"/>
            <p:nvPr/>
          </p:nvSpPr>
          <p:spPr bwMode="ltGray">
            <a:xfrm>
              <a:off x="7404562" y="954980"/>
              <a:ext cx="532490" cy="377186"/>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a:ln>
                    <a:noFill/>
                  </a:ln>
                  <a:solidFill>
                    <a:schemeClr val="bg1"/>
                  </a:solidFill>
                  <a:effectLst/>
                  <a:uLnTx/>
                  <a:uFillTx/>
                </a:rPr>
                <a:t>ISIS</a:t>
              </a:r>
            </a:p>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a:ln>
                    <a:noFill/>
                  </a:ln>
                  <a:solidFill>
                    <a:schemeClr val="bg1"/>
                  </a:solidFill>
                  <a:effectLst/>
                  <a:uLnTx/>
                  <a:uFillTx/>
                </a:rPr>
                <a:t>震荡</a:t>
              </a:r>
            </a:p>
          </p:txBody>
        </p:sp>
        <p:sp>
          <p:nvSpPr>
            <p:cNvPr id="78" name="椭圆 77">
              <a:extLst>
                <a:ext uri="{FF2B5EF4-FFF2-40B4-BE49-F238E27FC236}">
                  <a16:creationId xmlns:a16="http://schemas.microsoft.com/office/drawing/2014/main" xmlns="" id="{5686A969-1D70-48E6-97C9-B4AF70732E90}"/>
                </a:ext>
              </a:extLst>
            </p:cNvPr>
            <p:cNvSpPr/>
            <p:nvPr/>
          </p:nvSpPr>
          <p:spPr bwMode="ltGray">
            <a:xfrm>
              <a:off x="8321764" y="493139"/>
              <a:ext cx="377894" cy="377894"/>
            </a:xfrm>
            <a:prstGeom prst="ellipse">
              <a:avLst/>
            </a:prstGeom>
            <a:solidFill>
              <a:srgbClr val="FF000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a:ln>
                  <a:noFill/>
                </a:ln>
                <a:solidFill>
                  <a:prstClr val="black">
                    <a:lumMod val="75000"/>
                    <a:lumOff val="25000"/>
                  </a:prstClr>
                </a:solidFill>
                <a:effectLst/>
                <a:uLnTx/>
                <a:uFillTx/>
              </a:endParaRPr>
            </a:p>
          </p:txBody>
        </p:sp>
        <p:sp>
          <p:nvSpPr>
            <p:cNvPr id="79" name="文本框 78">
              <a:extLst>
                <a:ext uri="{FF2B5EF4-FFF2-40B4-BE49-F238E27FC236}">
                  <a16:creationId xmlns:a16="http://schemas.microsoft.com/office/drawing/2014/main" xmlns="" id="{025AD113-8077-4862-8A25-9B4A618BEF89}"/>
                </a:ext>
              </a:extLst>
            </p:cNvPr>
            <p:cNvSpPr txBox="1"/>
            <p:nvPr/>
          </p:nvSpPr>
          <p:spPr bwMode="ltGray">
            <a:xfrm>
              <a:off x="8319702" y="485900"/>
              <a:ext cx="533015" cy="377186"/>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a:ln>
                    <a:noFill/>
                  </a:ln>
                  <a:solidFill>
                    <a:schemeClr val="bg1"/>
                  </a:solidFill>
                  <a:effectLst/>
                  <a:uLnTx/>
                  <a:uFillTx/>
                </a:rPr>
                <a:t>接口震荡</a:t>
              </a:r>
            </a:p>
          </p:txBody>
        </p:sp>
        <p:cxnSp>
          <p:nvCxnSpPr>
            <p:cNvPr id="80" name="直接箭头连接符 79">
              <a:extLst>
                <a:ext uri="{FF2B5EF4-FFF2-40B4-BE49-F238E27FC236}">
                  <a16:creationId xmlns:a16="http://schemas.microsoft.com/office/drawing/2014/main" xmlns="" id="{B7C486AD-E5C1-4E03-AD8F-088244EB76F1}"/>
                </a:ext>
              </a:extLst>
            </p:cNvPr>
            <p:cNvCxnSpPr>
              <a:cxnSpLocks/>
              <a:stCxn id="72" idx="6"/>
              <a:endCxn id="74" idx="2"/>
            </p:cNvCxnSpPr>
            <p:nvPr/>
          </p:nvCxnSpPr>
          <p:spPr bwMode="ltGray">
            <a:xfrm flipV="1">
              <a:off x="7256687" y="600966"/>
              <a:ext cx="255305" cy="36820"/>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1" name="直接箭头连接符 80">
              <a:extLst>
                <a:ext uri="{FF2B5EF4-FFF2-40B4-BE49-F238E27FC236}">
                  <a16:creationId xmlns:a16="http://schemas.microsoft.com/office/drawing/2014/main" xmlns="" id="{75CC2F79-2B98-4460-8041-0E19378BDC13}"/>
                </a:ext>
              </a:extLst>
            </p:cNvPr>
            <p:cNvCxnSpPr>
              <a:cxnSpLocks/>
              <a:stCxn id="74" idx="6"/>
              <a:endCxn id="78" idx="2"/>
            </p:cNvCxnSpPr>
            <p:nvPr/>
          </p:nvCxnSpPr>
          <p:spPr bwMode="ltGray">
            <a:xfrm>
              <a:off x="7889885" y="600966"/>
              <a:ext cx="431879" cy="81120"/>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2" name="直接箭头连接符 81">
              <a:extLst>
                <a:ext uri="{FF2B5EF4-FFF2-40B4-BE49-F238E27FC236}">
                  <a16:creationId xmlns:a16="http://schemas.microsoft.com/office/drawing/2014/main" xmlns="" id="{958E251D-EF61-460B-B5B9-CB177FF26676}"/>
                </a:ext>
              </a:extLst>
            </p:cNvPr>
            <p:cNvCxnSpPr>
              <a:cxnSpLocks/>
              <a:stCxn id="72" idx="5"/>
              <a:endCxn id="76" idx="1"/>
            </p:cNvCxnSpPr>
            <p:nvPr/>
          </p:nvCxnSpPr>
          <p:spPr bwMode="ltGray">
            <a:xfrm>
              <a:off x="7201346" y="771392"/>
              <a:ext cx="269015" cy="218652"/>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3" name="椭圆 82">
              <a:extLst>
                <a:ext uri="{FF2B5EF4-FFF2-40B4-BE49-F238E27FC236}">
                  <a16:creationId xmlns:a16="http://schemas.microsoft.com/office/drawing/2014/main" xmlns="" id="{4BD2192A-AB7B-4E0B-AA92-5D4DA6C0AB89}"/>
                </a:ext>
              </a:extLst>
            </p:cNvPr>
            <p:cNvSpPr/>
            <p:nvPr/>
          </p:nvSpPr>
          <p:spPr bwMode="ltGray">
            <a:xfrm>
              <a:off x="8073559" y="1063106"/>
              <a:ext cx="377894" cy="377894"/>
            </a:xfrm>
            <a:prstGeom prst="ellipse">
              <a:avLst/>
            </a:prstGeom>
            <a:solidFill>
              <a:srgbClr val="92D05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a:ln>
                  <a:noFill/>
                </a:ln>
                <a:solidFill>
                  <a:prstClr val="black">
                    <a:lumMod val="75000"/>
                    <a:lumOff val="25000"/>
                  </a:prstClr>
                </a:solidFill>
                <a:effectLst/>
                <a:uLnTx/>
                <a:uFillTx/>
              </a:endParaRPr>
            </a:p>
          </p:txBody>
        </p:sp>
        <p:sp>
          <p:nvSpPr>
            <p:cNvPr id="84" name="文本框 83">
              <a:extLst>
                <a:ext uri="{FF2B5EF4-FFF2-40B4-BE49-F238E27FC236}">
                  <a16:creationId xmlns:a16="http://schemas.microsoft.com/office/drawing/2014/main" xmlns="" id="{A09B0BA6-990D-465B-B4F8-87A8C8D0DE03}"/>
                </a:ext>
              </a:extLst>
            </p:cNvPr>
            <p:cNvSpPr txBox="1"/>
            <p:nvPr/>
          </p:nvSpPr>
          <p:spPr bwMode="ltGray">
            <a:xfrm>
              <a:off x="8059011" y="1060798"/>
              <a:ext cx="558523" cy="377186"/>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a:ln>
                    <a:noFill/>
                  </a:ln>
                  <a:solidFill>
                    <a:schemeClr val="bg1"/>
                  </a:solidFill>
                  <a:effectLst/>
                  <a:uLnTx/>
                  <a:uFillTx/>
                </a:rPr>
                <a:t>BFD</a:t>
              </a:r>
            </a:p>
            <a:p>
              <a:pPr marL="0" marR="0" lvl="0" indent="0" defTabSz="914400" eaLnBrk="1" fontAlgn="auto" latinLnBrk="0" hangingPunct="1">
                <a:lnSpc>
                  <a:spcPct val="100000"/>
                </a:lnSpc>
                <a:spcBef>
                  <a:spcPts val="0"/>
                </a:spcBef>
                <a:spcAft>
                  <a:spcPts val="0"/>
                </a:spcAft>
                <a:buClrTx/>
                <a:buSzTx/>
                <a:buFontTx/>
                <a:buNone/>
                <a:tabLst/>
                <a:defRPr/>
              </a:pPr>
              <a:r>
                <a:rPr kumimoji="0" lang="zh-CN" altLang="en-US" sz="800" b="0" i="0" u="none" strike="noStrike" kern="0" cap="none" spc="0" normalizeH="0" baseline="0" noProof="0" dirty="0">
                  <a:ln>
                    <a:noFill/>
                  </a:ln>
                  <a:solidFill>
                    <a:schemeClr val="bg1"/>
                  </a:solidFill>
                  <a:effectLst/>
                  <a:uLnTx/>
                  <a:uFillTx/>
                </a:rPr>
                <a:t>震荡</a:t>
              </a:r>
            </a:p>
          </p:txBody>
        </p:sp>
        <p:cxnSp>
          <p:nvCxnSpPr>
            <p:cNvPr id="85" name="直接箭头连接符 84">
              <a:extLst>
                <a:ext uri="{FF2B5EF4-FFF2-40B4-BE49-F238E27FC236}">
                  <a16:creationId xmlns:a16="http://schemas.microsoft.com/office/drawing/2014/main" xmlns="" id="{3C2CFA55-1B7C-462D-9F44-CFAE3E26BB6B}"/>
                </a:ext>
              </a:extLst>
            </p:cNvPr>
            <p:cNvCxnSpPr>
              <a:cxnSpLocks/>
              <a:stCxn id="76" idx="7"/>
              <a:endCxn id="78" idx="3"/>
            </p:cNvCxnSpPr>
            <p:nvPr/>
          </p:nvCxnSpPr>
          <p:spPr bwMode="ltGray">
            <a:xfrm flipV="1">
              <a:off x="7737572" y="815692"/>
              <a:ext cx="639533" cy="174352"/>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6" name="直接箭头连接符 85">
              <a:extLst>
                <a:ext uri="{FF2B5EF4-FFF2-40B4-BE49-F238E27FC236}">
                  <a16:creationId xmlns:a16="http://schemas.microsoft.com/office/drawing/2014/main" xmlns="" id="{EBF88CF4-27B5-4A19-82CF-D100506F0525}"/>
                </a:ext>
              </a:extLst>
            </p:cNvPr>
            <p:cNvCxnSpPr>
              <a:cxnSpLocks/>
              <a:stCxn id="78" idx="4"/>
              <a:endCxn id="83" idx="0"/>
            </p:cNvCxnSpPr>
            <p:nvPr/>
          </p:nvCxnSpPr>
          <p:spPr bwMode="ltGray">
            <a:xfrm flipH="1">
              <a:off x="8262508" y="871034"/>
              <a:ext cx="248205" cy="192072"/>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7" name="直接箭头连接符 86">
              <a:extLst>
                <a:ext uri="{FF2B5EF4-FFF2-40B4-BE49-F238E27FC236}">
                  <a16:creationId xmlns:a16="http://schemas.microsoft.com/office/drawing/2014/main" xmlns="" id="{28EC7B4C-CEE7-4641-8DE6-254A893F286E}"/>
                </a:ext>
              </a:extLst>
            </p:cNvPr>
            <p:cNvCxnSpPr>
              <a:cxnSpLocks/>
              <a:stCxn id="74" idx="5"/>
              <a:endCxn id="83" idx="1"/>
            </p:cNvCxnSpPr>
            <p:nvPr/>
          </p:nvCxnSpPr>
          <p:spPr bwMode="ltGray">
            <a:xfrm>
              <a:off x="7834545" y="734573"/>
              <a:ext cx="294357" cy="383874"/>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8" name="直接箭头连接符 87">
              <a:extLst>
                <a:ext uri="{FF2B5EF4-FFF2-40B4-BE49-F238E27FC236}">
                  <a16:creationId xmlns:a16="http://schemas.microsoft.com/office/drawing/2014/main" xmlns="" id="{C7688719-00E6-4CAE-A710-5886666F999C}"/>
                </a:ext>
              </a:extLst>
            </p:cNvPr>
            <p:cNvCxnSpPr>
              <a:cxnSpLocks/>
              <a:stCxn id="76" idx="6"/>
              <a:endCxn id="83" idx="2"/>
            </p:cNvCxnSpPr>
            <p:nvPr/>
          </p:nvCxnSpPr>
          <p:spPr bwMode="ltGray">
            <a:xfrm>
              <a:off x="7792914" y="1123651"/>
              <a:ext cx="280646" cy="128402"/>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9" name="椭圆 88">
              <a:extLst>
                <a:ext uri="{FF2B5EF4-FFF2-40B4-BE49-F238E27FC236}">
                  <a16:creationId xmlns:a16="http://schemas.microsoft.com/office/drawing/2014/main" xmlns="" id="{C07035B0-E118-4C68-87BD-D63A33CEE65D}"/>
                </a:ext>
              </a:extLst>
            </p:cNvPr>
            <p:cNvSpPr/>
            <p:nvPr/>
          </p:nvSpPr>
          <p:spPr bwMode="ltGray">
            <a:xfrm>
              <a:off x="6878792" y="1096658"/>
              <a:ext cx="377894" cy="377894"/>
            </a:xfrm>
            <a:prstGeom prst="ellipse">
              <a:avLst/>
            </a:prstGeom>
            <a:solidFill>
              <a:srgbClr val="92D05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a:ln>
                  <a:noFill/>
                </a:ln>
                <a:solidFill>
                  <a:prstClr val="black">
                    <a:lumMod val="75000"/>
                    <a:lumOff val="25000"/>
                  </a:prstClr>
                </a:solidFill>
                <a:effectLst/>
                <a:uLnTx/>
                <a:uFillTx/>
              </a:endParaRPr>
            </a:p>
          </p:txBody>
        </p:sp>
        <p:sp>
          <p:nvSpPr>
            <p:cNvPr id="90" name="文本框 89">
              <a:extLst>
                <a:ext uri="{FF2B5EF4-FFF2-40B4-BE49-F238E27FC236}">
                  <a16:creationId xmlns:a16="http://schemas.microsoft.com/office/drawing/2014/main" xmlns="" id="{72372D88-CF3B-461A-9D33-75982B17325F}"/>
                </a:ext>
              </a:extLst>
            </p:cNvPr>
            <p:cNvSpPr txBox="1"/>
            <p:nvPr/>
          </p:nvSpPr>
          <p:spPr bwMode="ltGray">
            <a:xfrm>
              <a:off x="6831870" y="1113009"/>
              <a:ext cx="625252" cy="342897"/>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700" b="0" i="0" u="none" strike="noStrike" kern="0" cap="none" spc="0" normalizeH="0" baseline="0" noProof="0" dirty="0">
                  <a:ln>
                    <a:noFill/>
                  </a:ln>
                  <a:solidFill>
                    <a:schemeClr val="bg1"/>
                  </a:solidFill>
                  <a:effectLst/>
                  <a:uLnTx/>
                  <a:uFillTx/>
                </a:rPr>
                <a:t>Router-ID</a:t>
              </a:r>
              <a:r>
                <a:rPr kumimoji="0" lang="zh-CN" altLang="en-US" sz="700" b="0" i="0" u="none" strike="noStrike" kern="0" cap="none" spc="0" normalizeH="0" baseline="0" noProof="0" dirty="0">
                  <a:ln>
                    <a:noFill/>
                  </a:ln>
                  <a:solidFill>
                    <a:schemeClr val="bg1"/>
                  </a:solidFill>
                  <a:effectLst/>
                  <a:uLnTx/>
                  <a:uFillTx/>
                </a:rPr>
                <a:t>冲突</a:t>
              </a:r>
            </a:p>
          </p:txBody>
        </p:sp>
        <p:cxnSp>
          <p:nvCxnSpPr>
            <p:cNvPr id="91" name="直接箭头连接符 90">
              <a:extLst>
                <a:ext uri="{FF2B5EF4-FFF2-40B4-BE49-F238E27FC236}">
                  <a16:creationId xmlns:a16="http://schemas.microsoft.com/office/drawing/2014/main" xmlns="" id="{896E88AC-BF29-4DF4-A655-9E6FC9891F5E}"/>
                </a:ext>
              </a:extLst>
            </p:cNvPr>
            <p:cNvCxnSpPr>
              <a:cxnSpLocks/>
              <a:stCxn id="76" idx="2"/>
              <a:endCxn id="89" idx="6"/>
            </p:cNvCxnSpPr>
            <p:nvPr/>
          </p:nvCxnSpPr>
          <p:spPr bwMode="ltGray">
            <a:xfrm flipH="1">
              <a:off x="7256687" y="1123650"/>
              <a:ext cx="158333" cy="161955"/>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92" name="圆角矩形 163">
            <a:extLst>
              <a:ext uri="{FF2B5EF4-FFF2-40B4-BE49-F238E27FC236}">
                <a16:creationId xmlns:a16="http://schemas.microsoft.com/office/drawing/2014/main" xmlns="" id="{4FDB5853-8851-47CE-89ED-EE210A22A9B3}"/>
              </a:ext>
            </a:extLst>
          </p:cNvPr>
          <p:cNvSpPr/>
          <p:nvPr/>
        </p:nvSpPr>
        <p:spPr>
          <a:xfrm>
            <a:off x="5425623" y="5278396"/>
            <a:ext cx="1296388" cy="342106"/>
          </a:xfrm>
          <a:prstGeom prst="roundRect">
            <a:avLst/>
          </a:prstGeom>
          <a:solidFill>
            <a:schemeClr val="accent1"/>
          </a:solidFill>
          <a:ln w="12700" cap="flat" cmpd="sng" algn="ctr">
            <a:noFill/>
            <a:prstDash val="solid"/>
            <a:miter lim="800000"/>
          </a:ln>
          <a:effectLst/>
        </p:spPr>
        <p:txBody>
          <a:bodyPr rtlCol="0" anchor="ctr"/>
          <a:lstStyle/>
          <a:p>
            <a:pPr algn="ctr" defTabSz="685859"/>
            <a:r>
              <a:rPr lang="en-US" altLang="zh-CN" sz="1600" kern="0" dirty="0">
                <a:solidFill>
                  <a:schemeClr val="bg1"/>
                </a:solidFill>
              </a:rPr>
              <a:t>AI</a:t>
            </a:r>
            <a:r>
              <a:rPr lang="zh-CN" altLang="en-US" sz="1600" kern="0" dirty="0">
                <a:solidFill>
                  <a:schemeClr val="bg1"/>
                </a:solidFill>
              </a:rPr>
              <a:t>异常识别 </a:t>
            </a:r>
          </a:p>
        </p:txBody>
      </p:sp>
      <p:sp>
        <p:nvSpPr>
          <p:cNvPr id="93" name="圆角矩形 164">
            <a:extLst>
              <a:ext uri="{FF2B5EF4-FFF2-40B4-BE49-F238E27FC236}">
                <a16:creationId xmlns:a16="http://schemas.microsoft.com/office/drawing/2014/main" xmlns="" id="{643F9821-D0A6-4459-8205-64F7EC8626DC}"/>
              </a:ext>
            </a:extLst>
          </p:cNvPr>
          <p:cNvSpPr/>
          <p:nvPr/>
        </p:nvSpPr>
        <p:spPr>
          <a:xfrm>
            <a:off x="6831347" y="5278396"/>
            <a:ext cx="1437607" cy="342106"/>
          </a:xfrm>
          <a:prstGeom prst="roundRect">
            <a:avLst/>
          </a:prstGeom>
          <a:solidFill>
            <a:schemeClr val="accent1"/>
          </a:solidFill>
          <a:ln w="12700" cap="flat" cmpd="sng" algn="ctr">
            <a:noFill/>
            <a:prstDash val="solid"/>
            <a:miter lim="800000"/>
          </a:ln>
          <a:effectLst/>
        </p:spPr>
        <p:txBody>
          <a:bodyPr rtlCol="0" anchor="ctr"/>
          <a:lstStyle/>
          <a:p>
            <a:pPr algn="ctr" defTabSz="685859"/>
            <a:r>
              <a:rPr lang="zh-CN" altLang="en-US" sz="1600" kern="0" dirty="0">
                <a:solidFill>
                  <a:schemeClr val="bg1"/>
                </a:solidFill>
              </a:rPr>
              <a:t>网络对象建模</a:t>
            </a:r>
          </a:p>
        </p:txBody>
      </p:sp>
      <p:sp>
        <p:nvSpPr>
          <p:cNvPr id="94" name="左大括号 93">
            <a:extLst>
              <a:ext uri="{FF2B5EF4-FFF2-40B4-BE49-F238E27FC236}">
                <a16:creationId xmlns:a16="http://schemas.microsoft.com/office/drawing/2014/main" xmlns="" id="{97AF72F0-6484-40F1-958F-9309865E75D1}"/>
              </a:ext>
            </a:extLst>
          </p:cNvPr>
          <p:cNvSpPr/>
          <p:nvPr/>
        </p:nvSpPr>
        <p:spPr>
          <a:xfrm>
            <a:off x="6763223" y="3654969"/>
            <a:ext cx="257348" cy="869094"/>
          </a:xfrm>
          <a:prstGeom prst="leftBrace">
            <a:avLst>
              <a:gd name="adj1" fmla="val 25208"/>
              <a:gd name="adj2" fmla="val 50000"/>
            </a:avLst>
          </a:prstGeom>
          <a:noFill/>
          <a:ln w="19050" cap="flat" cmpd="sng" algn="ctr">
            <a:solidFill>
              <a:sysClr val="window" lastClr="FFFFFF">
                <a:lumMod val="65000"/>
              </a:sysClr>
            </a:solidFill>
            <a:prstDash val="solid"/>
          </a:ln>
          <a:effectLst/>
        </p:spPr>
        <p:txBody>
          <a:bodyPr rtlCol="0" anchor="ctr"/>
          <a:lstStyle/>
          <a:p>
            <a:pPr algn="ctr" defTabSz="1219272">
              <a:defRPr/>
            </a:pPr>
            <a:endParaRPr lang="zh-CN" altLang="en-US" sz="1400" kern="0">
              <a:solidFill>
                <a:prstClr val="black"/>
              </a:solidFill>
              <a:cs typeface="+mn-ea"/>
              <a:sym typeface="Huawei Sans Light" panose="020C0303030203020204" pitchFamily="34" charset="0"/>
            </a:endParaRPr>
          </a:p>
        </p:txBody>
      </p:sp>
      <p:sp>
        <p:nvSpPr>
          <p:cNvPr id="98" name="燕尾形 25">
            <a:extLst>
              <a:ext uri="{FF2B5EF4-FFF2-40B4-BE49-F238E27FC236}">
                <a16:creationId xmlns:a16="http://schemas.microsoft.com/office/drawing/2014/main" xmlns="" id="{D810836D-0BED-40A0-A7E9-F6A44C40804E}"/>
              </a:ext>
            </a:extLst>
          </p:cNvPr>
          <p:cNvSpPr/>
          <p:nvPr/>
        </p:nvSpPr>
        <p:spPr bwMode="auto">
          <a:xfrm>
            <a:off x="10187647"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数据中心</a:t>
            </a:r>
            <a:endParaRPr lang="en-US" altLang="zh-CN" sz="1200" b="1" kern="0">
              <a:solidFill>
                <a:srgbClr val="FFFFFF"/>
              </a:solidFill>
            </a:endParaRPr>
          </a:p>
        </p:txBody>
      </p:sp>
      <p:sp>
        <p:nvSpPr>
          <p:cNvPr id="99" name="燕尾形 26">
            <a:extLst>
              <a:ext uri="{FF2B5EF4-FFF2-40B4-BE49-F238E27FC236}">
                <a16:creationId xmlns:a16="http://schemas.microsoft.com/office/drawing/2014/main" xmlns="" id="{5F0EB0E8-5D07-4769-975F-1E370B3A5384}"/>
              </a:ext>
            </a:extLst>
          </p:cNvPr>
          <p:cNvSpPr/>
          <p:nvPr/>
        </p:nvSpPr>
        <p:spPr bwMode="auto">
          <a:xfrm>
            <a:off x="10996392"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企业园区</a:t>
            </a:r>
            <a:endParaRPr lang="en-US" altLang="zh-CN" sz="1200" kern="0"/>
          </a:p>
        </p:txBody>
      </p:sp>
    </p:spTree>
    <p:extLst>
      <p:ext uri="{BB962C8B-B14F-4D97-AF65-F5344CB8AC3E}">
        <p14:creationId xmlns:p14="http://schemas.microsoft.com/office/powerpoint/2010/main" val="87062485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dirty="0" smtClean="0"/>
              <a:t>计算产业的开放生态带来了通用硬件、操作系统、虚拟化、中间件、云计算、软件应用等多领域的蓬勃发展。网络产业也在不断寻求变革与发展，其中</a:t>
            </a:r>
            <a:r>
              <a:rPr lang="en-US" altLang="zh-CN" dirty="0" smtClean="0"/>
              <a:t>SDN</a:t>
            </a:r>
            <a:r>
              <a:rPr lang="zh-CN" altLang="en-US" dirty="0" smtClean="0"/>
              <a:t>（</a:t>
            </a:r>
            <a:r>
              <a:rPr lang="en-US" altLang="zh-CN" dirty="0" smtClean="0"/>
              <a:t>Software Defined Networking</a:t>
            </a:r>
            <a:r>
              <a:rPr lang="zh-CN" altLang="en-US" dirty="0" smtClean="0"/>
              <a:t>，软件定义网络）与</a:t>
            </a:r>
            <a:r>
              <a:rPr lang="en-US" altLang="zh-CN" dirty="0" smtClean="0"/>
              <a:t>NFV</a:t>
            </a:r>
            <a:r>
              <a:rPr lang="zh-CN" altLang="en-US" dirty="0" smtClean="0"/>
              <a:t>（</a:t>
            </a:r>
            <a:r>
              <a:rPr lang="en-US" altLang="zh-CN" dirty="0" smtClean="0"/>
              <a:t>Network Functional Virtualization</a:t>
            </a:r>
            <a:r>
              <a:rPr lang="zh-CN" altLang="en-US" dirty="0" smtClean="0"/>
              <a:t>，网络功能虚拟化），是备受瞩目的两个概念。</a:t>
            </a:r>
            <a:endParaRPr lang="en-US" altLang="zh-CN" dirty="0" smtClean="0"/>
          </a:p>
          <a:p>
            <a:r>
              <a:rPr lang="zh-CN" altLang="en-US" dirty="0" smtClean="0"/>
              <a:t>本课程定位于帮助工程师了解</a:t>
            </a:r>
            <a:r>
              <a:rPr lang="en-US" altLang="zh-CN" dirty="0" smtClean="0"/>
              <a:t>SDN</a:t>
            </a:r>
            <a:r>
              <a:rPr lang="zh-CN" altLang="en-US" dirty="0" smtClean="0"/>
              <a:t>与</a:t>
            </a:r>
            <a:r>
              <a:rPr lang="en-US" altLang="zh-CN" dirty="0" smtClean="0"/>
              <a:t>NFV</a:t>
            </a:r>
            <a:r>
              <a:rPr lang="zh-CN" altLang="en-US" dirty="0" smtClean="0"/>
              <a:t>发展历史，并初步介绍华为</a:t>
            </a:r>
            <a:r>
              <a:rPr lang="en-US" altLang="zh-CN" dirty="0" smtClean="0"/>
              <a:t>SDN</a:t>
            </a:r>
            <a:r>
              <a:rPr lang="zh-CN" altLang="en-US" dirty="0" smtClean="0"/>
              <a:t>解决方案与</a:t>
            </a:r>
            <a:r>
              <a:rPr lang="en-US" altLang="zh-CN" dirty="0" smtClean="0"/>
              <a:t>NFV</a:t>
            </a:r>
            <a:r>
              <a:rPr lang="zh-CN" altLang="en-US" dirty="0" smtClean="0"/>
              <a:t>解决方案。</a:t>
            </a:r>
          </a:p>
          <a:p>
            <a:endParaRPr lang="zh-CN" altLang="en-US" dirty="0"/>
          </a:p>
        </p:txBody>
      </p:sp>
    </p:spTree>
    <p:extLst>
      <p:ext uri="{BB962C8B-B14F-4D97-AF65-F5344CB8AC3E}">
        <p14:creationId xmlns:p14="http://schemas.microsoft.com/office/powerpoint/2010/main" val="47598184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D60E099A-75AF-4687-8046-5C71B88E908C}"/>
              </a:ext>
            </a:extLst>
          </p:cNvPr>
          <p:cNvSpPr>
            <a:spLocks noGrp="1"/>
          </p:cNvSpPr>
          <p:nvPr>
            <p:ph type="title"/>
          </p:nvPr>
        </p:nvSpPr>
        <p:spPr/>
        <p:txBody>
          <a:bodyPr/>
          <a:lstStyle/>
          <a:p>
            <a:r>
              <a:rPr lang="zh-CN" altLang="en-US"/>
              <a:t>华为园区网络</a:t>
            </a:r>
            <a:r>
              <a:rPr lang="en-US" altLang="zh-CN"/>
              <a:t>CloudCampus</a:t>
            </a:r>
            <a:r>
              <a:rPr lang="zh-CN" altLang="en-US"/>
              <a:t>自动驾驶解决方案</a:t>
            </a:r>
          </a:p>
        </p:txBody>
      </p:sp>
      <p:grpSp>
        <p:nvGrpSpPr>
          <p:cNvPr id="3" name="Group 165">
            <a:extLst>
              <a:ext uri="{FF2B5EF4-FFF2-40B4-BE49-F238E27FC236}">
                <a16:creationId xmlns:a16="http://schemas.microsoft.com/office/drawing/2014/main" xmlns="" id="{ED843DE8-7C66-4EB9-AC29-C31812D3701F}"/>
              </a:ext>
            </a:extLst>
          </p:cNvPr>
          <p:cNvGrpSpPr/>
          <p:nvPr/>
        </p:nvGrpSpPr>
        <p:grpSpPr>
          <a:xfrm>
            <a:off x="2939869" y="3969984"/>
            <a:ext cx="1307763" cy="340548"/>
            <a:chOff x="-1233037" y="914446"/>
            <a:chExt cx="4919386" cy="778776"/>
          </a:xfrm>
        </p:grpSpPr>
        <p:cxnSp>
          <p:nvCxnSpPr>
            <p:cNvPr id="4" name="Straight Connector 166">
              <a:extLst>
                <a:ext uri="{FF2B5EF4-FFF2-40B4-BE49-F238E27FC236}">
                  <a16:creationId xmlns:a16="http://schemas.microsoft.com/office/drawing/2014/main" xmlns="" id="{BF96BA90-8F4F-41C0-9577-4882AC3F2B50}"/>
                </a:ext>
              </a:extLst>
            </p:cNvPr>
            <p:cNvCxnSpPr/>
            <p:nvPr/>
          </p:nvCxnSpPr>
          <p:spPr>
            <a:xfrm flipH="1" flipV="1">
              <a:off x="-1233037" y="914446"/>
              <a:ext cx="786912" cy="778776"/>
            </a:xfrm>
            <a:prstGeom prst="line">
              <a:avLst/>
            </a:prstGeom>
          </p:spPr>
          <p:style>
            <a:lnRef idx="1">
              <a:schemeClr val="accent1"/>
            </a:lnRef>
            <a:fillRef idx="0">
              <a:schemeClr val="accent1"/>
            </a:fillRef>
            <a:effectRef idx="0">
              <a:schemeClr val="accent1"/>
            </a:effectRef>
            <a:fontRef idx="minor">
              <a:schemeClr val="tx1"/>
            </a:fontRef>
          </p:style>
        </p:cxnSp>
        <p:cxnSp>
          <p:nvCxnSpPr>
            <p:cNvPr id="5" name="Straight Connector 167">
              <a:extLst>
                <a:ext uri="{FF2B5EF4-FFF2-40B4-BE49-F238E27FC236}">
                  <a16:creationId xmlns:a16="http://schemas.microsoft.com/office/drawing/2014/main" xmlns="" id="{CC6B54FE-3879-4DD8-B44E-D9DFB4B093BD}"/>
                </a:ext>
              </a:extLst>
            </p:cNvPr>
            <p:cNvCxnSpPr/>
            <p:nvPr/>
          </p:nvCxnSpPr>
          <p:spPr>
            <a:xfrm flipV="1">
              <a:off x="2899439" y="914446"/>
              <a:ext cx="786910" cy="778776"/>
            </a:xfrm>
            <a:prstGeom prst="line">
              <a:avLst/>
            </a:prstGeom>
          </p:spPr>
          <p:style>
            <a:lnRef idx="1">
              <a:schemeClr val="accent1"/>
            </a:lnRef>
            <a:fillRef idx="0">
              <a:schemeClr val="accent1"/>
            </a:fillRef>
            <a:effectRef idx="0">
              <a:schemeClr val="accent1"/>
            </a:effectRef>
            <a:fontRef idx="minor">
              <a:schemeClr val="tx1"/>
            </a:fontRef>
          </p:style>
        </p:cxnSp>
      </p:grpSp>
      <p:cxnSp>
        <p:nvCxnSpPr>
          <p:cNvPr id="6" name="直接连接符 5">
            <a:extLst>
              <a:ext uri="{FF2B5EF4-FFF2-40B4-BE49-F238E27FC236}">
                <a16:creationId xmlns:a16="http://schemas.microsoft.com/office/drawing/2014/main" xmlns="" id="{6BAD51CE-EAD1-4E52-B703-A3DAF1C6D72D}"/>
              </a:ext>
            </a:extLst>
          </p:cNvPr>
          <p:cNvCxnSpPr/>
          <p:nvPr/>
        </p:nvCxnSpPr>
        <p:spPr>
          <a:xfrm>
            <a:off x="4283982" y="3980676"/>
            <a:ext cx="939031" cy="0"/>
          </a:xfrm>
          <a:prstGeom prst="line">
            <a:avLst/>
          </a:prstGeom>
        </p:spPr>
        <p:style>
          <a:lnRef idx="1">
            <a:schemeClr val="accent1"/>
          </a:lnRef>
          <a:fillRef idx="0">
            <a:schemeClr val="accent1"/>
          </a:fillRef>
          <a:effectRef idx="0">
            <a:schemeClr val="accent1"/>
          </a:effectRef>
          <a:fontRef idx="minor">
            <a:schemeClr val="tx1"/>
          </a:fontRef>
        </p:style>
      </p:cxnSp>
      <p:grpSp>
        <p:nvGrpSpPr>
          <p:cNvPr id="7" name="Group 165">
            <a:extLst>
              <a:ext uri="{FF2B5EF4-FFF2-40B4-BE49-F238E27FC236}">
                <a16:creationId xmlns:a16="http://schemas.microsoft.com/office/drawing/2014/main" xmlns="" id="{A6A8B073-45A8-43C7-8C2F-47D3CCC76EB4}"/>
              </a:ext>
            </a:extLst>
          </p:cNvPr>
          <p:cNvGrpSpPr/>
          <p:nvPr/>
        </p:nvGrpSpPr>
        <p:grpSpPr>
          <a:xfrm rot="10800000">
            <a:off x="4988582" y="4012761"/>
            <a:ext cx="523792" cy="340548"/>
            <a:chOff x="-1233037" y="914446"/>
            <a:chExt cx="1573823" cy="778776"/>
          </a:xfrm>
        </p:grpSpPr>
        <p:cxnSp>
          <p:nvCxnSpPr>
            <p:cNvPr id="8" name="Straight Connector 166">
              <a:extLst>
                <a:ext uri="{FF2B5EF4-FFF2-40B4-BE49-F238E27FC236}">
                  <a16:creationId xmlns:a16="http://schemas.microsoft.com/office/drawing/2014/main" xmlns="" id="{F919AEE4-5E90-47A9-B28D-9467C941AD6C}"/>
                </a:ext>
              </a:extLst>
            </p:cNvPr>
            <p:cNvCxnSpPr/>
            <p:nvPr/>
          </p:nvCxnSpPr>
          <p:spPr>
            <a:xfrm flipH="1" flipV="1">
              <a:off x="-1233037" y="914446"/>
              <a:ext cx="786912" cy="778776"/>
            </a:xfrm>
            <a:prstGeom prst="line">
              <a:avLst/>
            </a:prstGeom>
          </p:spPr>
          <p:style>
            <a:lnRef idx="1">
              <a:schemeClr val="accent1"/>
            </a:lnRef>
            <a:fillRef idx="0">
              <a:schemeClr val="accent1"/>
            </a:fillRef>
            <a:effectRef idx="0">
              <a:schemeClr val="accent1"/>
            </a:effectRef>
            <a:fontRef idx="minor">
              <a:schemeClr val="tx1"/>
            </a:fontRef>
          </p:style>
        </p:cxnSp>
        <p:cxnSp>
          <p:nvCxnSpPr>
            <p:cNvPr id="9" name="Straight Connector 167">
              <a:extLst>
                <a:ext uri="{FF2B5EF4-FFF2-40B4-BE49-F238E27FC236}">
                  <a16:creationId xmlns:a16="http://schemas.microsoft.com/office/drawing/2014/main" xmlns="" id="{9FAB25CB-F524-4CAF-B81A-F0A13C57E6EA}"/>
                </a:ext>
              </a:extLst>
            </p:cNvPr>
            <p:cNvCxnSpPr/>
            <p:nvPr/>
          </p:nvCxnSpPr>
          <p:spPr>
            <a:xfrm flipV="1">
              <a:off x="-446125" y="914446"/>
              <a:ext cx="786911" cy="778776"/>
            </a:xfrm>
            <a:prstGeom prst="line">
              <a:avLst/>
            </a:prstGeom>
          </p:spPr>
          <p:style>
            <a:lnRef idx="1">
              <a:schemeClr val="accent1"/>
            </a:lnRef>
            <a:fillRef idx="0">
              <a:schemeClr val="accent1"/>
            </a:fillRef>
            <a:effectRef idx="0">
              <a:schemeClr val="accent1"/>
            </a:effectRef>
            <a:fontRef idx="minor">
              <a:schemeClr val="tx1"/>
            </a:fontRef>
          </p:style>
        </p:cxnSp>
      </p:grpSp>
      <p:sp>
        <p:nvSpPr>
          <p:cNvPr id="10" name="圆角矩形 8">
            <a:extLst>
              <a:ext uri="{FF2B5EF4-FFF2-40B4-BE49-F238E27FC236}">
                <a16:creationId xmlns:a16="http://schemas.microsoft.com/office/drawing/2014/main" xmlns="" id="{F54DFC57-FD8D-471C-A076-A36558AB83CB}"/>
              </a:ext>
            </a:extLst>
          </p:cNvPr>
          <p:cNvSpPr/>
          <p:nvPr/>
        </p:nvSpPr>
        <p:spPr>
          <a:xfrm>
            <a:off x="479694" y="3526013"/>
            <a:ext cx="2415207" cy="1555769"/>
          </a:xfrm>
          <a:prstGeom prst="roundRect">
            <a:avLst>
              <a:gd name="adj" fmla="val 1973"/>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1" name="直接连接符 10">
            <a:extLst>
              <a:ext uri="{FF2B5EF4-FFF2-40B4-BE49-F238E27FC236}">
                <a16:creationId xmlns:a16="http://schemas.microsoft.com/office/drawing/2014/main" xmlns="" id="{1E65908C-8DEA-4D8D-B09F-E2854912A4D5}"/>
              </a:ext>
            </a:extLst>
          </p:cNvPr>
          <p:cNvCxnSpPr/>
          <p:nvPr/>
        </p:nvCxnSpPr>
        <p:spPr>
          <a:xfrm flipV="1">
            <a:off x="1299785" y="3697556"/>
            <a:ext cx="0" cy="220134"/>
          </a:xfrm>
          <a:prstGeom prst="line">
            <a:avLst/>
          </a:prstGeom>
        </p:spPr>
        <p:style>
          <a:lnRef idx="1">
            <a:schemeClr val="accent1"/>
          </a:lnRef>
          <a:fillRef idx="0">
            <a:schemeClr val="accent1"/>
          </a:fillRef>
          <a:effectRef idx="0">
            <a:schemeClr val="accent1"/>
          </a:effectRef>
          <a:fontRef idx="minor">
            <a:schemeClr val="tx1"/>
          </a:fontRef>
        </p:style>
      </p:cxnSp>
      <p:cxnSp>
        <p:nvCxnSpPr>
          <p:cNvPr id="12" name="直接连接符 11">
            <a:extLst>
              <a:ext uri="{FF2B5EF4-FFF2-40B4-BE49-F238E27FC236}">
                <a16:creationId xmlns:a16="http://schemas.microsoft.com/office/drawing/2014/main" xmlns="" id="{98022DA2-122D-495B-9D5E-FCAB970449F7}"/>
              </a:ext>
            </a:extLst>
          </p:cNvPr>
          <p:cNvCxnSpPr/>
          <p:nvPr/>
        </p:nvCxnSpPr>
        <p:spPr>
          <a:xfrm flipV="1">
            <a:off x="1852849" y="3697556"/>
            <a:ext cx="0" cy="220134"/>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直接连接符 12">
            <a:extLst>
              <a:ext uri="{FF2B5EF4-FFF2-40B4-BE49-F238E27FC236}">
                <a16:creationId xmlns:a16="http://schemas.microsoft.com/office/drawing/2014/main" xmlns="" id="{9BBF829E-E85C-4CF2-B590-089D0ACC6C68}"/>
              </a:ext>
            </a:extLst>
          </p:cNvPr>
          <p:cNvCxnSpPr>
            <a:stCxn id="53" idx="0"/>
            <a:endCxn id="57" idx="2"/>
          </p:cNvCxnSpPr>
          <p:nvPr/>
        </p:nvCxnSpPr>
        <p:spPr>
          <a:xfrm flipV="1">
            <a:off x="754242" y="4525381"/>
            <a:ext cx="0" cy="292392"/>
          </a:xfrm>
          <a:prstGeom prst="line">
            <a:avLst/>
          </a:prstGeom>
        </p:spPr>
        <p:style>
          <a:lnRef idx="1">
            <a:schemeClr val="accent1"/>
          </a:lnRef>
          <a:fillRef idx="0">
            <a:schemeClr val="accent1"/>
          </a:fillRef>
          <a:effectRef idx="0">
            <a:schemeClr val="accent1"/>
          </a:effectRef>
          <a:fontRef idx="minor">
            <a:schemeClr val="tx1"/>
          </a:fontRef>
        </p:style>
      </p:cxnSp>
      <p:cxnSp>
        <p:nvCxnSpPr>
          <p:cNvPr id="14" name="直接连接符 13">
            <a:extLst>
              <a:ext uri="{FF2B5EF4-FFF2-40B4-BE49-F238E27FC236}">
                <a16:creationId xmlns:a16="http://schemas.microsoft.com/office/drawing/2014/main" xmlns="" id="{DCAE0928-BA7F-41FC-9799-8A6CC45C41F5}"/>
              </a:ext>
            </a:extLst>
          </p:cNvPr>
          <p:cNvCxnSpPr/>
          <p:nvPr/>
        </p:nvCxnSpPr>
        <p:spPr>
          <a:xfrm flipV="1">
            <a:off x="1304948" y="4525381"/>
            <a:ext cx="0" cy="246672"/>
          </a:xfrm>
          <a:prstGeom prst="line">
            <a:avLst/>
          </a:prstGeom>
        </p:spPr>
        <p:style>
          <a:lnRef idx="1">
            <a:schemeClr val="accent1"/>
          </a:lnRef>
          <a:fillRef idx="0">
            <a:schemeClr val="accent1"/>
          </a:fillRef>
          <a:effectRef idx="0">
            <a:schemeClr val="accent1"/>
          </a:effectRef>
          <a:fontRef idx="minor">
            <a:schemeClr val="tx1"/>
          </a:fontRef>
        </p:style>
      </p:cxnSp>
      <p:cxnSp>
        <p:nvCxnSpPr>
          <p:cNvPr id="15" name="直接连接符 14">
            <a:extLst>
              <a:ext uri="{FF2B5EF4-FFF2-40B4-BE49-F238E27FC236}">
                <a16:creationId xmlns:a16="http://schemas.microsoft.com/office/drawing/2014/main" xmlns="" id="{FF7F12ED-DF80-4BE1-A65D-9E88B0562F4D}"/>
              </a:ext>
            </a:extLst>
          </p:cNvPr>
          <p:cNvCxnSpPr/>
          <p:nvPr/>
        </p:nvCxnSpPr>
        <p:spPr>
          <a:xfrm flipV="1">
            <a:off x="1857929" y="4525381"/>
            <a:ext cx="0" cy="246672"/>
          </a:xfrm>
          <a:prstGeom prst="line">
            <a:avLst/>
          </a:prstGeom>
        </p:spPr>
        <p:style>
          <a:lnRef idx="1">
            <a:schemeClr val="accent1"/>
          </a:lnRef>
          <a:fillRef idx="0">
            <a:schemeClr val="accent1"/>
          </a:fillRef>
          <a:effectRef idx="0">
            <a:schemeClr val="accent1"/>
          </a:effectRef>
          <a:fontRef idx="minor">
            <a:schemeClr val="tx1"/>
          </a:fontRef>
        </p:style>
      </p:cxnSp>
      <p:cxnSp>
        <p:nvCxnSpPr>
          <p:cNvPr id="16" name="直接连接符 15">
            <a:extLst>
              <a:ext uri="{FF2B5EF4-FFF2-40B4-BE49-F238E27FC236}">
                <a16:creationId xmlns:a16="http://schemas.microsoft.com/office/drawing/2014/main" xmlns="" id="{CC2F5678-FDA6-43D0-99D0-22268FD78A8D}"/>
              </a:ext>
            </a:extLst>
          </p:cNvPr>
          <p:cNvCxnSpPr/>
          <p:nvPr/>
        </p:nvCxnSpPr>
        <p:spPr>
          <a:xfrm flipV="1">
            <a:off x="2408635" y="4525381"/>
            <a:ext cx="0" cy="246672"/>
          </a:xfrm>
          <a:prstGeom prst="line">
            <a:avLst/>
          </a:prstGeom>
        </p:spPr>
        <p:style>
          <a:lnRef idx="1">
            <a:schemeClr val="accent1"/>
          </a:lnRef>
          <a:fillRef idx="0">
            <a:schemeClr val="accent1"/>
          </a:fillRef>
          <a:effectRef idx="0">
            <a:schemeClr val="accent1"/>
          </a:effectRef>
          <a:fontRef idx="minor">
            <a:schemeClr val="tx1"/>
          </a:fontRef>
        </p:style>
      </p:cxnSp>
      <p:grpSp>
        <p:nvGrpSpPr>
          <p:cNvPr id="17" name="组合 16">
            <a:extLst>
              <a:ext uri="{FF2B5EF4-FFF2-40B4-BE49-F238E27FC236}">
                <a16:creationId xmlns:a16="http://schemas.microsoft.com/office/drawing/2014/main" xmlns="" id="{A5852B77-021B-4E90-B36A-658789756EE3}"/>
              </a:ext>
            </a:extLst>
          </p:cNvPr>
          <p:cNvGrpSpPr/>
          <p:nvPr/>
        </p:nvGrpSpPr>
        <p:grpSpPr>
          <a:xfrm>
            <a:off x="769253" y="3933100"/>
            <a:ext cx="1101413" cy="488985"/>
            <a:chOff x="2498773" y="3870388"/>
            <a:chExt cx="1101413" cy="294842"/>
          </a:xfrm>
        </p:grpSpPr>
        <p:cxnSp>
          <p:nvCxnSpPr>
            <p:cNvPr id="18" name="直接连接符 17">
              <a:extLst>
                <a:ext uri="{FF2B5EF4-FFF2-40B4-BE49-F238E27FC236}">
                  <a16:creationId xmlns:a16="http://schemas.microsoft.com/office/drawing/2014/main" xmlns="" id="{EB994F91-4D18-4AF4-9F09-08F85C44610B}"/>
                </a:ext>
              </a:extLst>
            </p:cNvPr>
            <p:cNvCxnSpPr/>
            <p:nvPr/>
          </p:nvCxnSpPr>
          <p:spPr>
            <a:xfrm>
              <a:off x="3044482" y="3870388"/>
              <a:ext cx="55570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直接连接符 18">
              <a:extLst>
                <a:ext uri="{FF2B5EF4-FFF2-40B4-BE49-F238E27FC236}">
                  <a16:creationId xmlns:a16="http://schemas.microsoft.com/office/drawing/2014/main" xmlns="" id="{B8E4CFB5-ADFA-4A16-9388-31F406988859}"/>
                </a:ext>
              </a:extLst>
            </p:cNvPr>
            <p:cNvCxnSpPr/>
            <p:nvPr/>
          </p:nvCxnSpPr>
          <p:spPr>
            <a:xfrm flipV="1">
              <a:off x="2498773" y="3870388"/>
              <a:ext cx="545709" cy="294842"/>
            </a:xfrm>
            <a:prstGeom prst="line">
              <a:avLst/>
            </a:prstGeom>
          </p:spPr>
          <p:style>
            <a:lnRef idx="1">
              <a:schemeClr val="accent1"/>
            </a:lnRef>
            <a:fillRef idx="0">
              <a:schemeClr val="accent1"/>
            </a:fillRef>
            <a:effectRef idx="0">
              <a:schemeClr val="accent1"/>
            </a:effectRef>
            <a:fontRef idx="minor">
              <a:schemeClr val="tx1"/>
            </a:fontRef>
          </p:style>
        </p:cxnSp>
        <p:cxnSp>
          <p:nvCxnSpPr>
            <p:cNvPr id="20" name="直接连接符 19">
              <a:extLst>
                <a:ext uri="{FF2B5EF4-FFF2-40B4-BE49-F238E27FC236}">
                  <a16:creationId xmlns:a16="http://schemas.microsoft.com/office/drawing/2014/main" xmlns="" id="{D757309E-E5C0-43E8-A6AA-9341AD56EC25}"/>
                </a:ext>
              </a:extLst>
            </p:cNvPr>
            <p:cNvCxnSpPr/>
            <p:nvPr/>
          </p:nvCxnSpPr>
          <p:spPr>
            <a:xfrm flipV="1">
              <a:off x="3054477" y="3870388"/>
              <a:ext cx="545709" cy="294842"/>
            </a:xfrm>
            <a:prstGeom prst="line">
              <a:avLst/>
            </a:prstGeom>
          </p:spPr>
          <p:style>
            <a:lnRef idx="1">
              <a:schemeClr val="accent1"/>
            </a:lnRef>
            <a:fillRef idx="0">
              <a:schemeClr val="accent1"/>
            </a:fillRef>
            <a:effectRef idx="0">
              <a:schemeClr val="accent1"/>
            </a:effectRef>
            <a:fontRef idx="minor">
              <a:schemeClr val="tx1"/>
            </a:fontRef>
          </p:style>
        </p:cxnSp>
        <p:cxnSp>
          <p:nvCxnSpPr>
            <p:cNvPr id="21" name="直接连接符 20">
              <a:extLst>
                <a:ext uri="{FF2B5EF4-FFF2-40B4-BE49-F238E27FC236}">
                  <a16:creationId xmlns:a16="http://schemas.microsoft.com/office/drawing/2014/main" xmlns="" id="{4BABC217-3A5A-46D0-9E8F-E383271952DF}"/>
                </a:ext>
              </a:extLst>
            </p:cNvPr>
            <p:cNvCxnSpPr/>
            <p:nvPr/>
          </p:nvCxnSpPr>
          <p:spPr>
            <a:xfrm flipH="1">
              <a:off x="2498773" y="4165230"/>
              <a:ext cx="560721" cy="0"/>
            </a:xfrm>
            <a:prstGeom prst="line">
              <a:avLst/>
            </a:prstGeom>
          </p:spPr>
          <p:style>
            <a:lnRef idx="1">
              <a:schemeClr val="accent1"/>
            </a:lnRef>
            <a:fillRef idx="0">
              <a:schemeClr val="accent1"/>
            </a:fillRef>
            <a:effectRef idx="0">
              <a:schemeClr val="accent1"/>
            </a:effectRef>
            <a:fontRef idx="minor">
              <a:schemeClr val="tx1"/>
            </a:fontRef>
          </p:style>
        </p:cxnSp>
      </p:grpSp>
      <p:grpSp>
        <p:nvGrpSpPr>
          <p:cNvPr id="22" name="组合 21">
            <a:extLst>
              <a:ext uri="{FF2B5EF4-FFF2-40B4-BE49-F238E27FC236}">
                <a16:creationId xmlns:a16="http://schemas.microsoft.com/office/drawing/2014/main" xmlns="" id="{34E68944-4745-4DDB-ACED-2440511EF3D3}"/>
              </a:ext>
            </a:extLst>
          </p:cNvPr>
          <p:cNvGrpSpPr/>
          <p:nvPr/>
        </p:nvGrpSpPr>
        <p:grpSpPr>
          <a:xfrm flipH="1">
            <a:off x="1304948" y="3933100"/>
            <a:ext cx="1101600" cy="488985"/>
            <a:chOff x="2498773" y="3870388"/>
            <a:chExt cx="1101413" cy="294842"/>
          </a:xfrm>
        </p:grpSpPr>
        <p:cxnSp>
          <p:nvCxnSpPr>
            <p:cNvPr id="23" name="直接连接符 22">
              <a:extLst>
                <a:ext uri="{FF2B5EF4-FFF2-40B4-BE49-F238E27FC236}">
                  <a16:creationId xmlns:a16="http://schemas.microsoft.com/office/drawing/2014/main" xmlns="" id="{E1FB4179-C086-4C5D-AC73-0D4E10C66C9E}"/>
                </a:ext>
              </a:extLst>
            </p:cNvPr>
            <p:cNvCxnSpPr/>
            <p:nvPr/>
          </p:nvCxnSpPr>
          <p:spPr>
            <a:xfrm>
              <a:off x="3044482" y="3870388"/>
              <a:ext cx="55570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4" name="直接连接符 23">
              <a:extLst>
                <a:ext uri="{FF2B5EF4-FFF2-40B4-BE49-F238E27FC236}">
                  <a16:creationId xmlns:a16="http://schemas.microsoft.com/office/drawing/2014/main" xmlns="" id="{67AFD18B-0AAF-41DE-A88E-11CA73427A75}"/>
                </a:ext>
              </a:extLst>
            </p:cNvPr>
            <p:cNvCxnSpPr/>
            <p:nvPr/>
          </p:nvCxnSpPr>
          <p:spPr>
            <a:xfrm flipV="1">
              <a:off x="2498773" y="3870388"/>
              <a:ext cx="545709" cy="294842"/>
            </a:xfrm>
            <a:prstGeom prst="line">
              <a:avLst/>
            </a:prstGeom>
          </p:spPr>
          <p:style>
            <a:lnRef idx="1">
              <a:schemeClr val="accent1"/>
            </a:lnRef>
            <a:fillRef idx="0">
              <a:schemeClr val="accent1"/>
            </a:fillRef>
            <a:effectRef idx="0">
              <a:schemeClr val="accent1"/>
            </a:effectRef>
            <a:fontRef idx="minor">
              <a:schemeClr val="tx1"/>
            </a:fontRef>
          </p:style>
        </p:cxnSp>
        <p:cxnSp>
          <p:nvCxnSpPr>
            <p:cNvPr id="25" name="直接连接符 24">
              <a:extLst>
                <a:ext uri="{FF2B5EF4-FFF2-40B4-BE49-F238E27FC236}">
                  <a16:creationId xmlns:a16="http://schemas.microsoft.com/office/drawing/2014/main" xmlns="" id="{E99AA3E2-E839-4B0A-A9D4-F221C8B82F9E}"/>
                </a:ext>
              </a:extLst>
            </p:cNvPr>
            <p:cNvCxnSpPr/>
            <p:nvPr/>
          </p:nvCxnSpPr>
          <p:spPr>
            <a:xfrm flipV="1">
              <a:off x="3054477" y="3870388"/>
              <a:ext cx="545709" cy="294842"/>
            </a:xfrm>
            <a:prstGeom prst="line">
              <a:avLst/>
            </a:prstGeom>
          </p:spPr>
          <p:style>
            <a:lnRef idx="1">
              <a:schemeClr val="accent1"/>
            </a:lnRef>
            <a:fillRef idx="0">
              <a:schemeClr val="accent1"/>
            </a:fillRef>
            <a:effectRef idx="0">
              <a:schemeClr val="accent1"/>
            </a:effectRef>
            <a:fontRef idx="minor">
              <a:schemeClr val="tx1"/>
            </a:fontRef>
          </p:style>
        </p:cxnSp>
        <p:cxnSp>
          <p:nvCxnSpPr>
            <p:cNvPr id="26" name="直接连接符 25">
              <a:extLst>
                <a:ext uri="{FF2B5EF4-FFF2-40B4-BE49-F238E27FC236}">
                  <a16:creationId xmlns:a16="http://schemas.microsoft.com/office/drawing/2014/main" xmlns="" id="{F1AB25C4-A9BB-44D0-955A-CC7C679EECC1}"/>
                </a:ext>
              </a:extLst>
            </p:cNvPr>
            <p:cNvCxnSpPr/>
            <p:nvPr/>
          </p:nvCxnSpPr>
          <p:spPr>
            <a:xfrm flipH="1">
              <a:off x="2498773" y="4165230"/>
              <a:ext cx="560721"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27" name="圆角矩形 124">
            <a:extLst>
              <a:ext uri="{FF2B5EF4-FFF2-40B4-BE49-F238E27FC236}">
                <a16:creationId xmlns:a16="http://schemas.microsoft.com/office/drawing/2014/main" xmlns="" id="{1D7559F9-70B9-4384-9E26-1D63E3E06C45}"/>
              </a:ext>
            </a:extLst>
          </p:cNvPr>
          <p:cNvSpPr/>
          <p:nvPr/>
        </p:nvSpPr>
        <p:spPr>
          <a:xfrm>
            <a:off x="6257364" y="1274922"/>
            <a:ext cx="5316071" cy="331135"/>
          </a:xfrm>
          <a:prstGeom prst="roundRect">
            <a:avLst>
              <a:gd name="adj" fmla="val 14624"/>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a:r>
              <a:rPr lang="zh-CN" altLang="en-US" sz="1400">
                <a:solidFill>
                  <a:srgbClr val="0070C0"/>
                </a:solidFill>
              </a:rPr>
              <a:t>网络开通”快”，部署效率提升</a:t>
            </a:r>
            <a:r>
              <a:rPr lang="en-US" altLang="zh-CN" sz="1400">
                <a:solidFill>
                  <a:srgbClr val="0070C0"/>
                </a:solidFill>
              </a:rPr>
              <a:t>600%</a:t>
            </a:r>
          </a:p>
        </p:txBody>
      </p:sp>
      <p:sp>
        <p:nvSpPr>
          <p:cNvPr id="28" name="圆角矩形 125">
            <a:extLst>
              <a:ext uri="{FF2B5EF4-FFF2-40B4-BE49-F238E27FC236}">
                <a16:creationId xmlns:a16="http://schemas.microsoft.com/office/drawing/2014/main" xmlns="" id="{93BAA96F-DA9F-46B9-A59A-DC521AACD6FF}"/>
              </a:ext>
            </a:extLst>
          </p:cNvPr>
          <p:cNvSpPr/>
          <p:nvPr/>
        </p:nvSpPr>
        <p:spPr>
          <a:xfrm>
            <a:off x="6257363" y="1650995"/>
            <a:ext cx="5316071" cy="695124"/>
          </a:xfrm>
          <a:prstGeom prst="roundRect">
            <a:avLst>
              <a:gd name="adj" fmla="val 2222"/>
            </a:avLst>
          </a:prstGeom>
          <a:noFill/>
          <a:ln w="12700">
            <a:solidFill>
              <a:schemeClr val="bg1">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108000" tIns="108000" rIns="108000" bIns="108000" rtlCol="0" anchor="t" anchorCtr="0"/>
          <a:lstStyle/>
          <a:p>
            <a:pPr marL="176213" indent="-176213">
              <a:lnSpc>
                <a:spcPts val="1800"/>
              </a:lnSpc>
              <a:spcAft>
                <a:spcPts val="600"/>
              </a:spcAft>
              <a:buFont typeface="Arial" panose="020B0604020202020204" pitchFamily="34" charset="0"/>
              <a:buChar char="•"/>
            </a:pPr>
            <a:r>
              <a:rPr lang="zh-CN" altLang="en-US" sz="1400">
                <a:solidFill>
                  <a:schemeClr val="tx1"/>
                </a:solidFill>
              </a:rPr>
              <a:t>设备即插即用：设备极简开局，场景导航，模板配置</a:t>
            </a:r>
          </a:p>
          <a:p>
            <a:pPr marL="176213" indent="-176213">
              <a:lnSpc>
                <a:spcPts val="1800"/>
              </a:lnSpc>
              <a:spcAft>
                <a:spcPts val="600"/>
              </a:spcAft>
              <a:buFont typeface="Arial" panose="020B0604020202020204" pitchFamily="34" charset="0"/>
              <a:buChar char="•"/>
            </a:pPr>
            <a:r>
              <a:rPr lang="zh-CN" altLang="en-US" sz="1400">
                <a:solidFill>
                  <a:schemeClr val="tx1"/>
                </a:solidFill>
              </a:rPr>
              <a:t>网络极简部署：网络资源池化，一网多用，业务自动化发放</a:t>
            </a:r>
          </a:p>
        </p:txBody>
      </p:sp>
      <p:sp>
        <p:nvSpPr>
          <p:cNvPr id="29" name="圆角矩形 126">
            <a:extLst>
              <a:ext uri="{FF2B5EF4-FFF2-40B4-BE49-F238E27FC236}">
                <a16:creationId xmlns:a16="http://schemas.microsoft.com/office/drawing/2014/main" xmlns="" id="{0F9CF29C-9B36-45F1-89C3-1320382736CE}"/>
              </a:ext>
            </a:extLst>
          </p:cNvPr>
          <p:cNvSpPr/>
          <p:nvPr/>
        </p:nvSpPr>
        <p:spPr>
          <a:xfrm>
            <a:off x="6257364" y="2424923"/>
            <a:ext cx="5316071" cy="331135"/>
          </a:xfrm>
          <a:prstGeom prst="roundRect">
            <a:avLst>
              <a:gd name="adj" fmla="val 14624"/>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a:r>
              <a:rPr lang="zh-CN" altLang="en-US" sz="1400">
                <a:solidFill>
                  <a:srgbClr val="0070C0"/>
                </a:solidFill>
              </a:rPr>
              <a:t>业务发放”快”，用户体验提升</a:t>
            </a:r>
            <a:r>
              <a:rPr lang="en-US" altLang="zh-CN" sz="1400">
                <a:solidFill>
                  <a:srgbClr val="0070C0"/>
                </a:solidFill>
              </a:rPr>
              <a:t>100%</a:t>
            </a:r>
          </a:p>
        </p:txBody>
      </p:sp>
      <p:sp>
        <p:nvSpPr>
          <p:cNvPr id="30" name="圆角矩形 127">
            <a:extLst>
              <a:ext uri="{FF2B5EF4-FFF2-40B4-BE49-F238E27FC236}">
                <a16:creationId xmlns:a16="http://schemas.microsoft.com/office/drawing/2014/main" xmlns="" id="{2B31CF30-8028-43E7-80AF-D899B4C01559}"/>
              </a:ext>
            </a:extLst>
          </p:cNvPr>
          <p:cNvSpPr/>
          <p:nvPr/>
        </p:nvSpPr>
        <p:spPr>
          <a:xfrm>
            <a:off x="6257363" y="2800996"/>
            <a:ext cx="5316071" cy="1467051"/>
          </a:xfrm>
          <a:prstGeom prst="roundRect">
            <a:avLst>
              <a:gd name="adj" fmla="val 2222"/>
            </a:avLst>
          </a:prstGeom>
          <a:noFill/>
          <a:ln w="12700">
            <a:solidFill>
              <a:schemeClr val="bg1">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108000" tIns="108000" rIns="108000" bIns="108000" rtlCol="0" anchor="t" anchorCtr="0"/>
          <a:lstStyle/>
          <a:p>
            <a:pPr marL="176213" indent="-176213">
              <a:lnSpc>
                <a:spcPts val="1800"/>
              </a:lnSpc>
              <a:spcAft>
                <a:spcPts val="600"/>
              </a:spcAft>
              <a:buFont typeface="Arial" panose="020B0604020202020204" pitchFamily="34" charset="0"/>
              <a:buChar char="•"/>
            </a:pPr>
            <a:r>
              <a:rPr lang="zh-CN" altLang="en-US" sz="1400">
                <a:solidFill>
                  <a:schemeClr val="tx1"/>
                </a:solidFill>
              </a:rPr>
              <a:t>业务随行：图形化策略配置，用户随时随地接入，漫游权限不变，体验不变</a:t>
            </a:r>
          </a:p>
          <a:p>
            <a:pPr marL="176213" indent="-176213">
              <a:lnSpc>
                <a:spcPts val="1800"/>
              </a:lnSpc>
              <a:spcAft>
                <a:spcPts val="600"/>
              </a:spcAft>
              <a:buFont typeface="Arial" panose="020B0604020202020204" pitchFamily="34" charset="0"/>
              <a:buChar char="•"/>
            </a:pPr>
            <a:r>
              <a:rPr lang="zh-CN" altLang="en-US" sz="1400">
                <a:solidFill>
                  <a:schemeClr val="tx1"/>
                </a:solidFill>
              </a:rPr>
              <a:t>终端智能识别：终端接入防仿冒，终端智能识别准确率</a:t>
            </a:r>
            <a:r>
              <a:rPr lang="en-US" altLang="zh-CN" sz="1400">
                <a:solidFill>
                  <a:schemeClr val="tx1"/>
                </a:solidFill>
              </a:rPr>
              <a:t>95+%</a:t>
            </a:r>
            <a:endParaRPr lang="zh-CN" altLang="en-US" sz="1400">
              <a:solidFill>
                <a:schemeClr val="tx1"/>
              </a:solidFill>
            </a:endParaRPr>
          </a:p>
          <a:p>
            <a:pPr marL="176213" indent="-176213">
              <a:lnSpc>
                <a:spcPts val="1800"/>
              </a:lnSpc>
              <a:spcAft>
                <a:spcPts val="600"/>
              </a:spcAft>
              <a:buFont typeface="Arial" panose="020B0604020202020204" pitchFamily="34" charset="0"/>
              <a:buChar char="•"/>
            </a:pPr>
            <a:r>
              <a:rPr lang="zh-CN" altLang="en-US" sz="1400">
                <a:solidFill>
                  <a:schemeClr val="tx1"/>
                </a:solidFill>
              </a:rPr>
              <a:t>智能</a:t>
            </a:r>
            <a:r>
              <a:rPr lang="en-US" altLang="zh-CN" sz="1400">
                <a:solidFill>
                  <a:schemeClr val="tx1"/>
                </a:solidFill>
              </a:rPr>
              <a:t>HQos</a:t>
            </a:r>
            <a:r>
              <a:rPr lang="zh-CN" altLang="en-US" sz="1400">
                <a:solidFill>
                  <a:schemeClr val="tx1"/>
                </a:solidFill>
              </a:rPr>
              <a:t>：基于应用调度和整形，带宽精细化管理，保证关键用户业务体验</a:t>
            </a:r>
          </a:p>
        </p:txBody>
      </p:sp>
      <p:sp>
        <p:nvSpPr>
          <p:cNvPr id="31" name="圆角矩形 128">
            <a:extLst>
              <a:ext uri="{FF2B5EF4-FFF2-40B4-BE49-F238E27FC236}">
                <a16:creationId xmlns:a16="http://schemas.microsoft.com/office/drawing/2014/main" xmlns="" id="{00602A82-4E2D-4239-8566-91AC001B764A}"/>
              </a:ext>
            </a:extLst>
          </p:cNvPr>
          <p:cNvSpPr/>
          <p:nvPr/>
        </p:nvSpPr>
        <p:spPr>
          <a:xfrm>
            <a:off x="6257364" y="4332481"/>
            <a:ext cx="5316071" cy="331135"/>
          </a:xfrm>
          <a:prstGeom prst="roundRect">
            <a:avLst>
              <a:gd name="adj" fmla="val 14624"/>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a:r>
              <a:rPr lang="zh-CN" altLang="en-US" sz="1400">
                <a:solidFill>
                  <a:srgbClr val="0070C0"/>
                </a:solidFill>
              </a:rPr>
              <a:t>智能运维“快”，整网性能提升</a:t>
            </a:r>
            <a:r>
              <a:rPr lang="en-US" altLang="zh-CN" sz="1400">
                <a:solidFill>
                  <a:srgbClr val="0070C0"/>
                </a:solidFill>
              </a:rPr>
              <a:t>50%+</a:t>
            </a:r>
          </a:p>
        </p:txBody>
      </p:sp>
      <p:sp>
        <p:nvSpPr>
          <p:cNvPr id="32" name="圆角矩形 129">
            <a:extLst>
              <a:ext uri="{FF2B5EF4-FFF2-40B4-BE49-F238E27FC236}">
                <a16:creationId xmlns:a16="http://schemas.microsoft.com/office/drawing/2014/main" xmlns="" id="{0ACBCE0C-8709-45B9-97D4-4D1F40AD1441}"/>
              </a:ext>
            </a:extLst>
          </p:cNvPr>
          <p:cNvSpPr/>
          <p:nvPr/>
        </p:nvSpPr>
        <p:spPr>
          <a:xfrm>
            <a:off x="6257363" y="4708553"/>
            <a:ext cx="5316071" cy="1658804"/>
          </a:xfrm>
          <a:prstGeom prst="roundRect">
            <a:avLst>
              <a:gd name="adj" fmla="val 2222"/>
            </a:avLst>
          </a:prstGeom>
          <a:noFill/>
          <a:ln w="12700">
            <a:solidFill>
              <a:schemeClr val="bg1">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108000" tIns="108000" rIns="108000" bIns="108000" rtlCol="0" anchor="t" anchorCtr="0"/>
          <a:lstStyle/>
          <a:p>
            <a:pPr marL="176213" indent="-176213">
              <a:lnSpc>
                <a:spcPts val="1800"/>
              </a:lnSpc>
              <a:spcAft>
                <a:spcPts val="600"/>
              </a:spcAft>
              <a:buFont typeface="Arial" panose="020B0604020202020204" pitchFamily="34" charset="0"/>
              <a:buChar char="•"/>
            </a:pPr>
            <a:r>
              <a:rPr lang="zh-CN" altLang="en-US" sz="1400">
                <a:solidFill>
                  <a:schemeClr val="tx1"/>
                </a:solidFill>
              </a:rPr>
              <a:t>实时体验可视：基于</a:t>
            </a:r>
            <a:r>
              <a:rPr lang="en-US" altLang="zh-CN" sz="1400">
                <a:solidFill>
                  <a:schemeClr val="tx1"/>
                </a:solidFill>
              </a:rPr>
              <a:t>Telemetry</a:t>
            </a:r>
            <a:r>
              <a:rPr lang="zh-CN" altLang="en-US" sz="1400">
                <a:solidFill>
                  <a:schemeClr val="tx1"/>
                </a:solidFill>
              </a:rPr>
              <a:t>的每时刻、每用户、每区域的网络体验可视</a:t>
            </a:r>
          </a:p>
          <a:p>
            <a:pPr marL="176213" indent="-176213">
              <a:lnSpc>
                <a:spcPts val="1800"/>
              </a:lnSpc>
              <a:spcAft>
                <a:spcPts val="600"/>
              </a:spcAft>
              <a:buFont typeface="Arial" panose="020B0604020202020204" pitchFamily="34" charset="0"/>
              <a:buChar char="•"/>
            </a:pPr>
            <a:r>
              <a:rPr lang="zh-CN" altLang="en-US" sz="1400">
                <a:solidFill>
                  <a:schemeClr val="tx1"/>
                </a:solidFill>
              </a:rPr>
              <a:t>精准故障分析：主动识别</a:t>
            </a:r>
            <a:r>
              <a:rPr lang="en-US" altLang="zh-CN" sz="1400">
                <a:solidFill>
                  <a:schemeClr val="tx1"/>
                </a:solidFill>
              </a:rPr>
              <a:t>85%</a:t>
            </a:r>
            <a:r>
              <a:rPr lang="zh-CN" altLang="en-US" sz="1400">
                <a:solidFill>
                  <a:schemeClr val="tx1"/>
                </a:solidFill>
              </a:rPr>
              <a:t>的典型网络问题并给出建议，实时数据对比分析故障预测</a:t>
            </a:r>
          </a:p>
          <a:p>
            <a:pPr marL="176213" indent="-176213">
              <a:lnSpc>
                <a:spcPts val="1800"/>
              </a:lnSpc>
              <a:spcAft>
                <a:spcPts val="600"/>
              </a:spcAft>
              <a:buFont typeface="Arial" panose="020B0604020202020204" pitchFamily="34" charset="0"/>
              <a:buChar char="•"/>
            </a:pPr>
            <a:r>
              <a:rPr lang="zh-CN" altLang="en-US" sz="1400">
                <a:solidFill>
                  <a:schemeClr val="tx1"/>
                </a:solidFill>
              </a:rPr>
              <a:t>智能网络调优：基于历史数据的无线网络预测性调优，整网性能提升</a:t>
            </a:r>
            <a:r>
              <a:rPr lang="en-US" altLang="zh-CN" sz="1400">
                <a:solidFill>
                  <a:schemeClr val="tx1"/>
                </a:solidFill>
              </a:rPr>
              <a:t>50%+</a:t>
            </a:r>
            <a:r>
              <a:rPr lang="zh-CN" altLang="en-US" sz="1000">
                <a:solidFill>
                  <a:schemeClr val="tx1"/>
                </a:solidFill>
              </a:rPr>
              <a:t>（来源：</a:t>
            </a:r>
            <a:r>
              <a:rPr lang="en-US" altLang="zh-CN" sz="1000">
                <a:solidFill>
                  <a:schemeClr val="tx1"/>
                </a:solidFill>
              </a:rPr>
              <a:t>Tolly</a:t>
            </a:r>
            <a:r>
              <a:rPr lang="zh-CN" altLang="en-US" sz="1000">
                <a:solidFill>
                  <a:schemeClr val="tx1"/>
                </a:solidFill>
              </a:rPr>
              <a:t>认证）</a:t>
            </a:r>
          </a:p>
        </p:txBody>
      </p:sp>
      <p:grpSp>
        <p:nvGrpSpPr>
          <p:cNvPr id="33" name="组合 32">
            <a:extLst>
              <a:ext uri="{FF2B5EF4-FFF2-40B4-BE49-F238E27FC236}">
                <a16:creationId xmlns:a16="http://schemas.microsoft.com/office/drawing/2014/main" xmlns="" id="{9D59159F-AB84-430B-922A-6002178BD2BE}"/>
              </a:ext>
            </a:extLst>
          </p:cNvPr>
          <p:cNvGrpSpPr/>
          <p:nvPr/>
        </p:nvGrpSpPr>
        <p:grpSpPr>
          <a:xfrm>
            <a:off x="1743462" y="1292697"/>
            <a:ext cx="2971076" cy="1743308"/>
            <a:chOff x="1702524" y="1229197"/>
            <a:chExt cx="2971076" cy="1743308"/>
          </a:xfrm>
        </p:grpSpPr>
        <p:sp>
          <p:nvSpPr>
            <p:cNvPr id="34" name="TextBox 63">
              <a:extLst>
                <a:ext uri="{FF2B5EF4-FFF2-40B4-BE49-F238E27FC236}">
                  <a16:creationId xmlns:a16="http://schemas.microsoft.com/office/drawing/2014/main" xmlns="" id="{A3633133-5D17-4CAF-A992-D2D720C50F05}"/>
                </a:ext>
              </a:extLst>
            </p:cNvPr>
            <p:cNvSpPr txBox="1"/>
            <p:nvPr/>
          </p:nvSpPr>
          <p:spPr>
            <a:xfrm>
              <a:off x="2685262" y="1410535"/>
              <a:ext cx="543739" cy="307777"/>
            </a:xfrm>
            <a:prstGeom prst="rect">
              <a:avLst/>
            </a:prstGeom>
            <a:noFill/>
          </p:spPr>
          <p:txBody>
            <a:bodyPr wrap="none" rtlCol="0">
              <a:spAutoFit/>
            </a:bodyPr>
            <a:lstStyle/>
            <a:p>
              <a:pPr algn="ctr" defTabSz="914112"/>
              <a:r>
                <a:rPr lang="zh-CN" altLang="en-US" sz="1400" b="1" dirty="0">
                  <a:cs typeface="+mn-ea"/>
                  <a:sym typeface="Huawei Sans" panose="020C0503030203020204" pitchFamily="34" charset="0"/>
                </a:rPr>
                <a:t>分析</a:t>
              </a:r>
              <a:endParaRPr lang="en-US" altLang="zh-CN" sz="1400" b="1" dirty="0">
                <a:cs typeface="+mn-ea"/>
                <a:sym typeface="Huawei Sans" panose="020C0503030203020204" pitchFamily="34" charset="0"/>
              </a:endParaRPr>
            </a:p>
          </p:txBody>
        </p:sp>
        <p:sp>
          <p:nvSpPr>
            <p:cNvPr id="35" name="TextBox 63">
              <a:extLst>
                <a:ext uri="{FF2B5EF4-FFF2-40B4-BE49-F238E27FC236}">
                  <a16:creationId xmlns:a16="http://schemas.microsoft.com/office/drawing/2014/main" xmlns="" id="{E2E66BC2-70B0-46E4-A556-73B7B69FDD8F}"/>
                </a:ext>
              </a:extLst>
            </p:cNvPr>
            <p:cNvSpPr txBox="1"/>
            <p:nvPr/>
          </p:nvSpPr>
          <p:spPr>
            <a:xfrm>
              <a:off x="2193852" y="1852100"/>
              <a:ext cx="543739" cy="307777"/>
            </a:xfrm>
            <a:prstGeom prst="rect">
              <a:avLst/>
            </a:prstGeom>
            <a:noFill/>
          </p:spPr>
          <p:txBody>
            <a:bodyPr wrap="none" rtlCol="0">
              <a:spAutoFit/>
            </a:bodyPr>
            <a:lstStyle/>
            <a:p>
              <a:pPr algn="ctr" defTabSz="914112"/>
              <a:r>
                <a:rPr lang="zh-CN" altLang="en-US" sz="1400" b="1" dirty="0">
                  <a:cs typeface="+mn-ea"/>
                  <a:sym typeface="Huawei Sans" panose="020C0503030203020204" pitchFamily="34" charset="0"/>
                </a:rPr>
                <a:t>管理</a:t>
              </a:r>
              <a:endParaRPr lang="en-US" altLang="zh-CN" sz="1400" b="1" dirty="0">
                <a:cs typeface="+mn-ea"/>
                <a:sym typeface="Huawei Sans" panose="020C0503030203020204" pitchFamily="34" charset="0"/>
              </a:endParaRPr>
            </a:p>
          </p:txBody>
        </p:sp>
        <p:sp>
          <p:nvSpPr>
            <p:cNvPr id="36" name="TextBox 63">
              <a:extLst>
                <a:ext uri="{FF2B5EF4-FFF2-40B4-BE49-F238E27FC236}">
                  <a16:creationId xmlns:a16="http://schemas.microsoft.com/office/drawing/2014/main" xmlns="" id="{7918EB6A-A629-41F6-8CF8-20C965F5093F}"/>
                </a:ext>
              </a:extLst>
            </p:cNvPr>
            <p:cNvSpPr txBox="1"/>
            <p:nvPr/>
          </p:nvSpPr>
          <p:spPr>
            <a:xfrm>
              <a:off x="3176672" y="1852100"/>
              <a:ext cx="543739" cy="307777"/>
            </a:xfrm>
            <a:prstGeom prst="rect">
              <a:avLst/>
            </a:prstGeom>
            <a:noFill/>
          </p:spPr>
          <p:txBody>
            <a:bodyPr wrap="none" rtlCol="0">
              <a:spAutoFit/>
            </a:bodyPr>
            <a:lstStyle/>
            <a:p>
              <a:pPr algn="ctr" defTabSz="914112"/>
              <a:r>
                <a:rPr lang="zh-CN" altLang="en-US" sz="1400" b="1">
                  <a:cs typeface="+mn-ea"/>
                  <a:sym typeface="Huawei Sans" panose="020C0503030203020204" pitchFamily="34" charset="0"/>
                </a:rPr>
                <a:t>控制</a:t>
              </a:r>
              <a:endParaRPr lang="en-US" altLang="zh-CN" sz="1400" b="1" dirty="0">
                <a:cs typeface="+mn-ea"/>
                <a:sym typeface="Huawei Sans" panose="020C0503030203020204" pitchFamily="34" charset="0"/>
              </a:endParaRPr>
            </a:p>
          </p:txBody>
        </p:sp>
        <p:sp>
          <p:nvSpPr>
            <p:cNvPr id="37" name="Freeform 159">
              <a:extLst>
                <a:ext uri="{FF2B5EF4-FFF2-40B4-BE49-F238E27FC236}">
                  <a16:creationId xmlns:a16="http://schemas.microsoft.com/office/drawing/2014/main" xmlns="" id="{CB219C58-ADDC-4224-B49C-2A2A0B439E3B}"/>
                </a:ext>
              </a:extLst>
            </p:cNvPr>
            <p:cNvSpPr/>
            <p:nvPr/>
          </p:nvSpPr>
          <p:spPr>
            <a:xfrm flipH="1">
              <a:off x="1702524" y="1229197"/>
              <a:ext cx="2971076" cy="1553066"/>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no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wrap="square" tIns="108000" rtlCol="0" anchor="ctr">
              <a:noAutofit/>
            </a:bodyPr>
            <a:lstStyle/>
            <a:p>
              <a:pPr algn="ctr"/>
              <a:endParaRPr lang="en-US" sz="1200" b="1">
                <a:solidFill>
                  <a:schemeClr val="bg1">
                    <a:lumMod val="50000"/>
                  </a:schemeClr>
                </a:solidFill>
              </a:endParaRPr>
            </a:p>
          </p:txBody>
        </p:sp>
        <p:sp>
          <p:nvSpPr>
            <p:cNvPr id="38" name="椭圆 37">
              <a:extLst>
                <a:ext uri="{FF2B5EF4-FFF2-40B4-BE49-F238E27FC236}">
                  <a16:creationId xmlns:a16="http://schemas.microsoft.com/office/drawing/2014/main" xmlns="" id="{22CAA2B3-FE6F-4FAB-A8EF-8530147094C2}"/>
                </a:ext>
              </a:extLst>
            </p:cNvPr>
            <p:cNvSpPr/>
            <p:nvPr/>
          </p:nvSpPr>
          <p:spPr>
            <a:xfrm>
              <a:off x="2792538" y="1813001"/>
              <a:ext cx="329184" cy="329184"/>
            </a:xfrm>
            <a:prstGeom prst="ellipse">
              <a:avLst/>
            </a:prstGeom>
            <a:noFill/>
            <a:ln w="28575">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9" name="椭圆 38">
              <a:extLst>
                <a:ext uri="{FF2B5EF4-FFF2-40B4-BE49-F238E27FC236}">
                  <a16:creationId xmlns:a16="http://schemas.microsoft.com/office/drawing/2014/main" xmlns="" id="{46D20AED-03FE-4B8D-8D4F-6939E0E5E6E3}"/>
                </a:ext>
              </a:extLst>
            </p:cNvPr>
            <p:cNvSpPr>
              <a:spLocks noChangeAspect="1"/>
            </p:cNvSpPr>
            <p:nvPr/>
          </p:nvSpPr>
          <p:spPr>
            <a:xfrm>
              <a:off x="2895702" y="1747942"/>
              <a:ext cx="122854" cy="122854"/>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0" name="椭圆 39">
              <a:extLst>
                <a:ext uri="{FF2B5EF4-FFF2-40B4-BE49-F238E27FC236}">
                  <a16:creationId xmlns:a16="http://schemas.microsoft.com/office/drawing/2014/main" xmlns="" id="{EA642400-97E6-4892-BFD2-1B4F1F2BA5C3}"/>
                </a:ext>
              </a:extLst>
            </p:cNvPr>
            <p:cNvSpPr>
              <a:spLocks noChangeAspect="1"/>
            </p:cNvSpPr>
            <p:nvPr/>
          </p:nvSpPr>
          <p:spPr>
            <a:xfrm>
              <a:off x="2731110" y="1916165"/>
              <a:ext cx="122854" cy="122854"/>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1" name="椭圆 40">
              <a:extLst>
                <a:ext uri="{FF2B5EF4-FFF2-40B4-BE49-F238E27FC236}">
                  <a16:creationId xmlns:a16="http://schemas.microsoft.com/office/drawing/2014/main" xmlns="" id="{FA4E89B1-24A4-4950-A88B-EFDA23933E12}"/>
                </a:ext>
              </a:extLst>
            </p:cNvPr>
            <p:cNvSpPr>
              <a:spLocks noChangeAspect="1"/>
            </p:cNvSpPr>
            <p:nvPr/>
          </p:nvSpPr>
          <p:spPr>
            <a:xfrm>
              <a:off x="3060294" y="1916165"/>
              <a:ext cx="122854" cy="122854"/>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2" name="TextBox 63">
              <a:extLst>
                <a:ext uri="{FF2B5EF4-FFF2-40B4-BE49-F238E27FC236}">
                  <a16:creationId xmlns:a16="http://schemas.microsoft.com/office/drawing/2014/main" xmlns="" id="{E3A0E0D9-E94B-4C10-8007-3E92E69A8214}"/>
                </a:ext>
              </a:extLst>
            </p:cNvPr>
            <p:cNvSpPr txBox="1"/>
            <p:nvPr/>
          </p:nvSpPr>
          <p:spPr>
            <a:xfrm>
              <a:off x="1978286" y="2334567"/>
              <a:ext cx="447676" cy="228927"/>
            </a:xfrm>
            <a:prstGeom prst="roundRect">
              <a:avLst/>
            </a:prstGeom>
            <a:solidFill>
              <a:srgbClr val="00B0F0"/>
            </a:solidFill>
            <a:ln>
              <a:noFill/>
            </a:ln>
          </p:spPr>
          <p:txBody>
            <a:bodyPr wrap="none" rtlCol="0" anchor="ctr" anchorCtr="0">
              <a:noAutofit/>
            </a:bodyPr>
            <a:lstStyle/>
            <a:p>
              <a:pPr algn="ctr" defTabSz="914112"/>
              <a:r>
                <a:rPr lang="zh-CN" altLang="en-US" sz="1400">
                  <a:solidFill>
                    <a:schemeClr val="bg1"/>
                  </a:solidFill>
                  <a:cs typeface="+mn-ea"/>
                  <a:sym typeface="Huawei Sans" panose="020C0503030203020204" pitchFamily="34" charset="0"/>
                </a:rPr>
                <a:t>设计</a:t>
              </a:r>
              <a:endParaRPr lang="en-US" altLang="zh-CN" sz="1400" dirty="0">
                <a:solidFill>
                  <a:schemeClr val="bg1"/>
                </a:solidFill>
                <a:cs typeface="+mn-ea"/>
                <a:sym typeface="Huawei Sans" panose="020C0503030203020204" pitchFamily="34" charset="0"/>
              </a:endParaRPr>
            </a:p>
          </p:txBody>
        </p:sp>
        <p:sp>
          <p:nvSpPr>
            <p:cNvPr id="43" name="TextBox 63">
              <a:extLst>
                <a:ext uri="{FF2B5EF4-FFF2-40B4-BE49-F238E27FC236}">
                  <a16:creationId xmlns:a16="http://schemas.microsoft.com/office/drawing/2014/main" xmlns="" id="{C2F7376B-04A9-40E4-95C0-382D90A6BD63}"/>
                </a:ext>
              </a:extLst>
            </p:cNvPr>
            <p:cNvSpPr txBox="1"/>
            <p:nvPr/>
          </p:nvSpPr>
          <p:spPr>
            <a:xfrm>
              <a:off x="2964277" y="2334567"/>
              <a:ext cx="447676" cy="228927"/>
            </a:xfrm>
            <a:prstGeom prst="roundRect">
              <a:avLst/>
            </a:prstGeom>
            <a:solidFill>
              <a:srgbClr val="00B0F0"/>
            </a:solidFill>
            <a:ln>
              <a:noFill/>
            </a:ln>
          </p:spPr>
          <p:txBody>
            <a:bodyPr wrap="none" rtlCol="0" anchor="ctr" anchorCtr="0">
              <a:noAutofit/>
            </a:bodyPr>
            <a:lstStyle/>
            <a:p>
              <a:pPr algn="ctr" defTabSz="914112"/>
              <a:r>
                <a:rPr lang="zh-CN" altLang="en-US" sz="1400">
                  <a:solidFill>
                    <a:schemeClr val="bg1"/>
                  </a:solidFill>
                  <a:cs typeface="+mn-ea"/>
                  <a:sym typeface="Huawei Sans" panose="020C0503030203020204" pitchFamily="34" charset="0"/>
                </a:rPr>
                <a:t>部署</a:t>
              </a:r>
              <a:endParaRPr lang="en-US" altLang="zh-CN" sz="1400" dirty="0">
                <a:solidFill>
                  <a:schemeClr val="bg1"/>
                </a:solidFill>
                <a:cs typeface="+mn-ea"/>
                <a:sym typeface="Huawei Sans" panose="020C0503030203020204" pitchFamily="34" charset="0"/>
              </a:endParaRPr>
            </a:p>
          </p:txBody>
        </p:sp>
        <p:sp>
          <p:nvSpPr>
            <p:cNvPr id="44" name="TextBox 63">
              <a:extLst>
                <a:ext uri="{FF2B5EF4-FFF2-40B4-BE49-F238E27FC236}">
                  <a16:creationId xmlns:a16="http://schemas.microsoft.com/office/drawing/2014/main" xmlns="" id="{80341090-70B0-4412-A25B-24932427936B}"/>
                </a:ext>
              </a:extLst>
            </p:cNvPr>
            <p:cNvSpPr txBox="1"/>
            <p:nvPr/>
          </p:nvSpPr>
          <p:spPr>
            <a:xfrm>
              <a:off x="3950268" y="2334567"/>
              <a:ext cx="447676" cy="228927"/>
            </a:xfrm>
            <a:prstGeom prst="roundRect">
              <a:avLst/>
            </a:prstGeom>
            <a:solidFill>
              <a:srgbClr val="00B0F0"/>
            </a:solidFill>
            <a:ln>
              <a:noFill/>
            </a:ln>
          </p:spPr>
          <p:txBody>
            <a:bodyPr wrap="none" rtlCol="0" anchor="ctr" anchorCtr="0">
              <a:noAutofit/>
            </a:bodyPr>
            <a:lstStyle/>
            <a:p>
              <a:pPr algn="ctr" defTabSz="914112"/>
              <a:r>
                <a:rPr lang="zh-CN" altLang="en-US" sz="1400">
                  <a:solidFill>
                    <a:schemeClr val="bg1"/>
                  </a:solidFill>
                  <a:cs typeface="+mn-ea"/>
                  <a:sym typeface="Huawei Sans" panose="020C0503030203020204" pitchFamily="34" charset="0"/>
                </a:rPr>
                <a:t>策略</a:t>
              </a:r>
              <a:endParaRPr lang="en-US" altLang="zh-CN" sz="1400" dirty="0">
                <a:solidFill>
                  <a:schemeClr val="bg1"/>
                </a:solidFill>
                <a:cs typeface="+mn-ea"/>
                <a:sym typeface="Huawei Sans" panose="020C0503030203020204" pitchFamily="34" charset="0"/>
              </a:endParaRPr>
            </a:p>
          </p:txBody>
        </p:sp>
        <p:sp>
          <p:nvSpPr>
            <p:cNvPr id="45" name="Right Arrow 158">
              <a:extLst>
                <a:ext uri="{FF2B5EF4-FFF2-40B4-BE49-F238E27FC236}">
                  <a16:creationId xmlns:a16="http://schemas.microsoft.com/office/drawing/2014/main" xmlns="" id="{0AF9F200-7858-475E-8056-3DEA4D426F96}"/>
                </a:ext>
              </a:extLst>
            </p:cNvPr>
            <p:cNvSpPr/>
            <p:nvPr/>
          </p:nvSpPr>
          <p:spPr>
            <a:xfrm>
              <a:off x="2419468" y="2330921"/>
              <a:ext cx="457738" cy="233525"/>
            </a:xfrm>
            <a:prstGeom prst="rightArrow">
              <a:avLst>
                <a:gd name="adj1" fmla="val 79333"/>
                <a:gd name="adj2" fmla="val 50000"/>
              </a:avLst>
            </a:prstGeom>
            <a:gradFill flip="none" rotWithShape="1">
              <a:gsLst>
                <a:gs pos="15000">
                  <a:schemeClr val="accent1">
                    <a:lumMod val="5000"/>
                    <a:lumOff val="95000"/>
                    <a:alpha val="0"/>
                  </a:schemeClr>
                </a:gs>
                <a:gs pos="81000">
                  <a:srgbClr val="00B0F0">
                    <a:alpha val="47000"/>
                  </a:srgbClr>
                </a:gs>
              </a:gsLst>
              <a:lin ang="0" scaled="1"/>
              <a:tileRect/>
            </a:gradFill>
            <a:ln w="9525">
              <a:gradFill flip="none" rotWithShape="1">
                <a:gsLst>
                  <a:gs pos="11000">
                    <a:schemeClr val="accent1">
                      <a:lumMod val="0"/>
                      <a:lumOff val="100000"/>
                      <a:alpha val="0"/>
                    </a:schemeClr>
                  </a:gs>
                  <a:gs pos="67000">
                    <a:srgbClr val="0B9CE5"/>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6" name="Right Arrow 158">
              <a:extLst>
                <a:ext uri="{FF2B5EF4-FFF2-40B4-BE49-F238E27FC236}">
                  <a16:creationId xmlns:a16="http://schemas.microsoft.com/office/drawing/2014/main" xmlns="" id="{390E2720-89B6-4ED5-BC08-95CA57D09408}"/>
                </a:ext>
              </a:extLst>
            </p:cNvPr>
            <p:cNvSpPr/>
            <p:nvPr/>
          </p:nvSpPr>
          <p:spPr>
            <a:xfrm>
              <a:off x="3405459" y="2330921"/>
              <a:ext cx="457738" cy="233525"/>
            </a:xfrm>
            <a:prstGeom prst="rightArrow">
              <a:avLst>
                <a:gd name="adj1" fmla="val 79333"/>
                <a:gd name="adj2" fmla="val 50000"/>
              </a:avLst>
            </a:prstGeom>
            <a:gradFill flip="none" rotWithShape="1">
              <a:gsLst>
                <a:gs pos="15000">
                  <a:schemeClr val="accent1">
                    <a:lumMod val="5000"/>
                    <a:lumOff val="95000"/>
                    <a:alpha val="0"/>
                  </a:schemeClr>
                </a:gs>
                <a:gs pos="81000">
                  <a:srgbClr val="00B0F0">
                    <a:alpha val="47000"/>
                  </a:srgbClr>
                </a:gs>
              </a:gsLst>
              <a:lin ang="0" scaled="1"/>
              <a:tileRect/>
            </a:gradFill>
            <a:ln w="9525">
              <a:gradFill flip="none" rotWithShape="1">
                <a:gsLst>
                  <a:gs pos="11000">
                    <a:schemeClr val="accent1">
                      <a:lumMod val="0"/>
                      <a:lumOff val="100000"/>
                      <a:alpha val="0"/>
                    </a:schemeClr>
                  </a:gs>
                  <a:gs pos="67000">
                    <a:srgbClr val="0B9CE5"/>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7" name="圆角矩形 155">
              <a:extLst>
                <a:ext uri="{FF2B5EF4-FFF2-40B4-BE49-F238E27FC236}">
                  <a16:creationId xmlns:a16="http://schemas.microsoft.com/office/drawing/2014/main" xmlns="" id="{3CD59E44-A3DF-4C08-B78C-8911DBFAF6F9}"/>
                </a:ext>
              </a:extLst>
            </p:cNvPr>
            <p:cNvSpPr/>
            <p:nvPr/>
          </p:nvSpPr>
          <p:spPr>
            <a:xfrm>
              <a:off x="3411953" y="1559117"/>
              <a:ext cx="1103908" cy="211435"/>
            </a:xfrm>
            <a:prstGeom prst="roundRect">
              <a:avLst>
                <a:gd name="adj" fmla="val 50000"/>
              </a:avLst>
            </a:prstGeom>
            <a:solidFill>
              <a:srgbClr val="00B0F0"/>
            </a:solidFill>
            <a:ln w="9525">
              <a:noFill/>
            </a:ln>
          </p:spPr>
          <p:style>
            <a:lnRef idx="2">
              <a:schemeClr val="accent1">
                <a:shade val="50000"/>
              </a:schemeClr>
            </a:lnRef>
            <a:fillRef idx="1">
              <a:schemeClr val="accent1"/>
            </a:fillRef>
            <a:effectRef idx="0">
              <a:schemeClr val="accent1"/>
            </a:effectRef>
            <a:fontRef idx="minor">
              <a:schemeClr val="lt1"/>
            </a:fontRef>
          </p:style>
          <p:txBody>
            <a:bodyPr wrap="none" anchor="ctr" anchorCtr="0">
              <a:noAutofit/>
            </a:bodyPr>
            <a:lstStyle/>
            <a:p>
              <a:pPr algn="ctr" defTabSz="2436959" eaLnBrk="0" fontAlgn="base">
                <a:spcBef>
                  <a:spcPct val="0"/>
                </a:spcBef>
                <a:spcAft>
                  <a:spcPct val="0"/>
                </a:spcAft>
              </a:pPr>
              <a:r>
                <a:rPr lang="zh-CN" altLang="en-US" sz="1100">
                  <a:solidFill>
                    <a:schemeClr val="bg1"/>
                  </a:solidFill>
                  <a:cs typeface="+mn-ea"/>
                  <a:sym typeface="Huawei Sans" panose="020C0503030203020204" pitchFamily="34" charset="0"/>
                </a:rPr>
                <a:t>一站式管理平台</a:t>
              </a:r>
              <a:endParaRPr lang="en-US" altLang="zh-CN" sz="1100" dirty="0">
                <a:solidFill>
                  <a:schemeClr val="bg1"/>
                </a:solidFill>
                <a:cs typeface="+mn-ea"/>
                <a:sym typeface="Huawei Sans" panose="020C0503030203020204" pitchFamily="34" charset="0"/>
              </a:endParaRPr>
            </a:p>
          </p:txBody>
        </p:sp>
        <p:grpSp>
          <p:nvGrpSpPr>
            <p:cNvPr id="48" name="组合 47">
              <a:extLst>
                <a:ext uri="{FF2B5EF4-FFF2-40B4-BE49-F238E27FC236}">
                  <a16:creationId xmlns:a16="http://schemas.microsoft.com/office/drawing/2014/main" xmlns="" id="{E65482E2-AC1C-4F9B-B26E-54DDDD286BF8}"/>
                </a:ext>
              </a:extLst>
            </p:cNvPr>
            <p:cNvGrpSpPr/>
            <p:nvPr/>
          </p:nvGrpSpPr>
          <p:grpSpPr>
            <a:xfrm>
              <a:off x="2480791" y="2681575"/>
              <a:ext cx="1496420" cy="290930"/>
              <a:chOff x="1859158" y="3463346"/>
              <a:chExt cx="1496420" cy="290930"/>
            </a:xfrm>
          </p:grpSpPr>
          <p:sp>
            <p:nvSpPr>
              <p:cNvPr id="49" name="矩形 48">
                <a:extLst>
                  <a:ext uri="{FF2B5EF4-FFF2-40B4-BE49-F238E27FC236}">
                    <a16:creationId xmlns:a16="http://schemas.microsoft.com/office/drawing/2014/main" xmlns="" id="{E564090B-958A-4874-A149-320EE880B2AF}"/>
                  </a:ext>
                </a:extLst>
              </p:cNvPr>
              <p:cNvSpPr/>
              <p:nvPr/>
            </p:nvSpPr>
            <p:spPr>
              <a:xfrm>
                <a:off x="1859158" y="3463346"/>
                <a:ext cx="1496420" cy="26939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50" name="图片 49">
                <a:extLst>
                  <a:ext uri="{FF2B5EF4-FFF2-40B4-BE49-F238E27FC236}">
                    <a16:creationId xmlns:a16="http://schemas.microsoft.com/office/drawing/2014/main" xmlns="" id="{E0DE72BF-7F28-4875-9FFD-72FB4782113F}"/>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b="80571"/>
              <a:stretch/>
            </p:blipFill>
            <p:spPr>
              <a:xfrm>
                <a:off x="1963145" y="3468480"/>
                <a:ext cx="1288446" cy="285796"/>
              </a:xfrm>
              <a:prstGeom prst="rect">
                <a:avLst/>
              </a:prstGeom>
            </p:spPr>
          </p:pic>
        </p:grpSp>
      </p:grpSp>
      <p:pic>
        <p:nvPicPr>
          <p:cNvPr id="51" name="Picture 3" descr="E:\01转移\PTT元素\射光-01.png">
            <a:extLst>
              <a:ext uri="{FF2B5EF4-FFF2-40B4-BE49-F238E27FC236}">
                <a16:creationId xmlns:a16="http://schemas.microsoft.com/office/drawing/2014/main" xmlns="" id="{60899438-4497-4850-95F8-3AC190E3528D}"/>
              </a:ext>
            </a:extLst>
          </p:cNvPr>
          <p:cNvPicPr>
            <a:picLocks noChangeAspect="1" noChangeArrowheads="1"/>
          </p:cNvPicPr>
          <p:nvPr/>
        </p:nvPicPr>
        <p:blipFill>
          <a:blip r:embed="rId4" cstate="print">
            <a:duotone>
              <a:prstClr val="black"/>
              <a:schemeClr val="tx2">
                <a:tint val="45000"/>
                <a:satMod val="400000"/>
              </a:schemeClr>
            </a:duotone>
            <a:extLst>
              <a:ext uri="{28A0092B-C50C-407E-A947-70E740481C1C}">
                <a14:useLocalDpi xmlns:a14="http://schemas.microsoft.com/office/drawing/2010/main" val="0"/>
              </a:ext>
            </a:extLst>
          </a:blip>
          <a:srcRect/>
          <a:stretch>
            <a:fillRect/>
          </a:stretch>
        </p:blipFill>
        <p:spPr bwMode="auto">
          <a:xfrm rot="10800000">
            <a:off x="845036" y="3061881"/>
            <a:ext cx="4767929" cy="406785"/>
          </a:xfrm>
          <a:prstGeom prst="rect">
            <a:avLst/>
          </a:prstGeom>
          <a:noFill/>
          <a:extLst>
            <a:ext uri="{909E8E84-426E-40DD-AFC4-6F175D3DCCD1}">
              <a14:hiddenFill xmlns:a14="http://schemas.microsoft.com/office/drawing/2010/main">
                <a:solidFill>
                  <a:srgbClr val="FFFFFF"/>
                </a:solidFill>
              </a14:hiddenFill>
            </a:ext>
          </a:extLst>
        </p:spPr>
      </p:pic>
      <p:sp>
        <p:nvSpPr>
          <p:cNvPr id="52" name="矩形 51">
            <a:extLst>
              <a:ext uri="{FF2B5EF4-FFF2-40B4-BE49-F238E27FC236}">
                <a16:creationId xmlns:a16="http://schemas.microsoft.com/office/drawing/2014/main" xmlns="" id="{11022EDE-66FF-4E73-BF11-5BDB37C5F816}"/>
              </a:ext>
            </a:extLst>
          </p:cNvPr>
          <p:cNvSpPr/>
          <p:nvPr/>
        </p:nvSpPr>
        <p:spPr>
          <a:xfrm>
            <a:off x="2591646" y="3141311"/>
            <a:ext cx="1274708" cy="276999"/>
          </a:xfrm>
          <a:prstGeom prst="rect">
            <a:avLst/>
          </a:prstGeom>
          <a:noFill/>
          <a:ln>
            <a:noFill/>
          </a:ln>
          <a:effectLst/>
        </p:spPr>
        <p:txBody>
          <a:bodyPr wrap="none">
            <a:spAutoFit/>
          </a:bodyPr>
          <a:lstStyle/>
          <a:p>
            <a:pPr algn="ctr"/>
            <a:r>
              <a:rPr lang="en-US" altLang="zh-CN" sz="1200" b="1" dirty="0" err="1">
                <a:solidFill>
                  <a:schemeClr val="bg1"/>
                </a:solidFill>
                <a:cs typeface="Arial" panose="020B0604020202020204" pitchFamily="34" charset="0"/>
              </a:rPr>
              <a:t>Netconf</a:t>
            </a:r>
            <a:r>
              <a:rPr lang="en-US" altLang="zh-CN" sz="1200" b="1" dirty="0">
                <a:solidFill>
                  <a:schemeClr val="bg1"/>
                </a:solidFill>
                <a:cs typeface="Arial" panose="020B0604020202020204" pitchFamily="34" charset="0"/>
              </a:rPr>
              <a:t>/YANG</a:t>
            </a:r>
          </a:p>
        </p:txBody>
      </p:sp>
      <p:pic>
        <p:nvPicPr>
          <p:cNvPr id="53" name="图片 76" descr="接入交换机.png">
            <a:extLst>
              <a:ext uri="{FF2B5EF4-FFF2-40B4-BE49-F238E27FC236}">
                <a16:creationId xmlns:a16="http://schemas.microsoft.com/office/drawing/2014/main" xmlns="" id="{0562D482-237E-46C2-B072-D256C6F9B603}"/>
              </a:ext>
            </a:extLst>
          </p:cNvPr>
          <p:cNvPicPr>
            <a:picLocks noChangeAspect="1"/>
          </p:cNvPicPr>
          <p:nvPr/>
        </p:nvPicPr>
        <p:blipFill>
          <a:blip r:embed="rId5" cstate="print"/>
          <a:stretch>
            <a:fillRect/>
          </a:stretch>
        </p:blipFill>
        <p:spPr>
          <a:xfrm>
            <a:off x="628285" y="4817773"/>
            <a:ext cx="251914" cy="206112"/>
          </a:xfrm>
          <a:prstGeom prst="rect">
            <a:avLst/>
          </a:prstGeom>
        </p:spPr>
      </p:pic>
      <p:pic>
        <p:nvPicPr>
          <p:cNvPr id="54" name="图片 105" descr="AP.png">
            <a:extLst>
              <a:ext uri="{FF2B5EF4-FFF2-40B4-BE49-F238E27FC236}">
                <a16:creationId xmlns:a16="http://schemas.microsoft.com/office/drawing/2014/main" xmlns="" id="{F976BB28-9434-4F92-8B39-1E660BBF609F}"/>
              </a:ext>
            </a:extLst>
          </p:cNvPr>
          <p:cNvPicPr>
            <a:picLocks noChangeAspect="1"/>
          </p:cNvPicPr>
          <p:nvPr/>
        </p:nvPicPr>
        <p:blipFill>
          <a:blip r:embed="rId6" cstate="print"/>
          <a:stretch>
            <a:fillRect/>
          </a:stretch>
        </p:blipFill>
        <p:spPr>
          <a:xfrm>
            <a:off x="1178991" y="4805256"/>
            <a:ext cx="251914" cy="206112"/>
          </a:xfrm>
          <a:prstGeom prst="rect">
            <a:avLst/>
          </a:prstGeom>
        </p:spPr>
      </p:pic>
      <p:pic>
        <p:nvPicPr>
          <p:cNvPr id="55" name="图片 86" descr="核心交换机.png">
            <a:extLst>
              <a:ext uri="{FF2B5EF4-FFF2-40B4-BE49-F238E27FC236}">
                <a16:creationId xmlns:a16="http://schemas.microsoft.com/office/drawing/2014/main" xmlns="" id="{FB59084B-722B-4431-8DD3-06F148828B64}"/>
              </a:ext>
            </a:extLst>
          </p:cNvPr>
          <p:cNvPicPr>
            <a:picLocks noChangeAspect="1"/>
          </p:cNvPicPr>
          <p:nvPr/>
        </p:nvPicPr>
        <p:blipFill>
          <a:blip r:embed="rId7" cstate="print"/>
          <a:stretch>
            <a:fillRect/>
          </a:stretch>
        </p:blipFill>
        <p:spPr>
          <a:xfrm>
            <a:off x="1178991" y="3818315"/>
            <a:ext cx="251914" cy="206112"/>
          </a:xfrm>
          <a:prstGeom prst="rect">
            <a:avLst/>
          </a:prstGeom>
        </p:spPr>
      </p:pic>
      <p:pic>
        <p:nvPicPr>
          <p:cNvPr id="56" name="图片 86" descr="核心交换机.png">
            <a:extLst>
              <a:ext uri="{FF2B5EF4-FFF2-40B4-BE49-F238E27FC236}">
                <a16:creationId xmlns:a16="http://schemas.microsoft.com/office/drawing/2014/main" xmlns="" id="{A9469FA9-F3EC-4C7F-8DE8-7B2B9B683506}"/>
              </a:ext>
            </a:extLst>
          </p:cNvPr>
          <p:cNvPicPr>
            <a:picLocks noChangeAspect="1"/>
          </p:cNvPicPr>
          <p:nvPr/>
        </p:nvPicPr>
        <p:blipFill>
          <a:blip r:embed="rId7" cstate="print"/>
          <a:stretch>
            <a:fillRect/>
          </a:stretch>
        </p:blipFill>
        <p:spPr>
          <a:xfrm>
            <a:off x="1732197" y="3818315"/>
            <a:ext cx="251914" cy="206112"/>
          </a:xfrm>
          <a:prstGeom prst="rect">
            <a:avLst/>
          </a:prstGeom>
        </p:spPr>
      </p:pic>
      <p:pic>
        <p:nvPicPr>
          <p:cNvPr id="57" name="图片 87" descr="汇聚交换机.png">
            <a:extLst>
              <a:ext uri="{FF2B5EF4-FFF2-40B4-BE49-F238E27FC236}">
                <a16:creationId xmlns:a16="http://schemas.microsoft.com/office/drawing/2014/main" xmlns="" id="{34B0ACAB-B201-4F4C-8459-1A3D4916AE40}"/>
              </a:ext>
            </a:extLst>
          </p:cNvPr>
          <p:cNvPicPr>
            <a:picLocks noChangeAspect="1"/>
          </p:cNvPicPr>
          <p:nvPr/>
        </p:nvPicPr>
        <p:blipFill>
          <a:blip r:embed="rId8" cstate="print"/>
          <a:stretch>
            <a:fillRect/>
          </a:stretch>
        </p:blipFill>
        <p:spPr>
          <a:xfrm>
            <a:off x="628285" y="4319269"/>
            <a:ext cx="251914" cy="206112"/>
          </a:xfrm>
          <a:prstGeom prst="rect">
            <a:avLst/>
          </a:prstGeom>
        </p:spPr>
      </p:pic>
      <p:pic>
        <p:nvPicPr>
          <p:cNvPr id="58" name="图片 87" descr="汇聚交换机.png">
            <a:extLst>
              <a:ext uri="{FF2B5EF4-FFF2-40B4-BE49-F238E27FC236}">
                <a16:creationId xmlns:a16="http://schemas.microsoft.com/office/drawing/2014/main" xmlns="" id="{CE3549A1-EE13-4322-AD6F-68BE97284445}"/>
              </a:ext>
            </a:extLst>
          </p:cNvPr>
          <p:cNvPicPr>
            <a:picLocks noChangeAspect="1"/>
          </p:cNvPicPr>
          <p:nvPr/>
        </p:nvPicPr>
        <p:blipFill>
          <a:blip r:embed="rId8" cstate="print"/>
          <a:stretch>
            <a:fillRect/>
          </a:stretch>
        </p:blipFill>
        <p:spPr>
          <a:xfrm>
            <a:off x="1178991" y="4319269"/>
            <a:ext cx="251914" cy="206112"/>
          </a:xfrm>
          <a:prstGeom prst="rect">
            <a:avLst/>
          </a:prstGeom>
        </p:spPr>
      </p:pic>
      <p:pic>
        <p:nvPicPr>
          <p:cNvPr id="59" name="图片 76" descr="接入交换机.png">
            <a:extLst>
              <a:ext uri="{FF2B5EF4-FFF2-40B4-BE49-F238E27FC236}">
                <a16:creationId xmlns:a16="http://schemas.microsoft.com/office/drawing/2014/main" xmlns="" id="{1F45CAB0-431C-454C-981D-58323B2CBF2C}"/>
              </a:ext>
            </a:extLst>
          </p:cNvPr>
          <p:cNvPicPr>
            <a:picLocks noChangeAspect="1"/>
          </p:cNvPicPr>
          <p:nvPr/>
        </p:nvPicPr>
        <p:blipFill>
          <a:blip r:embed="rId5" cstate="print"/>
          <a:stretch>
            <a:fillRect/>
          </a:stretch>
        </p:blipFill>
        <p:spPr>
          <a:xfrm>
            <a:off x="1732197" y="4817773"/>
            <a:ext cx="251914" cy="206112"/>
          </a:xfrm>
          <a:prstGeom prst="rect">
            <a:avLst/>
          </a:prstGeom>
        </p:spPr>
      </p:pic>
      <p:pic>
        <p:nvPicPr>
          <p:cNvPr id="60" name="图片 105" descr="AP.png">
            <a:extLst>
              <a:ext uri="{FF2B5EF4-FFF2-40B4-BE49-F238E27FC236}">
                <a16:creationId xmlns:a16="http://schemas.microsoft.com/office/drawing/2014/main" xmlns="" id="{FDB4C9E7-400D-46C7-AF4B-B7D9131B875A}"/>
              </a:ext>
            </a:extLst>
          </p:cNvPr>
          <p:cNvPicPr>
            <a:picLocks noChangeAspect="1"/>
          </p:cNvPicPr>
          <p:nvPr/>
        </p:nvPicPr>
        <p:blipFill>
          <a:blip r:embed="rId6" cstate="print"/>
          <a:stretch>
            <a:fillRect/>
          </a:stretch>
        </p:blipFill>
        <p:spPr>
          <a:xfrm>
            <a:off x="2285403" y="4805256"/>
            <a:ext cx="251914" cy="206112"/>
          </a:xfrm>
          <a:prstGeom prst="rect">
            <a:avLst/>
          </a:prstGeom>
        </p:spPr>
      </p:pic>
      <p:pic>
        <p:nvPicPr>
          <p:cNvPr id="61" name="图片 87" descr="汇聚交换机.png">
            <a:extLst>
              <a:ext uri="{FF2B5EF4-FFF2-40B4-BE49-F238E27FC236}">
                <a16:creationId xmlns:a16="http://schemas.microsoft.com/office/drawing/2014/main" xmlns="" id="{DFE1A679-E853-4192-B5E2-02D88AF33FFF}"/>
              </a:ext>
            </a:extLst>
          </p:cNvPr>
          <p:cNvPicPr>
            <a:picLocks noChangeAspect="1"/>
          </p:cNvPicPr>
          <p:nvPr/>
        </p:nvPicPr>
        <p:blipFill>
          <a:blip r:embed="rId8" cstate="print"/>
          <a:stretch>
            <a:fillRect/>
          </a:stretch>
        </p:blipFill>
        <p:spPr>
          <a:xfrm>
            <a:off x="1732197" y="4319269"/>
            <a:ext cx="251914" cy="206112"/>
          </a:xfrm>
          <a:prstGeom prst="rect">
            <a:avLst/>
          </a:prstGeom>
        </p:spPr>
      </p:pic>
      <p:pic>
        <p:nvPicPr>
          <p:cNvPr id="62" name="图片 87" descr="汇聚交换机.png">
            <a:extLst>
              <a:ext uri="{FF2B5EF4-FFF2-40B4-BE49-F238E27FC236}">
                <a16:creationId xmlns:a16="http://schemas.microsoft.com/office/drawing/2014/main" xmlns="" id="{04608EB9-48E1-45F1-AF2E-D029C826FD68}"/>
              </a:ext>
            </a:extLst>
          </p:cNvPr>
          <p:cNvPicPr>
            <a:picLocks noChangeAspect="1"/>
          </p:cNvPicPr>
          <p:nvPr/>
        </p:nvPicPr>
        <p:blipFill>
          <a:blip r:embed="rId8" cstate="print"/>
          <a:stretch>
            <a:fillRect/>
          </a:stretch>
        </p:blipFill>
        <p:spPr>
          <a:xfrm>
            <a:off x="2285403" y="4319269"/>
            <a:ext cx="251914" cy="206112"/>
          </a:xfrm>
          <a:prstGeom prst="rect">
            <a:avLst/>
          </a:prstGeom>
        </p:spPr>
      </p:pic>
      <p:sp>
        <p:nvSpPr>
          <p:cNvPr id="63" name="梯形 62">
            <a:extLst>
              <a:ext uri="{FF2B5EF4-FFF2-40B4-BE49-F238E27FC236}">
                <a16:creationId xmlns:a16="http://schemas.microsoft.com/office/drawing/2014/main" xmlns="" id="{C9065882-F580-4338-8FC5-52445936931B}"/>
              </a:ext>
            </a:extLst>
          </p:cNvPr>
          <p:cNvSpPr/>
          <p:nvPr/>
        </p:nvSpPr>
        <p:spPr>
          <a:xfrm>
            <a:off x="562362" y="4276347"/>
            <a:ext cx="2045370" cy="499842"/>
          </a:xfrm>
          <a:prstGeom prst="trapezoid">
            <a:avLst>
              <a:gd name="adj" fmla="val 22961"/>
            </a:avLst>
          </a:prstGeom>
          <a:gradFill flip="none" rotWithShape="1">
            <a:gsLst>
              <a:gs pos="0">
                <a:schemeClr val="bg1">
                  <a:alpha val="4000"/>
                </a:schemeClr>
              </a:gs>
              <a:gs pos="100000">
                <a:schemeClr val="accent4">
                  <a:lumMod val="60000"/>
                  <a:lumOff val="40000"/>
                  <a:alpha val="70000"/>
                </a:schemeClr>
              </a:gs>
            </a:gsLst>
            <a:lin ang="5400000" scaled="1"/>
            <a:tileRect/>
          </a:gradFill>
          <a:ln>
            <a:gradFill flip="none" rotWithShape="1">
              <a:gsLst>
                <a:gs pos="0">
                  <a:schemeClr val="accent1">
                    <a:lumMod val="5000"/>
                    <a:lumOff val="95000"/>
                    <a:alpha val="0"/>
                  </a:schemeClr>
                </a:gs>
                <a:gs pos="82000">
                  <a:srgbClr val="F08500"/>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endParaRPr>
          </a:p>
        </p:txBody>
      </p:sp>
      <p:sp>
        <p:nvSpPr>
          <p:cNvPr id="64" name="梯形 63">
            <a:extLst>
              <a:ext uri="{FF2B5EF4-FFF2-40B4-BE49-F238E27FC236}">
                <a16:creationId xmlns:a16="http://schemas.microsoft.com/office/drawing/2014/main" xmlns="" id="{724E828E-6121-4636-8B51-A49418BE5EEC}"/>
              </a:ext>
            </a:extLst>
          </p:cNvPr>
          <p:cNvSpPr/>
          <p:nvPr/>
        </p:nvSpPr>
        <p:spPr>
          <a:xfrm>
            <a:off x="562362" y="3753439"/>
            <a:ext cx="2045370" cy="501291"/>
          </a:xfrm>
          <a:prstGeom prst="trapezoid">
            <a:avLst>
              <a:gd name="adj" fmla="val 22961"/>
            </a:avLst>
          </a:prstGeom>
          <a:gradFill flip="none" rotWithShape="1">
            <a:gsLst>
              <a:gs pos="0">
                <a:schemeClr val="bg1">
                  <a:alpha val="0"/>
                </a:schemeClr>
              </a:gs>
              <a:gs pos="100000">
                <a:srgbClr val="C00000">
                  <a:alpha val="21000"/>
                </a:srgbClr>
              </a:gs>
            </a:gsLst>
            <a:lin ang="5400000" scaled="1"/>
            <a:tileRect/>
          </a:gradFill>
          <a:ln>
            <a:gradFill flip="none" rotWithShape="1">
              <a:gsLst>
                <a:gs pos="0">
                  <a:schemeClr val="accent1">
                    <a:lumMod val="5000"/>
                    <a:lumOff val="95000"/>
                    <a:alpha val="0"/>
                  </a:schemeClr>
                </a:gs>
                <a:gs pos="90000">
                  <a:srgbClr val="C00000">
                    <a:alpha val="82000"/>
                  </a:srgbClr>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endParaRPr>
          </a:p>
        </p:txBody>
      </p:sp>
      <p:sp>
        <p:nvSpPr>
          <p:cNvPr id="65" name="圆角矩形 69">
            <a:extLst>
              <a:ext uri="{FF2B5EF4-FFF2-40B4-BE49-F238E27FC236}">
                <a16:creationId xmlns:a16="http://schemas.microsoft.com/office/drawing/2014/main" xmlns="" id="{76DF35E9-4606-4876-B847-E601A49607C4}"/>
              </a:ext>
            </a:extLst>
          </p:cNvPr>
          <p:cNvSpPr/>
          <p:nvPr/>
        </p:nvSpPr>
        <p:spPr>
          <a:xfrm>
            <a:off x="4301911" y="3462513"/>
            <a:ext cx="1671700" cy="1555769"/>
          </a:xfrm>
          <a:prstGeom prst="roundRect">
            <a:avLst>
              <a:gd name="adj" fmla="val 1973"/>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66" name="Picture 2" descr="G:\做的项目\公共\扁平图标切换\更新2015_01_21\oss扁平图标库2015_01_21更新-04.png">
            <a:extLst>
              <a:ext uri="{FF2B5EF4-FFF2-40B4-BE49-F238E27FC236}">
                <a16:creationId xmlns:a16="http://schemas.microsoft.com/office/drawing/2014/main" xmlns="" id="{0B4A8A41-E5DF-41CD-95FC-D9D8C6A1302E}"/>
              </a:ext>
            </a:extLst>
          </p:cNvPr>
          <p:cNvPicPr>
            <a:picLocks noChangeAspect="1" noChangeArrowheads="1"/>
          </p:cNvPicPr>
          <p:nvPr/>
        </p:nvPicPr>
        <p:blipFill>
          <a:blip r:embed="rId9" cstate="print"/>
          <a:stretch>
            <a:fillRect/>
          </a:stretch>
        </p:blipFill>
        <p:spPr bwMode="auto">
          <a:xfrm>
            <a:off x="4160475" y="3876545"/>
            <a:ext cx="277105" cy="226723"/>
          </a:xfrm>
          <a:prstGeom prst="rect">
            <a:avLst/>
          </a:prstGeom>
          <a:noFill/>
        </p:spPr>
      </p:pic>
      <p:sp>
        <p:nvSpPr>
          <p:cNvPr id="67" name="Freeform 159">
            <a:extLst>
              <a:ext uri="{FF2B5EF4-FFF2-40B4-BE49-F238E27FC236}">
                <a16:creationId xmlns:a16="http://schemas.microsoft.com/office/drawing/2014/main" xmlns="" id="{DB5D9BCC-BD2F-427A-B281-5589D2D482BC}"/>
              </a:ext>
            </a:extLst>
          </p:cNvPr>
          <p:cNvSpPr/>
          <p:nvPr/>
        </p:nvSpPr>
        <p:spPr>
          <a:xfrm flipH="1">
            <a:off x="3117186" y="4057523"/>
            <a:ext cx="1000430" cy="522953"/>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solidFill>
            <a:schemeClr val="bg1"/>
          </a:solid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tIns="108000" rtlCol="0" anchor="ctr">
            <a:noAutofit/>
          </a:bodyPr>
          <a:lstStyle/>
          <a:p>
            <a:pPr algn="ctr"/>
            <a:r>
              <a:rPr lang="en-US" altLang="zh-CN" sz="1200" b="1">
                <a:solidFill>
                  <a:schemeClr val="bg1">
                    <a:lumMod val="50000"/>
                  </a:schemeClr>
                </a:solidFill>
              </a:rPr>
              <a:t>WAN/</a:t>
            </a:r>
          </a:p>
          <a:p>
            <a:pPr algn="ctr"/>
            <a:r>
              <a:rPr lang="en-US" sz="1200" b="1">
                <a:solidFill>
                  <a:schemeClr val="bg1">
                    <a:lumMod val="50000"/>
                  </a:schemeClr>
                </a:solidFill>
              </a:rPr>
              <a:t>Internet</a:t>
            </a:r>
          </a:p>
        </p:txBody>
      </p:sp>
      <p:cxnSp>
        <p:nvCxnSpPr>
          <p:cNvPr id="68" name="直接连接符 67">
            <a:extLst>
              <a:ext uri="{FF2B5EF4-FFF2-40B4-BE49-F238E27FC236}">
                <a16:creationId xmlns:a16="http://schemas.microsoft.com/office/drawing/2014/main" xmlns="" id="{E126CB84-4A6F-4535-95E9-8410D062EE3A}"/>
              </a:ext>
            </a:extLst>
          </p:cNvPr>
          <p:cNvCxnSpPr/>
          <p:nvPr/>
        </p:nvCxnSpPr>
        <p:spPr>
          <a:xfrm>
            <a:off x="1299785" y="3697556"/>
            <a:ext cx="137483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9" name="直接连接符 68">
            <a:extLst>
              <a:ext uri="{FF2B5EF4-FFF2-40B4-BE49-F238E27FC236}">
                <a16:creationId xmlns:a16="http://schemas.microsoft.com/office/drawing/2014/main" xmlns="" id="{4DC96A57-76E6-4FE3-9D66-FFB863B0B11B}"/>
              </a:ext>
            </a:extLst>
          </p:cNvPr>
          <p:cNvCxnSpPr>
            <a:endCxn id="70" idx="2"/>
          </p:cNvCxnSpPr>
          <p:nvPr/>
        </p:nvCxnSpPr>
        <p:spPr>
          <a:xfrm>
            <a:off x="2674620" y="3697556"/>
            <a:ext cx="235981" cy="405712"/>
          </a:xfrm>
          <a:prstGeom prst="line">
            <a:avLst/>
          </a:prstGeom>
        </p:spPr>
        <p:style>
          <a:lnRef idx="1">
            <a:schemeClr val="accent1"/>
          </a:lnRef>
          <a:fillRef idx="0">
            <a:schemeClr val="accent1"/>
          </a:fillRef>
          <a:effectRef idx="0">
            <a:schemeClr val="accent1"/>
          </a:effectRef>
          <a:fontRef idx="minor">
            <a:schemeClr val="tx1"/>
          </a:fontRef>
        </p:style>
      </p:cxnSp>
      <p:pic>
        <p:nvPicPr>
          <p:cNvPr id="70" name="Picture 2" descr="G:\做的项目\公共\扁平图标切换\更新2015_01_21\oss扁平图标库2015_01_21更新-04.png">
            <a:extLst>
              <a:ext uri="{FF2B5EF4-FFF2-40B4-BE49-F238E27FC236}">
                <a16:creationId xmlns:a16="http://schemas.microsoft.com/office/drawing/2014/main" xmlns="" id="{82638FEA-C366-4F61-BC6B-6EF1E719DDFD}"/>
              </a:ext>
            </a:extLst>
          </p:cNvPr>
          <p:cNvPicPr>
            <a:picLocks noChangeAspect="1" noChangeArrowheads="1"/>
          </p:cNvPicPr>
          <p:nvPr/>
        </p:nvPicPr>
        <p:blipFill>
          <a:blip r:embed="rId9" cstate="print"/>
          <a:stretch>
            <a:fillRect/>
          </a:stretch>
        </p:blipFill>
        <p:spPr bwMode="auto">
          <a:xfrm>
            <a:off x="2772048" y="3876545"/>
            <a:ext cx="277105" cy="226723"/>
          </a:xfrm>
          <a:prstGeom prst="rect">
            <a:avLst/>
          </a:prstGeom>
          <a:noFill/>
        </p:spPr>
      </p:pic>
      <p:pic>
        <p:nvPicPr>
          <p:cNvPr id="71" name="图片 105" descr="AP.png">
            <a:extLst>
              <a:ext uri="{FF2B5EF4-FFF2-40B4-BE49-F238E27FC236}">
                <a16:creationId xmlns:a16="http://schemas.microsoft.com/office/drawing/2014/main" xmlns="" id="{4DE00139-73A8-46DC-8F74-CA677A2643D8}"/>
              </a:ext>
            </a:extLst>
          </p:cNvPr>
          <p:cNvPicPr>
            <a:picLocks noChangeAspect="1"/>
          </p:cNvPicPr>
          <p:nvPr/>
        </p:nvPicPr>
        <p:blipFill>
          <a:blip r:embed="rId6" cstate="print"/>
          <a:stretch>
            <a:fillRect/>
          </a:stretch>
        </p:blipFill>
        <p:spPr>
          <a:xfrm>
            <a:off x="4848868" y="4338529"/>
            <a:ext cx="251914" cy="206112"/>
          </a:xfrm>
          <a:prstGeom prst="rect">
            <a:avLst/>
          </a:prstGeom>
        </p:spPr>
      </p:pic>
      <p:pic>
        <p:nvPicPr>
          <p:cNvPr id="72" name="图片 105" descr="AP.png">
            <a:extLst>
              <a:ext uri="{FF2B5EF4-FFF2-40B4-BE49-F238E27FC236}">
                <a16:creationId xmlns:a16="http://schemas.microsoft.com/office/drawing/2014/main" xmlns="" id="{BDAAD696-0D53-4F38-9060-84F172A025B4}"/>
              </a:ext>
            </a:extLst>
          </p:cNvPr>
          <p:cNvPicPr>
            <a:picLocks noChangeAspect="1"/>
          </p:cNvPicPr>
          <p:nvPr/>
        </p:nvPicPr>
        <p:blipFill>
          <a:blip r:embed="rId6" cstate="print"/>
          <a:stretch>
            <a:fillRect/>
          </a:stretch>
        </p:blipFill>
        <p:spPr>
          <a:xfrm>
            <a:off x="5392354" y="4338529"/>
            <a:ext cx="251914" cy="206112"/>
          </a:xfrm>
          <a:prstGeom prst="rect">
            <a:avLst/>
          </a:prstGeom>
        </p:spPr>
      </p:pic>
      <p:pic>
        <p:nvPicPr>
          <p:cNvPr id="73" name="图片 76" descr="接入交换机.png">
            <a:extLst>
              <a:ext uri="{FF2B5EF4-FFF2-40B4-BE49-F238E27FC236}">
                <a16:creationId xmlns:a16="http://schemas.microsoft.com/office/drawing/2014/main" xmlns="" id="{1763988D-8F34-4DA0-B2EC-285B619FBB91}"/>
              </a:ext>
            </a:extLst>
          </p:cNvPr>
          <p:cNvPicPr>
            <a:picLocks noChangeAspect="1"/>
          </p:cNvPicPr>
          <p:nvPr/>
        </p:nvPicPr>
        <p:blipFill>
          <a:blip r:embed="rId5" cstate="print"/>
          <a:stretch>
            <a:fillRect/>
          </a:stretch>
        </p:blipFill>
        <p:spPr>
          <a:xfrm>
            <a:off x="5120611" y="3883866"/>
            <a:ext cx="251914" cy="206112"/>
          </a:xfrm>
          <a:prstGeom prst="rect">
            <a:avLst/>
          </a:prstGeom>
        </p:spPr>
      </p:pic>
      <p:sp>
        <p:nvSpPr>
          <p:cNvPr id="74" name="圆角矩形 18">
            <a:extLst>
              <a:ext uri="{FF2B5EF4-FFF2-40B4-BE49-F238E27FC236}">
                <a16:creationId xmlns:a16="http://schemas.microsoft.com/office/drawing/2014/main" xmlns="" id="{520CBFA8-289B-4C7A-A8AB-9E92EB37F076}"/>
              </a:ext>
            </a:extLst>
          </p:cNvPr>
          <p:cNvSpPr/>
          <p:nvPr/>
        </p:nvSpPr>
        <p:spPr>
          <a:xfrm>
            <a:off x="623742" y="3409545"/>
            <a:ext cx="954107" cy="189195"/>
          </a:xfrm>
          <a:prstGeom prst="roundRect">
            <a:avLst/>
          </a:prstGeom>
          <a:solidFill>
            <a:schemeClr val="bg1">
              <a:lumMod val="50000"/>
            </a:schemeClr>
          </a:solidFill>
        </p:spPr>
        <p:txBody>
          <a:bodyPr wrap="none" anchor="ctr" anchorCtr="0">
            <a:noAutofit/>
          </a:bodyPr>
          <a:lstStyle/>
          <a:p>
            <a:pPr algn="ctr"/>
            <a:r>
              <a:rPr lang="zh-CN" altLang="en-US" sz="1200">
                <a:solidFill>
                  <a:schemeClr val="bg1"/>
                </a:solidFill>
                <a:cs typeface="Arial" panose="020B0604020202020204" pitchFamily="34" charset="0"/>
              </a:rPr>
              <a:t>中大型园区</a:t>
            </a:r>
            <a:endParaRPr lang="zh-CN" altLang="en-US" sz="1100" dirty="0">
              <a:solidFill>
                <a:schemeClr val="bg1"/>
              </a:solidFill>
              <a:cs typeface="Arial" panose="020B0604020202020204" pitchFamily="34" charset="0"/>
            </a:endParaRPr>
          </a:p>
        </p:txBody>
      </p:sp>
      <p:sp>
        <p:nvSpPr>
          <p:cNvPr id="75" name="圆角矩形 100">
            <a:extLst>
              <a:ext uri="{FF2B5EF4-FFF2-40B4-BE49-F238E27FC236}">
                <a16:creationId xmlns:a16="http://schemas.microsoft.com/office/drawing/2014/main" xmlns="" id="{6744BCE7-0943-4D5B-BF81-58B1A64F67B0}"/>
              </a:ext>
            </a:extLst>
          </p:cNvPr>
          <p:cNvSpPr/>
          <p:nvPr/>
        </p:nvSpPr>
        <p:spPr>
          <a:xfrm>
            <a:off x="4895471" y="3409545"/>
            <a:ext cx="954107" cy="189195"/>
          </a:xfrm>
          <a:prstGeom prst="roundRect">
            <a:avLst/>
          </a:prstGeom>
          <a:solidFill>
            <a:schemeClr val="bg1">
              <a:lumMod val="50000"/>
            </a:schemeClr>
          </a:solidFill>
        </p:spPr>
        <p:txBody>
          <a:bodyPr wrap="none" anchor="ctr" anchorCtr="0">
            <a:noAutofit/>
          </a:bodyPr>
          <a:lstStyle/>
          <a:p>
            <a:pPr algn="ctr"/>
            <a:r>
              <a:rPr lang="zh-CN" altLang="en-US" sz="1100">
                <a:solidFill>
                  <a:schemeClr val="bg1"/>
                </a:solidFill>
                <a:cs typeface="Arial" panose="020B0604020202020204" pitchFamily="34" charset="0"/>
              </a:rPr>
              <a:t>中小型园区</a:t>
            </a:r>
            <a:endParaRPr lang="zh-CN" altLang="en-US" sz="1100" dirty="0">
              <a:solidFill>
                <a:schemeClr val="bg1"/>
              </a:solidFill>
              <a:cs typeface="Arial" panose="020B0604020202020204" pitchFamily="34" charset="0"/>
            </a:endParaRPr>
          </a:p>
        </p:txBody>
      </p:sp>
      <p:sp>
        <p:nvSpPr>
          <p:cNvPr id="76" name="圆角矩形 101">
            <a:extLst>
              <a:ext uri="{FF2B5EF4-FFF2-40B4-BE49-F238E27FC236}">
                <a16:creationId xmlns:a16="http://schemas.microsoft.com/office/drawing/2014/main" xmlns="" id="{C52E4DCD-9258-49A6-B549-A1F346723026}"/>
              </a:ext>
            </a:extLst>
          </p:cNvPr>
          <p:cNvSpPr/>
          <p:nvPr/>
        </p:nvSpPr>
        <p:spPr>
          <a:xfrm>
            <a:off x="3110668" y="3620741"/>
            <a:ext cx="954107" cy="189195"/>
          </a:xfrm>
          <a:prstGeom prst="roundRect">
            <a:avLst/>
          </a:prstGeom>
          <a:solidFill>
            <a:schemeClr val="bg1">
              <a:lumMod val="50000"/>
            </a:schemeClr>
          </a:solidFill>
        </p:spPr>
        <p:txBody>
          <a:bodyPr wrap="none" anchor="ctr" anchorCtr="0">
            <a:noAutofit/>
          </a:bodyPr>
          <a:lstStyle/>
          <a:p>
            <a:pPr algn="ctr"/>
            <a:r>
              <a:rPr lang="zh-CN" altLang="en-US" sz="1200">
                <a:solidFill>
                  <a:schemeClr val="bg1"/>
                </a:solidFill>
                <a:cs typeface="Arial" panose="020B0604020202020204" pitchFamily="34" charset="0"/>
              </a:rPr>
              <a:t>园区互联</a:t>
            </a:r>
            <a:endParaRPr lang="zh-CN" altLang="en-US" sz="1100" dirty="0">
              <a:solidFill>
                <a:schemeClr val="bg1"/>
              </a:solidFill>
              <a:cs typeface="Arial" panose="020B0604020202020204" pitchFamily="34" charset="0"/>
            </a:endParaRPr>
          </a:p>
        </p:txBody>
      </p:sp>
      <p:sp>
        <p:nvSpPr>
          <p:cNvPr id="77" name="圆角矩形 102">
            <a:extLst>
              <a:ext uri="{FF2B5EF4-FFF2-40B4-BE49-F238E27FC236}">
                <a16:creationId xmlns:a16="http://schemas.microsoft.com/office/drawing/2014/main" xmlns="" id="{114CF174-B546-41D9-80A4-308991CB6026}"/>
              </a:ext>
            </a:extLst>
          </p:cNvPr>
          <p:cNvSpPr/>
          <p:nvPr/>
        </p:nvSpPr>
        <p:spPr>
          <a:xfrm>
            <a:off x="1640477" y="4051431"/>
            <a:ext cx="954107" cy="189195"/>
          </a:xfrm>
          <a:prstGeom prst="roundRect">
            <a:avLst/>
          </a:prstGeom>
          <a:noFill/>
        </p:spPr>
        <p:txBody>
          <a:bodyPr wrap="none" anchor="ctr" anchorCtr="0">
            <a:noAutofit/>
          </a:bodyPr>
          <a:lstStyle/>
          <a:p>
            <a:pPr algn="ctr"/>
            <a:r>
              <a:rPr lang="zh-CN" altLang="en-US" sz="1200">
                <a:solidFill>
                  <a:srgbClr val="C00000"/>
                </a:solidFill>
                <a:cs typeface="Arial" panose="020B0604020202020204" pitchFamily="34" charset="0"/>
              </a:rPr>
              <a:t>办公虚拟网</a:t>
            </a:r>
            <a:endParaRPr lang="zh-CN" altLang="en-US" sz="1100" dirty="0">
              <a:solidFill>
                <a:srgbClr val="C00000"/>
              </a:solidFill>
              <a:cs typeface="Arial" panose="020B0604020202020204" pitchFamily="34" charset="0"/>
            </a:endParaRPr>
          </a:p>
        </p:txBody>
      </p:sp>
      <p:sp>
        <p:nvSpPr>
          <p:cNvPr id="78" name="圆角矩形 103">
            <a:extLst>
              <a:ext uri="{FF2B5EF4-FFF2-40B4-BE49-F238E27FC236}">
                <a16:creationId xmlns:a16="http://schemas.microsoft.com/office/drawing/2014/main" xmlns="" id="{2A5976A0-B89D-4B6F-A56B-E701FC58180C}"/>
              </a:ext>
            </a:extLst>
          </p:cNvPr>
          <p:cNvSpPr/>
          <p:nvPr/>
        </p:nvSpPr>
        <p:spPr>
          <a:xfrm>
            <a:off x="1640477" y="4547251"/>
            <a:ext cx="954107" cy="189195"/>
          </a:xfrm>
          <a:prstGeom prst="roundRect">
            <a:avLst/>
          </a:prstGeom>
          <a:noFill/>
        </p:spPr>
        <p:txBody>
          <a:bodyPr wrap="none" anchor="ctr" anchorCtr="0">
            <a:noAutofit/>
          </a:bodyPr>
          <a:lstStyle/>
          <a:p>
            <a:pPr algn="ctr"/>
            <a:r>
              <a:rPr lang="zh-CN" altLang="en-US" sz="1200">
                <a:solidFill>
                  <a:schemeClr val="accent2">
                    <a:lumMod val="75000"/>
                  </a:schemeClr>
                </a:solidFill>
                <a:cs typeface="Arial" panose="020B0604020202020204" pitchFamily="34" charset="0"/>
              </a:rPr>
              <a:t>研发虚拟网</a:t>
            </a:r>
            <a:endParaRPr lang="zh-CN" altLang="en-US" sz="1100" dirty="0">
              <a:solidFill>
                <a:schemeClr val="accent2">
                  <a:lumMod val="75000"/>
                </a:schemeClr>
              </a:solidFill>
              <a:cs typeface="Arial" panose="020B0604020202020204" pitchFamily="34" charset="0"/>
            </a:endParaRPr>
          </a:p>
        </p:txBody>
      </p:sp>
      <p:sp>
        <p:nvSpPr>
          <p:cNvPr id="79" name="梯形 78">
            <a:extLst>
              <a:ext uri="{FF2B5EF4-FFF2-40B4-BE49-F238E27FC236}">
                <a16:creationId xmlns:a16="http://schemas.microsoft.com/office/drawing/2014/main" xmlns="" id="{AB9F7EF5-A8A5-4E22-9EF5-D5681EC53E44}"/>
              </a:ext>
            </a:extLst>
          </p:cNvPr>
          <p:cNvSpPr/>
          <p:nvPr/>
        </p:nvSpPr>
        <p:spPr>
          <a:xfrm>
            <a:off x="562362" y="5772302"/>
            <a:ext cx="3428844" cy="499842"/>
          </a:xfrm>
          <a:prstGeom prst="trapezoid">
            <a:avLst>
              <a:gd name="adj" fmla="val 22961"/>
            </a:avLst>
          </a:prstGeom>
          <a:gradFill flip="none" rotWithShape="1">
            <a:gsLst>
              <a:gs pos="0">
                <a:schemeClr val="bg1">
                  <a:alpha val="4000"/>
                </a:schemeClr>
              </a:gs>
              <a:gs pos="100000">
                <a:schemeClr val="accent4">
                  <a:lumMod val="60000"/>
                  <a:lumOff val="40000"/>
                  <a:alpha val="70000"/>
                </a:schemeClr>
              </a:gs>
            </a:gsLst>
            <a:lin ang="5400000" scaled="1"/>
            <a:tileRect/>
          </a:gradFill>
          <a:ln>
            <a:gradFill flip="none" rotWithShape="1">
              <a:gsLst>
                <a:gs pos="0">
                  <a:schemeClr val="accent1">
                    <a:lumMod val="5000"/>
                    <a:lumOff val="95000"/>
                    <a:alpha val="0"/>
                  </a:schemeClr>
                </a:gs>
                <a:gs pos="82000">
                  <a:srgbClr val="F08500"/>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endParaRPr>
          </a:p>
        </p:txBody>
      </p:sp>
      <p:sp>
        <p:nvSpPr>
          <p:cNvPr id="80" name="梯形 79">
            <a:extLst>
              <a:ext uri="{FF2B5EF4-FFF2-40B4-BE49-F238E27FC236}">
                <a16:creationId xmlns:a16="http://schemas.microsoft.com/office/drawing/2014/main" xmlns="" id="{212BFEA7-EA6F-4754-9B7C-D7E2D590DE52}"/>
              </a:ext>
            </a:extLst>
          </p:cNvPr>
          <p:cNvSpPr/>
          <p:nvPr/>
        </p:nvSpPr>
        <p:spPr>
          <a:xfrm>
            <a:off x="562362" y="5249394"/>
            <a:ext cx="3428844" cy="501291"/>
          </a:xfrm>
          <a:prstGeom prst="trapezoid">
            <a:avLst>
              <a:gd name="adj" fmla="val 22961"/>
            </a:avLst>
          </a:prstGeom>
          <a:gradFill flip="none" rotWithShape="1">
            <a:gsLst>
              <a:gs pos="0">
                <a:schemeClr val="bg1">
                  <a:alpha val="0"/>
                </a:schemeClr>
              </a:gs>
              <a:gs pos="100000">
                <a:srgbClr val="C00000">
                  <a:alpha val="21000"/>
                </a:srgbClr>
              </a:gs>
            </a:gsLst>
            <a:lin ang="5400000" scaled="1"/>
            <a:tileRect/>
          </a:gradFill>
          <a:ln>
            <a:gradFill flip="none" rotWithShape="1">
              <a:gsLst>
                <a:gs pos="0">
                  <a:schemeClr val="accent1">
                    <a:lumMod val="5000"/>
                    <a:lumOff val="95000"/>
                    <a:alpha val="0"/>
                  </a:schemeClr>
                </a:gs>
                <a:gs pos="90000">
                  <a:srgbClr val="C00000">
                    <a:alpha val="82000"/>
                  </a:srgbClr>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endParaRPr>
          </a:p>
        </p:txBody>
      </p:sp>
      <p:sp>
        <p:nvSpPr>
          <p:cNvPr id="81" name="圆角矩形 106">
            <a:extLst>
              <a:ext uri="{FF2B5EF4-FFF2-40B4-BE49-F238E27FC236}">
                <a16:creationId xmlns:a16="http://schemas.microsoft.com/office/drawing/2014/main" xmlns="" id="{3AAF04AC-BABF-47B8-B5BA-208F60EC0EC5}"/>
              </a:ext>
            </a:extLst>
          </p:cNvPr>
          <p:cNvSpPr/>
          <p:nvPr/>
        </p:nvSpPr>
        <p:spPr>
          <a:xfrm>
            <a:off x="640070" y="5524631"/>
            <a:ext cx="954107" cy="189195"/>
          </a:xfrm>
          <a:prstGeom prst="roundRect">
            <a:avLst/>
          </a:prstGeom>
          <a:noFill/>
        </p:spPr>
        <p:txBody>
          <a:bodyPr wrap="none" anchor="ctr" anchorCtr="0">
            <a:noAutofit/>
          </a:bodyPr>
          <a:lstStyle/>
          <a:p>
            <a:pPr algn="ctr"/>
            <a:r>
              <a:rPr lang="zh-CN" altLang="en-US" sz="1200">
                <a:solidFill>
                  <a:srgbClr val="C00000"/>
                </a:solidFill>
                <a:cs typeface="Arial" panose="020B0604020202020204" pitchFamily="34" charset="0"/>
              </a:rPr>
              <a:t>办公虚拟网</a:t>
            </a:r>
            <a:endParaRPr lang="zh-CN" altLang="en-US" sz="1100" dirty="0">
              <a:solidFill>
                <a:srgbClr val="C00000"/>
              </a:solidFill>
              <a:cs typeface="Arial" panose="020B0604020202020204" pitchFamily="34" charset="0"/>
            </a:endParaRPr>
          </a:p>
        </p:txBody>
      </p:sp>
      <p:sp>
        <p:nvSpPr>
          <p:cNvPr id="82" name="圆角矩形 107">
            <a:extLst>
              <a:ext uri="{FF2B5EF4-FFF2-40B4-BE49-F238E27FC236}">
                <a16:creationId xmlns:a16="http://schemas.microsoft.com/office/drawing/2014/main" xmlns="" id="{E3975268-55AB-45AF-AE93-024EA5C471F3}"/>
              </a:ext>
            </a:extLst>
          </p:cNvPr>
          <p:cNvSpPr/>
          <p:nvPr/>
        </p:nvSpPr>
        <p:spPr>
          <a:xfrm>
            <a:off x="640070" y="6020451"/>
            <a:ext cx="954107" cy="189195"/>
          </a:xfrm>
          <a:prstGeom prst="roundRect">
            <a:avLst/>
          </a:prstGeom>
          <a:noFill/>
        </p:spPr>
        <p:txBody>
          <a:bodyPr wrap="none" anchor="ctr" anchorCtr="0">
            <a:noAutofit/>
          </a:bodyPr>
          <a:lstStyle/>
          <a:p>
            <a:pPr algn="ctr"/>
            <a:r>
              <a:rPr lang="zh-CN" altLang="en-US" sz="1200">
                <a:solidFill>
                  <a:schemeClr val="accent2">
                    <a:lumMod val="75000"/>
                  </a:schemeClr>
                </a:solidFill>
                <a:cs typeface="Arial" panose="020B0604020202020204" pitchFamily="34" charset="0"/>
              </a:rPr>
              <a:t>研发虚拟网</a:t>
            </a:r>
            <a:endParaRPr lang="zh-CN" altLang="en-US" sz="1100" dirty="0">
              <a:solidFill>
                <a:schemeClr val="accent2">
                  <a:lumMod val="75000"/>
                </a:schemeClr>
              </a:solidFill>
              <a:cs typeface="Arial" panose="020B0604020202020204" pitchFamily="34" charset="0"/>
            </a:endParaRPr>
          </a:p>
        </p:txBody>
      </p:sp>
      <p:sp>
        <p:nvSpPr>
          <p:cNvPr id="83" name="圆角矩形 108">
            <a:extLst>
              <a:ext uri="{FF2B5EF4-FFF2-40B4-BE49-F238E27FC236}">
                <a16:creationId xmlns:a16="http://schemas.microsoft.com/office/drawing/2014/main" xmlns="" id="{7973F952-0309-49E8-B94A-9BFAF36A2754}"/>
              </a:ext>
            </a:extLst>
          </p:cNvPr>
          <p:cNvSpPr/>
          <p:nvPr/>
        </p:nvSpPr>
        <p:spPr>
          <a:xfrm>
            <a:off x="1702772" y="5464643"/>
            <a:ext cx="592425" cy="189195"/>
          </a:xfrm>
          <a:prstGeom prst="roundRect">
            <a:avLst/>
          </a:prstGeom>
          <a:solidFill>
            <a:srgbClr val="FF9999"/>
          </a:solidFill>
        </p:spPr>
        <p:txBody>
          <a:bodyPr wrap="none" anchor="ctr" anchorCtr="0">
            <a:noAutofit/>
          </a:bodyPr>
          <a:lstStyle/>
          <a:p>
            <a:pPr algn="ctr"/>
            <a:r>
              <a:rPr lang="zh-CN" altLang="en-US" sz="1200">
                <a:solidFill>
                  <a:schemeClr val="bg1"/>
                </a:solidFill>
                <a:cs typeface="Arial" panose="020B0604020202020204" pitchFamily="34" charset="0"/>
              </a:rPr>
              <a:t>安全组</a:t>
            </a:r>
            <a:r>
              <a:rPr lang="en-US" altLang="zh-CN" sz="1200">
                <a:solidFill>
                  <a:schemeClr val="bg1"/>
                </a:solidFill>
                <a:cs typeface="Arial" panose="020B0604020202020204" pitchFamily="34" charset="0"/>
              </a:rPr>
              <a:t>1</a:t>
            </a:r>
            <a:endParaRPr lang="zh-CN" altLang="en-US" sz="1100" dirty="0">
              <a:solidFill>
                <a:schemeClr val="bg1"/>
              </a:solidFill>
              <a:cs typeface="Arial" panose="020B0604020202020204" pitchFamily="34" charset="0"/>
            </a:endParaRPr>
          </a:p>
        </p:txBody>
      </p:sp>
      <p:sp>
        <p:nvSpPr>
          <p:cNvPr id="84" name="圆角矩形 109">
            <a:extLst>
              <a:ext uri="{FF2B5EF4-FFF2-40B4-BE49-F238E27FC236}">
                <a16:creationId xmlns:a16="http://schemas.microsoft.com/office/drawing/2014/main" xmlns="" id="{D5CC8CC6-4F75-4480-9B1C-50D68434EC79}"/>
              </a:ext>
            </a:extLst>
          </p:cNvPr>
          <p:cNvSpPr/>
          <p:nvPr/>
        </p:nvSpPr>
        <p:spPr>
          <a:xfrm>
            <a:off x="2505043" y="5464643"/>
            <a:ext cx="592425" cy="189195"/>
          </a:xfrm>
          <a:prstGeom prst="roundRect">
            <a:avLst/>
          </a:prstGeom>
          <a:solidFill>
            <a:srgbClr val="FF9999"/>
          </a:solidFill>
        </p:spPr>
        <p:txBody>
          <a:bodyPr wrap="none" anchor="ctr" anchorCtr="0">
            <a:noAutofit/>
          </a:bodyPr>
          <a:lstStyle/>
          <a:p>
            <a:pPr algn="ctr"/>
            <a:r>
              <a:rPr lang="zh-CN" altLang="en-US" sz="1200">
                <a:solidFill>
                  <a:schemeClr val="bg1"/>
                </a:solidFill>
                <a:cs typeface="Arial" panose="020B0604020202020204" pitchFamily="34" charset="0"/>
              </a:rPr>
              <a:t>安全组</a:t>
            </a:r>
            <a:r>
              <a:rPr lang="en-US" altLang="zh-CN" sz="1200">
                <a:solidFill>
                  <a:schemeClr val="bg1"/>
                </a:solidFill>
                <a:cs typeface="Arial" panose="020B0604020202020204" pitchFamily="34" charset="0"/>
              </a:rPr>
              <a:t>2</a:t>
            </a:r>
            <a:endParaRPr lang="zh-CN" altLang="en-US" sz="1100" dirty="0">
              <a:solidFill>
                <a:schemeClr val="bg1"/>
              </a:solidFill>
              <a:cs typeface="Arial" panose="020B0604020202020204" pitchFamily="34" charset="0"/>
            </a:endParaRPr>
          </a:p>
        </p:txBody>
      </p:sp>
      <p:sp>
        <p:nvSpPr>
          <p:cNvPr id="85" name="圆角矩形 110">
            <a:extLst>
              <a:ext uri="{FF2B5EF4-FFF2-40B4-BE49-F238E27FC236}">
                <a16:creationId xmlns:a16="http://schemas.microsoft.com/office/drawing/2014/main" xmlns="" id="{6826418E-265C-4ABB-9474-CC56DBA3FE62}"/>
              </a:ext>
            </a:extLst>
          </p:cNvPr>
          <p:cNvSpPr/>
          <p:nvPr/>
        </p:nvSpPr>
        <p:spPr>
          <a:xfrm>
            <a:off x="3307314" y="5464643"/>
            <a:ext cx="592425" cy="189195"/>
          </a:xfrm>
          <a:prstGeom prst="roundRect">
            <a:avLst/>
          </a:prstGeom>
          <a:solidFill>
            <a:srgbClr val="FF9999"/>
          </a:solidFill>
        </p:spPr>
        <p:txBody>
          <a:bodyPr wrap="none" anchor="ctr" anchorCtr="0">
            <a:noAutofit/>
          </a:bodyPr>
          <a:lstStyle/>
          <a:p>
            <a:pPr algn="ctr"/>
            <a:r>
              <a:rPr lang="zh-CN" altLang="en-US" sz="1200">
                <a:solidFill>
                  <a:schemeClr val="bg1"/>
                </a:solidFill>
                <a:cs typeface="Arial" panose="020B0604020202020204" pitchFamily="34" charset="0"/>
              </a:rPr>
              <a:t>安全组</a:t>
            </a:r>
            <a:r>
              <a:rPr lang="en-US" altLang="zh-CN" sz="1200">
                <a:solidFill>
                  <a:schemeClr val="bg1"/>
                </a:solidFill>
                <a:cs typeface="Arial" panose="020B0604020202020204" pitchFamily="34" charset="0"/>
              </a:rPr>
              <a:t>3</a:t>
            </a:r>
            <a:endParaRPr lang="zh-CN" altLang="en-US" sz="1100" dirty="0">
              <a:solidFill>
                <a:schemeClr val="bg1"/>
              </a:solidFill>
              <a:cs typeface="Arial" panose="020B0604020202020204" pitchFamily="34" charset="0"/>
            </a:endParaRPr>
          </a:p>
        </p:txBody>
      </p:sp>
      <p:sp>
        <p:nvSpPr>
          <p:cNvPr id="86" name="圆角矩形 111">
            <a:extLst>
              <a:ext uri="{FF2B5EF4-FFF2-40B4-BE49-F238E27FC236}">
                <a16:creationId xmlns:a16="http://schemas.microsoft.com/office/drawing/2014/main" xmlns="" id="{D65C59B8-AAE3-41AA-A2EB-71A57E456B8D}"/>
              </a:ext>
            </a:extLst>
          </p:cNvPr>
          <p:cNvSpPr/>
          <p:nvPr/>
        </p:nvSpPr>
        <p:spPr>
          <a:xfrm>
            <a:off x="1702772" y="6020451"/>
            <a:ext cx="592425" cy="189195"/>
          </a:xfrm>
          <a:prstGeom prst="roundRect">
            <a:avLst/>
          </a:prstGeom>
          <a:solidFill>
            <a:srgbClr val="FFCC66"/>
          </a:solidFill>
        </p:spPr>
        <p:txBody>
          <a:bodyPr wrap="none" anchor="ctr" anchorCtr="0">
            <a:noAutofit/>
          </a:bodyPr>
          <a:lstStyle/>
          <a:p>
            <a:pPr algn="ctr"/>
            <a:r>
              <a:rPr lang="zh-CN" altLang="en-US" sz="1200">
                <a:solidFill>
                  <a:schemeClr val="bg1"/>
                </a:solidFill>
                <a:cs typeface="Arial" panose="020B0604020202020204" pitchFamily="34" charset="0"/>
              </a:rPr>
              <a:t>安全组</a:t>
            </a:r>
            <a:r>
              <a:rPr lang="en-US" altLang="zh-CN" sz="1200">
                <a:solidFill>
                  <a:schemeClr val="bg1"/>
                </a:solidFill>
                <a:cs typeface="Arial" panose="020B0604020202020204" pitchFamily="34" charset="0"/>
              </a:rPr>
              <a:t>4</a:t>
            </a:r>
            <a:endParaRPr lang="zh-CN" altLang="en-US" sz="1100" dirty="0">
              <a:solidFill>
                <a:schemeClr val="bg1"/>
              </a:solidFill>
              <a:cs typeface="Arial" panose="020B0604020202020204" pitchFamily="34" charset="0"/>
            </a:endParaRPr>
          </a:p>
        </p:txBody>
      </p:sp>
      <p:sp>
        <p:nvSpPr>
          <p:cNvPr id="87" name="圆角矩形 112">
            <a:extLst>
              <a:ext uri="{FF2B5EF4-FFF2-40B4-BE49-F238E27FC236}">
                <a16:creationId xmlns:a16="http://schemas.microsoft.com/office/drawing/2014/main" xmlns="" id="{97265972-9FF1-4CCC-B834-14B46915EAE2}"/>
              </a:ext>
            </a:extLst>
          </p:cNvPr>
          <p:cNvSpPr/>
          <p:nvPr/>
        </p:nvSpPr>
        <p:spPr>
          <a:xfrm>
            <a:off x="3308854" y="6020451"/>
            <a:ext cx="592425" cy="189195"/>
          </a:xfrm>
          <a:prstGeom prst="roundRect">
            <a:avLst/>
          </a:prstGeom>
          <a:solidFill>
            <a:srgbClr val="FFCC66"/>
          </a:solidFill>
        </p:spPr>
        <p:txBody>
          <a:bodyPr wrap="none" anchor="ctr" anchorCtr="0">
            <a:noAutofit/>
          </a:bodyPr>
          <a:lstStyle/>
          <a:p>
            <a:pPr algn="ctr"/>
            <a:r>
              <a:rPr lang="zh-CN" altLang="en-US" sz="1200">
                <a:solidFill>
                  <a:schemeClr val="bg1"/>
                </a:solidFill>
                <a:cs typeface="Arial" panose="020B0604020202020204" pitchFamily="34" charset="0"/>
              </a:rPr>
              <a:t>安全组</a:t>
            </a:r>
            <a:r>
              <a:rPr lang="en-US" altLang="zh-CN" sz="1200">
                <a:solidFill>
                  <a:schemeClr val="bg1"/>
                </a:solidFill>
                <a:cs typeface="Arial" panose="020B0604020202020204" pitchFamily="34" charset="0"/>
              </a:rPr>
              <a:t>5</a:t>
            </a:r>
            <a:endParaRPr lang="zh-CN" altLang="en-US" sz="1100" dirty="0">
              <a:solidFill>
                <a:schemeClr val="bg1"/>
              </a:solidFill>
              <a:cs typeface="Arial" panose="020B0604020202020204" pitchFamily="34" charset="0"/>
            </a:endParaRPr>
          </a:p>
        </p:txBody>
      </p:sp>
      <p:sp>
        <p:nvSpPr>
          <p:cNvPr id="88" name="弧形 87">
            <a:extLst>
              <a:ext uri="{FF2B5EF4-FFF2-40B4-BE49-F238E27FC236}">
                <a16:creationId xmlns:a16="http://schemas.microsoft.com/office/drawing/2014/main" xmlns="" id="{FEB89AD6-E3CE-4D2D-B0CE-594795EBF146}"/>
              </a:ext>
            </a:extLst>
          </p:cNvPr>
          <p:cNvSpPr/>
          <p:nvPr/>
        </p:nvSpPr>
        <p:spPr>
          <a:xfrm>
            <a:off x="2085303" y="5249394"/>
            <a:ext cx="591241" cy="367114"/>
          </a:xfrm>
          <a:prstGeom prst="arc">
            <a:avLst>
              <a:gd name="adj1" fmla="val 11049573"/>
              <a:gd name="adj2" fmla="val 0"/>
            </a:avLst>
          </a:prstGeom>
          <a:ln>
            <a:solidFill>
              <a:schemeClr val="bg1">
                <a:lumMod val="50000"/>
              </a:schemeClr>
            </a:solidFill>
            <a:headEnd type="triangle"/>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89" name="弧形 88">
            <a:extLst>
              <a:ext uri="{FF2B5EF4-FFF2-40B4-BE49-F238E27FC236}">
                <a16:creationId xmlns:a16="http://schemas.microsoft.com/office/drawing/2014/main" xmlns="" id="{F2CE25A0-7516-4014-B94F-DA0F20F40BC3}"/>
              </a:ext>
            </a:extLst>
          </p:cNvPr>
          <p:cNvSpPr/>
          <p:nvPr/>
        </p:nvSpPr>
        <p:spPr>
          <a:xfrm>
            <a:off x="2906771" y="5249394"/>
            <a:ext cx="591241" cy="367114"/>
          </a:xfrm>
          <a:prstGeom prst="arc">
            <a:avLst>
              <a:gd name="adj1" fmla="val 11049573"/>
              <a:gd name="adj2" fmla="val 0"/>
            </a:avLst>
          </a:prstGeom>
          <a:ln>
            <a:solidFill>
              <a:schemeClr val="bg1">
                <a:lumMod val="50000"/>
              </a:schemeClr>
            </a:solidFill>
            <a:headEnd type="triangle"/>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90" name="弧形 89">
            <a:extLst>
              <a:ext uri="{FF2B5EF4-FFF2-40B4-BE49-F238E27FC236}">
                <a16:creationId xmlns:a16="http://schemas.microsoft.com/office/drawing/2014/main" xmlns="" id="{F4A77EEC-C956-4D6F-BA48-E4AA8BD124F9}"/>
              </a:ext>
            </a:extLst>
          </p:cNvPr>
          <p:cNvSpPr/>
          <p:nvPr/>
        </p:nvSpPr>
        <p:spPr>
          <a:xfrm>
            <a:off x="2215740" y="5822377"/>
            <a:ext cx="1152162" cy="367114"/>
          </a:xfrm>
          <a:prstGeom prst="arc">
            <a:avLst>
              <a:gd name="adj1" fmla="val 11049573"/>
              <a:gd name="adj2" fmla="val 0"/>
            </a:avLst>
          </a:prstGeom>
          <a:ln>
            <a:solidFill>
              <a:schemeClr val="bg1">
                <a:lumMod val="50000"/>
              </a:schemeClr>
            </a:solidFill>
            <a:headEnd type="triangle"/>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grpSp>
        <p:nvGrpSpPr>
          <p:cNvPr id="91" name="组合 90">
            <a:extLst>
              <a:ext uri="{FF2B5EF4-FFF2-40B4-BE49-F238E27FC236}">
                <a16:creationId xmlns:a16="http://schemas.microsoft.com/office/drawing/2014/main" xmlns="" id="{11589635-DE47-434D-8F86-7C48A1F96449}"/>
              </a:ext>
            </a:extLst>
          </p:cNvPr>
          <p:cNvGrpSpPr>
            <a:grpSpLocks noChangeAspect="1"/>
          </p:cNvGrpSpPr>
          <p:nvPr/>
        </p:nvGrpSpPr>
        <p:grpSpPr>
          <a:xfrm>
            <a:off x="2310555" y="5183752"/>
            <a:ext cx="166104" cy="166104"/>
            <a:chOff x="10441953" y="5633214"/>
            <a:chExt cx="264000" cy="264000"/>
          </a:xfrm>
        </p:grpSpPr>
        <p:sp>
          <p:nvSpPr>
            <p:cNvPr id="92" name="椭圆 91">
              <a:extLst>
                <a:ext uri="{FF2B5EF4-FFF2-40B4-BE49-F238E27FC236}">
                  <a16:creationId xmlns:a16="http://schemas.microsoft.com/office/drawing/2014/main" xmlns="" id="{C18BF2A6-AE29-462A-ADEF-0C57DE6990E0}"/>
                </a:ext>
              </a:extLst>
            </p:cNvPr>
            <p:cNvSpPr>
              <a:spLocks noChangeAspect="1"/>
            </p:cNvSpPr>
            <p:nvPr/>
          </p:nvSpPr>
          <p:spPr>
            <a:xfrm>
              <a:off x="10441953" y="5633214"/>
              <a:ext cx="264000" cy="264000"/>
            </a:xfrm>
            <a:prstGeom prst="ellipse">
              <a:avLst/>
            </a:prstGeom>
            <a:solidFill>
              <a:schemeClr val="bg1">
                <a:lumMod val="5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endParaRPr lang="zh-CN" altLang="en-US" sz="1500" b="1">
                <a:solidFill>
                  <a:prstClr val="black"/>
                </a:solidFill>
              </a:endParaRPr>
            </a:p>
          </p:txBody>
        </p:sp>
        <p:sp>
          <p:nvSpPr>
            <p:cNvPr id="93" name="任意多边形 122">
              <a:extLst>
                <a:ext uri="{FF2B5EF4-FFF2-40B4-BE49-F238E27FC236}">
                  <a16:creationId xmlns:a16="http://schemas.microsoft.com/office/drawing/2014/main" xmlns="" id="{820C2004-3E4E-43E0-995E-FA34B0D0E1D1}"/>
                </a:ext>
              </a:extLst>
            </p:cNvPr>
            <p:cNvSpPr/>
            <p:nvPr/>
          </p:nvSpPr>
          <p:spPr>
            <a:xfrm>
              <a:off x="10506830" y="5719982"/>
              <a:ext cx="138959" cy="73584"/>
            </a:xfrm>
            <a:custGeom>
              <a:avLst/>
              <a:gdLst>
                <a:gd name="connsiteX0" fmla="*/ 0 w 221456"/>
                <a:gd name="connsiteY0" fmla="*/ 47625 h 126206"/>
                <a:gd name="connsiteX1" fmla="*/ 83344 w 221456"/>
                <a:gd name="connsiteY1" fmla="*/ 126206 h 126206"/>
                <a:gd name="connsiteX2" fmla="*/ 221456 w 221456"/>
                <a:gd name="connsiteY2" fmla="*/ 0 h 126206"/>
                <a:gd name="connsiteX0" fmla="*/ 0 w 250659"/>
                <a:gd name="connsiteY0" fmla="*/ 33024 h 126206"/>
                <a:gd name="connsiteX1" fmla="*/ 112547 w 250659"/>
                <a:gd name="connsiteY1" fmla="*/ 126206 h 126206"/>
                <a:gd name="connsiteX2" fmla="*/ 250659 w 250659"/>
                <a:gd name="connsiteY2" fmla="*/ 0 h 126206"/>
                <a:gd name="connsiteX0" fmla="*/ 0 w 259419"/>
                <a:gd name="connsiteY0" fmla="*/ 35944 h 126206"/>
                <a:gd name="connsiteX1" fmla="*/ 121307 w 259419"/>
                <a:gd name="connsiteY1" fmla="*/ 126206 h 126206"/>
                <a:gd name="connsiteX2" fmla="*/ 259419 w 259419"/>
                <a:gd name="connsiteY2" fmla="*/ 0 h 126206"/>
                <a:gd name="connsiteX0" fmla="*/ 0 w 259419"/>
                <a:gd name="connsiteY0" fmla="*/ 35944 h 126206"/>
                <a:gd name="connsiteX1" fmla="*/ 106706 w 259419"/>
                <a:gd name="connsiteY1" fmla="*/ 126206 h 126206"/>
                <a:gd name="connsiteX2" fmla="*/ 259419 w 259419"/>
                <a:gd name="connsiteY2" fmla="*/ 0 h 126206"/>
                <a:gd name="connsiteX0" fmla="*/ 0 w 279861"/>
                <a:gd name="connsiteY0" fmla="*/ 35944 h 126206"/>
                <a:gd name="connsiteX1" fmla="*/ 106706 w 279861"/>
                <a:gd name="connsiteY1" fmla="*/ 126206 h 126206"/>
                <a:gd name="connsiteX2" fmla="*/ 279861 w 279861"/>
                <a:gd name="connsiteY2" fmla="*/ 0 h 126206"/>
                <a:gd name="connsiteX0" fmla="*/ 0 w 276940"/>
                <a:gd name="connsiteY0" fmla="*/ 56386 h 146648"/>
                <a:gd name="connsiteX1" fmla="*/ 106706 w 276940"/>
                <a:gd name="connsiteY1" fmla="*/ 146648 h 146648"/>
                <a:gd name="connsiteX2" fmla="*/ 276940 w 276940"/>
                <a:gd name="connsiteY2" fmla="*/ 0 h 146648"/>
                <a:gd name="connsiteX0" fmla="*/ 0 w 276940"/>
                <a:gd name="connsiteY0" fmla="*/ 56386 h 146648"/>
                <a:gd name="connsiteX1" fmla="*/ 121308 w 276940"/>
                <a:gd name="connsiteY1" fmla="*/ 146648 h 146648"/>
                <a:gd name="connsiteX2" fmla="*/ 276940 w 276940"/>
                <a:gd name="connsiteY2" fmla="*/ 0 h 146648"/>
              </a:gdLst>
              <a:ahLst/>
              <a:cxnLst>
                <a:cxn ang="0">
                  <a:pos x="connsiteX0" y="connsiteY0"/>
                </a:cxn>
                <a:cxn ang="0">
                  <a:pos x="connsiteX1" y="connsiteY1"/>
                </a:cxn>
                <a:cxn ang="0">
                  <a:pos x="connsiteX2" y="connsiteY2"/>
                </a:cxn>
              </a:cxnLst>
              <a:rect l="l" t="t" r="r" b="b"/>
              <a:pathLst>
                <a:path w="276940" h="146648">
                  <a:moveTo>
                    <a:pt x="0" y="56386"/>
                  </a:moveTo>
                  <a:lnTo>
                    <a:pt x="121308" y="146648"/>
                  </a:lnTo>
                  <a:lnTo>
                    <a:pt x="276940" y="0"/>
                  </a:lnTo>
                </a:path>
              </a:pathLst>
            </a:custGeom>
            <a:noFill/>
            <a:ln w="12700" cap="rnd" cmpd="sng">
              <a:solidFill>
                <a:schemeClr val="bg1"/>
              </a:solidFill>
              <a:roun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zh-CN" altLang="en-US" sz="1800">
                <a:solidFill>
                  <a:prstClr val="white"/>
                </a:solidFill>
              </a:endParaRPr>
            </a:p>
          </p:txBody>
        </p:sp>
      </p:grpSp>
      <p:grpSp>
        <p:nvGrpSpPr>
          <p:cNvPr id="94" name="组合 28">
            <a:extLst>
              <a:ext uri="{FF2B5EF4-FFF2-40B4-BE49-F238E27FC236}">
                <a16:creationId xmlns:a16="http://schemas.microsoft.com/office/drawing/2014/main" xmlns="" id="{52B1F17A-D668-42BB-B419-35A244A79FD0}"/>
              </a:ext>
            </a:extLst>
          </p:cNvPr>
          <p:cNvGrpSpPr/>
          <p:nvPr/>
        </p:nvGrpSpPr>
        <p:grpSpPr>
          <a:xfrm>
            <a:off x="3106824" y="5186348"/>
            <a:ext cx="163115" cy="163118"/>
            <a:chOff x="5076056" y="3356992"/>
            <a:chExt cx="436268" cy="436277"/>
          </a:xfrm>
        </p:grpSpPr>
        <p:sp>
          <p:nvSpPr>
            <p:cNvPr id="95" name="椭圆 27">
              <a:extLst>
                <a:ext uri="{FF2B5EF4-FFF2-40B4-BE49-F238E27FC236}">
                  <a16:creationId xmlns:a16="http://schemas.microsoft.com/office/drawing/2014/main" xmlns="" id="{D792FE92-2BD0-4678-97AE-9F9638C8156E}"/>
                </a:ext>
              </a:extLst>
            </p:cNvPr>
            <p:cNvSpPr/>
            <p:nvPr/>
          </p:nvSpPr>
          <p:spPr bwMode="auto">
            <a:xfrm>
              <a:off x="5076056" y="3356992"/>
              <a:ext cx="432048" cy="432048"/>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784225" rtl="0" eaLnBrk="0" fontAlgn="base" latinLnBrk="0" hangingPunct="0">
                <a:lnSpc>
                  <a:spcPct val="100000"/>
                </a:lnSpc>
                <a:spcBef>
                  <a:spcPct val="0"/>
                </a:spcBef>
                <a:spcAft>
                  <a:spcPct val="0"/>
                </a:spcAft>
                <a:buClrTx/>
                <a:buSzTx/>
                <a:buFontTx/>
                <a:buNone/>
                <a:tabLst/>
              </a:pPr>
              <a:endParaRPr kumimoji="0" lang="zh-CN" altLang="en-US" sz="2100" b="0" i="0" u="none" strike="noStrike" cap="none" normalizeH="0" baseline="0">
                <a:ln>
                  <a:noFill/>
                </a:ln>
                <a:solidFill>
                  <a:schemeClr val="tx1"/>
                </a:solidFill>
                <a:effectLst/>
              </a:endParaRPr>
            </a:p>
          </p:txBody>
        </p:sp>
        <p:sp>
          <p:nvSpPr>
            <p:cNvPr id="96" name="禁止符 23">
              <a:extLst>
                <a:ext uri="{FF2B5EF4-FFF2-40B4-BE49-F238E27FC236}">
                  <a16:creationId xmlns:a16="http://schemas.microsoft.com/office/drawing/2014/main" xmlns="" id="{A3305AE3-77CA-48C1-9CB0-909D786C37D6}"/>
                </a:ext>
              </a:extLst>
            </p:cNvPr>
            <p:cNvSpPr/>
            <p:nvPr/>
          </p:nvSpPr>
          <p:spPr>
            <a:xfrm>
              <a:off x="5076056" y="3357000"/>
              <a:ext cx="436268" cy="436269"/>
            </a:xfrm>
            <a:prstGeom prst="noSmoking">
              <a:avLst>
                <a:gd name="adj" fmla="val 15475"/>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2"/>
                </a:solidFill>
              </a:endParaRPr>
            </a:p>
          </p:txBody>
        </p:sp>
      </p:grpSp>
      <p:grpSp>
        <p:nvGrpSpPr>
          <p:cNvPr id="97" name="组合 28">
            <a:extLst>
              <a:ext uri="{FF2B5EF4-FFF2-40B4-BE49-F238E27FC236}">
                <a16:creationId xmlns:a16="http://schemas.microsoft.com/office/drawing/2014/main" xmlns="" id="{7590D02C-E405-4D3A-817E-1B17838B1FAA}"/>
              </a:ext>
            </a:extLst>
          </p:cNvPr>
          <p:cNvGrpSpPr/>
          <p:nvPr/>
        </p:nvGrpSpPr>
        <p:grpSpPr>
          <a:xfrm>
            <a:off x="2719697" y="5772302"/>
            <a:ext cx="163115" cy="163118"/>
            <a:chOff x="5076056" y="3356992"/>
            <a:chExt cx="436268" cy="436277"/>
          </a:xfrm>
        </p:grpSpPr>
        <p:sp>
          <p:nvSpPr>
            <p:cNvPr id="98" name="椭圆 27">
              <a:extLst>
                <a:ext uri="{FF2B5EF4-FFF2-40B4-BE49-F238E27FC236}">
                  <a16:creationId xmlns:a16="http://schemas.microsoft.com/office/drawing/2014/main" xmlns="" id="{D6A9CCB5-025E-4975-BA27-16FF3719D3D0}"/>
                </a:ext>
              </a:extLst>
            </p:cNvPr>
            <p:cNvSpPr/>
            <p:nvPr/>
          </p:nvSpPr>
          <p:spPr bwMode="auto">
            <a:xfrm>
              <a:off x="5076056" y="3356992"/>
              <a:ext cx="432048" cy="432048"/>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784225" rtl="0" eaLnBrk="0" fontAlgn="base" latinLnBrk="0" hangingPunct="0">
                <a:lnSpc>
                  <a:spcPct val="100000"/>
                </a:lnSpc>
                <a:spcBef>
                  <a:spcPct val="0"/>
                </a:spcBef>
                <a:spcAft>
                  <a:spcPct val="0"/>
                </a:spcAft>
                <a:buClrTx/>
                <a:buSzTx/>
                <a:buFontTx/>
                <a:buNone/>
                <a:tabLst/>
              </a:pPr>
              <a:endParaRPr kumimoji="0" lang="zh-CN" altLang="en-US" sz="2100" b="0" i="0" u="none" strike="noStrike" cap="none" normalizeH="0" baseline="0">
                <a:ln>
                  <a:noFill/>
                </a:ln>
                <a:solidFill>
                  <a:schemeClr val="tx1"/>
                </a:solidFill>
                <a:effectLst/>
              </a:endParaRPr>
            </a:p>
          </p:txBody>
        </p:sp>
        <p:sp>
          <p:nvSpPr>
            <p:cNvPr id="99" name="禁止符 23">
              <a:extLst>
                <a:ext uri="{FF2B5EF4-FFF2-40B4-BE49-F238E27FC236}">
                  <a16:creationId xmlns:a16="http://schemas.microsoft.com/office/drawing/2014/main" xmlns="" id="{296D424F-6DF9-4AB6-998D-7C8EAD146902}"/>
                </a:ext>
              </a:extLst>
            </p:cNvPr>
            <p:cNvSpPr/>
            <p:nvPr/>
          </p:nvSpPr>
          <p:spPr>
            <a:xfrm>
              <a:off x="5076056" y="3357000"/>
              <a:ext cx="436268" cy="436269"/>
            </a:xfrm>
            <a:prstGeom prst="noSmoking">
              <a:avLst>
                <a:gd name="adj" fmla="val 15475"/>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2"/>
                </a:solidFill>
              </a:endParaRPr>
            </a:p>
          </p:txBody>
        </p:sp>
      </p:grpSp>
      <p:sp>
        <p:nvSpPr>
          <p:cNvPr id="100" name="矩形 99">
            <a:extLst>
              <a:ext uri="{FF2B5EF4-FFF2-40B4-BE49-F238E27FC236}">
                <a16:creationId xmlns:a16="http://schemas.microsoft.com/office/drawing/2014/main" xmlns="" id="{9EFC90F5-DD8A-4467-A31E-63AA3459725A}"/>
              </a:ext>
            </a:extLst>
          </p:cNvPr>
          <p:cNvSpPr/>
          <p:nvPr/>
        </p:nvSpPr>
        <p:spPr>
          <a:xfrm>
            <a:off x="4128071" y="5432314"/>
            <a:ext cx="1694816" cy="784830"/>
          </a:xfrm>
          <a:prstGeom prst="rect">
            <a:avLst/>
          </a:prstGeom>
        </p:spPr>
        <p:txBody>
          <a:bodyPr wrap="square">
            <a:spAutoFit/>
          </a:bodyPr>
          <a:lstStyle/>
          <a:p>
            <a:pPr marL="171450" indent="-171450">
              <a:lnSpc>
                <a:spcPts val="1800"/>
              </a:lnSpc>
              <a:buFont typeface="Arial" panose="020B0604020202020204" pitchFamily="34" charset="0"/>
              <a:buChar char="•"/>
            </a:pPr>
            <a:r>
              <a:rPr lang="zh-CN" altLang="en-US" sz="1200"/>
              <a:t>访问策略</a:t>
            </a:r>
          </a:p>
          <a:p>
            <a:pPr marL="171450" indent="-171450">
              <a:lnSpc>
                <a:spcPts val="1800"/>
              </a:lnSpc>
              <a:buFont typeface="Arial" panose="020B0604020202020204" pitchFamily="34" charset="0"/>
              <a:buChar char="•"/>
            </a:pPr>
            <a:r>
              <a:rPr lang="zh-CN" altLang="en-US" sz="1200"/>
              <a:t>带宽</a:t>
            </a:r>
          </a:p>
          <a:p>
            <a:pPr marL="171450" indent="-171450">
              <a:lnSpc>
                <a:spcPts val="1800"/>
              </a:lnSpc>
              <a:buFont typeface="Arial" panose="020B0604020202020204" pitchFamily="34" charset="0"/>
              <a:buChar char="•"/>
            </a:pPr>
            <a:r>
              <a:rPr lang="zh-CN" altLang="en-US" sz="1200"/>
              <a:t>优先级</a:t>
            </a:r>
          </a:p>
        </p:txBody>
      </p:sp>
      <p:sp>
        <p:nvSpPr>
          <p:cNvPr id="104" name="燕尾形 25">
            <a:extLst>
              <a:ext uri="{FF2B5EF4-FFF2-40B4-BE49-F238E27FC236}">
                <a16:creationId xmlns:a16="http://schemas.microsoft.com/office/drawing/2014/main" xmlns="" id="{24715FFA-6D91-4951-AD44-DF274CC8F998}"/>
              </a:ext>
            </a:extLst>
          </p:cNvPr>
          <p:cNvSpPr/>
          <p:nvPr/>
        </p:nvSpPr>
        <p:spPr bwMode="auto">
          <a:xfrm>
            <a:off x="10187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数据中心</a:t>
            </a:r>
            <a:endParaRPr lang="en-US" altLang="zh-CN" sz="1200" kern="0"/>
          </a:p>
        </p:txBody>
      </p:sp>
      <p:sp>
        <p:nvSpPr>
          <p:cNvPr id="105" name="燕尾形 26">
            <a:extLst>
              <a:ext uri="{FF2B5EF4-FFF2-40B4-BE49-F238E27FC236}">
                <a16:creationId xmlns:a16="http://schemas.microsoft.com/office/drawing/2014/main" xmlns="" id="{56DFB05E-1FAB-4796-99CC-BEB084239BA4}"/>
              </a:ext>
            </a:extLst>
          </p:cNvPr>
          <p:cNvSpPr/>
          <p:nvPr/>
        </p:nvSpPr>
        <p:spPr bwMode="auto">
          <a:xfrm>
            <a:off x="10996392"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企业园区</a:t>
            </a:r>
            <a:endParaRPr lang="en-US" altLang="zh-CN" sz="1200" b="1" kern="0">
              <a:solidFill>
                <a:srgbClr val="FFFFFF"/>
              </a:solidFill>
            </a:endParaRPr>
          </a:p>
        </p:txBody>
      </p:sp>
    </p:spTree>
    <p:extLst>
      <p:ext uri="{BB962C8B-B14F-4D97-AF65-F5344CB8AC3E}">
        <p14:creationId xmlns:p14="http://schemas.microsoft.com/office/powerpoint/2010/main" val="231149129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41152B08-C166-45F0-94D9-69C122A62C97}"/>
              </a:ext>
            </a:extLst>
          </p:cNvPr>
          <p:cNvSpPr>
            <a:spLocks noGrp="1"/>
          </p:cNvSpPr>
          <p:nvPr>
            <p:ph type="title"/>
          </p:nvPr>
        </p:nvSpPr>
        <p:spPr/>
        <p:txBody>
          <a:bodyPr/>
          <a:lstStyle/>
          <a:p>
            <a:r>
              <a:rPr lang="zh-CN" altLang="en-US"/>
              <a:t>关键特性：设备即插即用</a:t>
            </a:r>
          </a:p>
        </p:txBody>
      </p:sp>
      <p:sp>
        <p:nvSpPr>
          <p:cNvPr id="4" name="AutoShape 10">
            <a:extLst>
              <a:ext uri="{FF2B5EF4-FFF2-40B4-BE49-F238E27FC236}">
                <a16:creationId xmlns:a16="http://schemas.microsoft.com/office/drawing/2014/main" xmlns="" id="{EA88EA0D-4393-49EC-AE5B-5F9F070A5D74}"/>
              </a:ext>
            </a:extLst>
          </p:cNvPr>
          <p:cNvSpPr>
            <a:spLocks noChangeArrowheads="1"/>
          </p:cNvSpPr>
          <p:nvPr/>
        </p:nvSpPr>
        <p:spPr bwMode="auto">
          <a:xfrm rot="10800000">
            <a:off x="1276575" y="2431071"/>
            <a:ext cx="2265241" cy="1472982"/>
          </a:xfrm>
          <a:custGeom>
            <a:avLst/>
            <a:gdLst>
              <a:gd name="T0" fmla="*/ 2147483647 w 21600"/>
              <a:gd name="T1" fmla="*/ 2147483647 h 21600"/>
              <a:gd name="T2" fmla="*/ 2147483647 w 21600"/>
              <a:gd name="T3" fmla="*/ 2147483647 h 21600"/>
              <a:gd name="T4" fmla="*/ 2147483647 w 21600"/>
              <a:gd name="T5" fmla="*/ 2147483647 h 21600"/>
              <a:gd name="T6" fmla="*/ 2147483647 w 21600"/>
              <a:gd name="T7" fmla="*/ 0 h 21600"/>
              <a:gd name="T8" fmla="*/ 0 60000 65536"/>
              <a:gd name="T9" fmla="*/ 0 60000 65536"/>
              <a:gd name="T10" fmla="*/ 0 60000 65536"/>
              <a:gd name="T11" fmla="*/ 0 60000 65536"/>
              <a:gd name="T12" fmla="*/ 6093 w 21600"/>
              <a:gd name="T13" fmla="*/ 6093 h 21600"/>
              <a:gd name="T14" fmla="*/ 15507 w 21600"/>
              <a:gd name="T15" fmla="*/ 15507 h 21600"/>
              <a:gd name="connsiteX0" fmla="*/ 0 w 21600"/>
              <a:gd name="connsiteY0" fmla="*/ 0 h 21949"/>
              <a:gd name="connsiteX1" fmla="*/ 9334 w 21600"/>
              <a:gd name="connsiteY1" fmla="*/ 21949 h 21949"/>
              <a:gd name="connsiteX2" fmla="*/ 13015 w 21600"/>
              <a:gd name="connsiteY2" fmla="*/ 21600 h 21949"/>
              <a:gd name="connsiteX3" fmla="*/ 21600 w 21600"/>
              <a:gd name="connsiteY3" fmla="*/ 0 h 21949"/>
              <a:gd name="connsiteX4" fmla="*/ 0 w 21600"/>
              <a:gd name="connsiteY4" fmla="*/ 0 h 219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1600" h="21949">
                <a:moveTo>
                  <a:pt x="0" y="0"/>
                </a:moveTo>
                <a:lnTo>
                  <a:pt x="9334" y="21949"/>
                </a:lnTo>
                <a:lnTo>
                  <a:pt x="13015" y="21600"/>
                </a:lnTo>
                <a:lnTo>
                  <a:pt x="21600" y="0"/>
                </a:lnTo>
                <a:lnTo>
                  <a:pt x="0" y="0"/>
                </a:lnTo>
                <a:close/>
              </a:path>
            </a:pathLst>
          </a:custGeom>
          <a:gradFill rotWithShape="1">
            <a:gsLst>
              <a:gs pos="0">
                <a:schemeClr val="bg1">
                  <a:alpha val="0"/>
                </a:schemeClr>
              </a:gs>
              <a:gs pos="67000">
                <a:srgbClr val="CCCCFF">
                  <a:alpha val="32000"/>
                </a:srgbClr>
              </a:gs>
            </a:gsLst>
            <a:lin ang="5400000" scaled="1"/>
          </a:gradFill>
          <a:ln w="9525" algn="ctr">
            <a:noFill/>
            <a:miter lim="800000"/>
            <a:headEnd/>
            <a:tailEnd/>
          </a:ln>
        </p:spPr>
        <p:txBody>
          <a:bodyPr rot="10800000" vert="eaVert" wrap="square" lIns="105556" tIns="52776" rIns="105556" bIns="52776" anchor="ctr">
            <a:noAutofit/>
          </a:bodyPr>
          <a:lstStyle/>
          <a:p>
            <a:pPr defTabSz="1218624"/>
            <a:endParaRPr lang="zh-CN" altLang="en-US" sz="1600" b="1" dirty="0">
              <a:solidFill>
                <a:prstClr val="black"/>
              </a:solidFill>
              <a:cs typeface="+mn-ea"/>
              <a:sym typeface="+mn-lt"/>
            </a:endParaRPr>
          </a:p>
        </p:txBody>
      </p:sp>
      <p:sp>
        <p:nvSpPr>
          <p:cNvPr id="12" name="AutoShape 10">
            <a:extLst>
              <a:ext uri="{FF2B5EF4-FFF2-40B4-BE49-F238E27FC236}">
                <a16:creationId xmlns:a16="http://schemas.microsoft.com/office/drawing/2014/main" xmlns="" id="{3ED87F6F-BA5F-4C6F-B818-7BE7A718C8B5}"/>
              </a:ext>
            </a:extLst>
          </p:cNvPr>
          <p:cNvSpPr>
            <a:spLocks noChangeArrowheads="1"/>
          </p:cNvSpPr>
          <p:nvPr/>
        </p:nvSpPr>
        <p:spPr bwMode="auto">
          <a:xfrm rot="10800000">
            <a:off x="8725182" y="2557495"/>
            <a:ext cx="2203248" cy="1054677"/>
          </a:xfrm>
          <a:custGeom>
            <a:avLst/>
            <a:gdLst>
              <a:gd name="T0" fmla="*/ 2147483647 w 21600"/>
              <a:gd name="T1" fmla="*/ 2147483647 h 21600"/>
              <a:gd name="T2" fmla="*/ 2147483647 w 21600"/>
              <a:gd name="T3" fmla="*/ 2147483647 h 21600"/>
              <a:gd name="T4" fmla="*/ 2147483647 w 21600"/>
              <a:gd name="T5" fmla="*/ 2147483647 h 21600"/>
              <a:gd name="T6" fmla="*/ 2147483647 w 21600"/>
              <a:gd name="T7" fmla="*/ 0 h 21600"/>
              <a:gd name="T8" fmla="*/ 0 60000 65536"/>
              <a:gd name="T9" fmla="*/ 0 60000 65536"/>
              <a:gd name="T10" fmla="*/ 0 60000 65536"/>
              <a:gd name="T11" fmla="*/ 0 60000 65536"/>
              <a:gd name="T12" fmla="*/ 6093 w 21600"/>
              <a:gd name="T13" fmla="*/ 6093 h 21600"/>
              <a:gd name="T14" fmla="*/ 15507 w 21600"/>
              <a:gd name="T15" fmla="*/ 15507 h 21600"/>
              <a:gd name="connsiteX0" fmla="*/ 0 w 21600"/>
              <a:gd name="connsiteY0" fmla="*/ 0 h 21949"/>
              <a:gd name="connsiteX1" fmla="*/ 9334 w 21600"/>
              <a:gd name="connsiteY1" fmla="*/ 21949 h 21949"/>
              <a:gd name="connsiteX2" fmla="*/ 13015 w 21600"/>
              <a:gd name="connsiteY2" fmla="*/ 21600 h 21949"/>
              <a:gd name="connsiteX3" fmla="*/ 21600 w 21600"/>
              <a:gd name="connsiteY3" fmla="*/ 0 h 21949"/>
              <a:gd name="connsiteX4" fmla="*/ 0 w 21600"/>
              <a:gd name="connsiteY4" fmla="*/ 0 h 219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1600" h="21949">
                <a:moveTo>
                  <a:pt x="0" y="0"/>
                </a:moveTo>
                <a:lnTo>
                  <a:pt x="9334" y="21949"/>
                </a:lnTo>
                <a:lnTo>
                  <a:pt x="13015" y="21600"/>
                </a:lnTo>
                <a:lnTo>
                  <a:pt x="21600" y="0"/>
                </a:lnTo>
                <a:lnTo>
                  <a:pt x="0" y="0"/>
                </a:lnTo>
                <a:close/>
              </a:path>
            </a:pathLst>
          </a:custGeom>
          <a:gradFill rotWithShape="1">
            <a:gsLst>
              <a:gs pos="0">
                <a:schemeClr val="bg1">
                  <a:alpha val="0"/>
                </a:schemeClr>
              </a:gs>
              <a:gs pos="67000">
                <a:srgbClr val="CCCCFF">
                  <a:alpha val="32000"/>
                </a:srgbClr>
              </a:gs>
            </a:gsLst>
            <a:lin ang="5400000" scaled="1"/>
          </a:gradFill>
          <a:ln w="9525" algn="ctr">
            <a:noFill/>
            <a:miter lim="800000"/>
            <a:headEnd/>
            <a:tailEnd/>
          </a:ln>
        </p:spPr>
        <p:txBody>
          <a:bodyPr rot="10800000" vert="eaVert" wrap="square" lIns="105556" tIns="52776" rIns="105556" bIns="52776" anchor="ctr">
            <a:noAutofit/>
          </a:bodyPr>
          <a:lstStyle/>
          <a:p>
            <a:pPr defTabSz="1218624"/>
            <a:endParaRPr lang="zh-CN" altLang="en-US" sz="1600" b="1" dirty="0">
              <a:solidFill>
                <a:prstClr val="black"/>
              </a:solidFill>
              <a:cs typeface="+mn-ea"/>
              <a:sym typeface="+mn-lt"/>
            </a:endParaRPr>
          </a:p>
        </p:txBody>
      </p:sp>
      <p:sp>
        <p:nvSpPr>
          <p:cNvPr id="31" name="任意多边形 109">
            <a:extLst>
              <a:ext uri="{FF2B5EF4-FFF2-40B4-BE49-F238E27FC236}">
                <a16:creationId xmlns:a16="http://schemas.microsoft.com/office/drawing/2014/main" xmlns="" id="{245388E7-16FE-473E-89E1-FD9194858F28}"/>
              </a:ext>
            </a:extLst>
          </p:cNvPr>
          <p:cNvSpPr/>
          <p:nvPr/>
        </p:nvSpPr>
        <p:spPr bwMode="auto">
          <a:xfrm rot="4475379" flipV="1">
            <a:off x="2378367" y="2998654"/>
            <a:ext cx="1200169" cy="491507"/>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base">
              <a:spcBef>
                <a:spcPct val="0"/>
              </a:spcBef>
              <a:spcAft>
                <a:spcPct val="0"/>
              </a:spcAft>
              <a:defRPr/>
            </a:pPr>
            <a:endParaRPr lang="zh-CN" altLang="en-US" sz="1600" kern="0">
              <a:cs typeface="+mn-ea"/>
              <a:sym typeface="+mn-lt"/>
            </a:endParaRPr>
          </a:p>
        </p:txBody>
      </p:sp>
      <p:sp>
        <p:nvSpPr>
          <p:cNvPr id="32" name="任意多边形 111">
            <a:extLst>
              <a:ext uri="{FF2B5EF4-FFF2-40B4-BE49-F238E27FC236}">
                <a16:creationId xmlns:a16="http://schemas.microsoft.com/office/drawing/2014/main" xmlns="" id="{06D7AAB6-F4FA-4477-9524-11292A99A84B}"/>
              </a:ext>
            </a:extLst>
          </p:cNvPr>
          <p:cNvSpPr/>
          <p:nvPr/>
        </p:nvSpPr>
        <p:spPr bwMode="auto">
          <a:xfrm rot="15182227" flipV="1">
            <a:off x="1162829" y="3172614"/>
            <a:ext cx="1238066" cy="200929"/>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base">
              <a:spcBef>
                <a:spcPct val="0"/>
              </a:spcBef>
              <a:spcAft>
                <a:spcPct val="0"/>
              </a:spcAft>
              <a:defRPr/>
            </a:pPr>
            <a:endParaRPr lang="zh-CN" altLang="en-US" sz="1600" kern="0">
              <a:cs typeface="+mn-ea"/>
              <a:sym typeface="+mn-lt"/>
            </a:endParaRPr>
          </a:p>
        </p:txBody>
      </p:sp>
      <p:sp>
        <p:nvSpPr>
          <p:cNvPr id="35" name="任意多边形 114">
            <a:extLst>
              <a:ext uri="{FF2B5EF4-FFF2-40B4-BE49-F238E27FC236}">
                <a16:creationId xmlns:a16="http://schemas.microsoft.com/office/drawing/2014/main" xmlns="" id="{20746CA4-51C9-4FC2-91FC-FA7BF99031CD}"/>
              </a:ext>
            </a:extLst>
          </p:cNvPr>
          <p:cNvSpPr/>
          <p:nvPr/>
        </p:nvSpPr>
        <p:spPr bwMode="auto">
          <a:xfrm rot="4475379" flipV="1">
            <a:off x="5500590" y="3013595"/>
            <a:ext cx="1442456" cy="512471"/>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base">
              <a:spcBef>
                <a:spcPct val="0"/>
              </a:spcBef>
              <a:spcAft>
                <a:spcPct val="0"/>
              </a:spcAft>
              <a:defRPr/>
            </a:pPr>
            <a:endParaRPr lang="zh-CN" altLang="en-US" sz="1600" kern="0">
              <a:cs typeface="+mn-ea"/>
              <a:sym typeface="+mn-lt"/>
            </a:endParaRPr>
          </a:p>
        </p:txBody>
      </p:sp>
      <p:sp>
        <p:nvSpPr>
          <p:cNvPr id="36" name="任意多边形 115">
            <a:extLst>
              <a:ext uri="{FF2B5EF4-FFF2-40B4-BE49-F238E27FC236}">
                <a16:creationId xmlns:a16="http://schemas.microsoft.com/office/drawing/2014/main" xmlns="" id="{E04F83B4-353B-4F9E-B52D-C1553602E94F}"/>
              </a:ext>
            </a:extLst>
          </p:cNvPr>
          <p:cNvSpPr/>
          <p:nvPr/>
        </p:nvSpPr>
        <p:spPr bwMode="auto">
          <a:xfrm rot="14570923" flipV="1">
            <a:off x="4414678" y="3092792"/>
            <a:ext cx="1435830" cy="567818"/>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base">
              <a:spcBef>
                <a:spcPct val="0"/>
              </a:spcBef>
              <a:spcAft>
                <a:spcPct val="0"/>
              </a:spcAft>
              <a:defRPr/>
            </a:pPr>
            <a:endParaRPr lang="zh-CN" altLang="en-US" sz="1600" kern="0">
              <a:cs typeface="+mn-ea"/>
              <a:sym typeface="+mn-lt"/>
            </a:endParaRPr>
          </a:p>
        </p:txBody>
      </p:sp>
      <p:cxnSp>
        <p:nvCxnSpPr>
          <p:cNvPr id="40" name="直接箭头连接符 39">
            <a:extLst>
              <a:ext uri="{FF2B5EF4-FFF2-40B4-BE49-F238E27FC236}">
                <a16:creationId xmlns:a16="http://schemas.microsoft.com/office/drawing/2014/main" xmlns="" id="{E88B2D50-C78E-4E06-866D-16ABA69089CD}"/>
              </a:ext>
            </a:extLst>
          </p:cNvPr>
          <p:cNvCxnSpPr>
            <a:cxnSpLocks/>
          </p:cNvCxnSpPr>
          <p:nvPr/>
        </p:nvCxnSpPr>
        <p:spPr>
          <a:xfrm flipV="1">
            <a:off x="10203129" y="2321874"/>
            <a:ext cx="446177" cy="5792"/>
          </a:xfrm>
          <a:prstGeom prst="straightConnector1">
            <a:avLst/>
          </a:prstGeom>
          <a:ln>
            <a:solidFill>
              <a:srgbClr val="00B0F0"/>
            </a:solidFill>
            <a:prstDash val="dash"/>
            <a:headEnd type="arrow" w="med" len="med"/>
            <a:tailEnd type="arrow" w="med" len="med"/>
          </a:ln>
        </p:spPr>
        <p:style>
          <a:lnRef idx="1">
            <a:schemeClr val="accent1"/>
          </a:lnRef>
          <a:fillRef idx="0">
            <a:schemeClr val="accent1"/>
          </a:fillRef>
          <a:effectRef idx="0">
            <a:schemeClr val="accent1"/>
          </a:effectRef>
          <a:fontRef idx="minor">
            <a:schemeClr val="tx1"/>
          </a:fontRef>
        </p:style>
      </p:cxnSp>
      <p:sp>
        <p:nvSpPr>
          <p:cNvPr id="41" name="任意多边形 121">
            <a:extLst>
              <a:ext uri="{FF2B5EF4-FFF2-40B4-BE49-F238E27FC236}">
                <a16:creationId xmlns:a16="http://schemas.microsoft.com/office/drawing/2014/main" xmlns="" id="{956D0793-E0A1-4E98-B8CE-4374985F5490}"/>
              </a:ext>
            </a:extLst>
          </p:cNvPr>
          <p:cNvSpPr/>
          <p:nvPr/>
        </p:nvSpPr>
        <p:spPr bwMode="auto">
          <a:xfrm rot="4475379" flipV="1">
            <a:off x="9115038" y="2882490"/>
            <a:ext cx="1202599" cy="421819"/>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base">
              <a:spcBef>
                <a:spcPct val="0"/>
              </a:spcBef>
              <a:spcAft>
                <a:spcPct val="0"/>
              </a:spcAft>
              <a:defRPr/>
            </a:pPr>
            <a:endParaRPr lang="zh-CN" altLang="en-US" sz="1600" kern="0">
              <a:cs typeface="+mn-ea"/>
              <a:sym typeface="+mn-lt"/>
            </a:endParaRPr>
          </a:p>
        </p:txBody>
      </p:sp>
      <p:sp>
        <p:nvSpPr>
          <p:cNvPr id="42" name="任意多边形 122">
            <a:extLst>
              <a:ext uri="{FF2B5EF4-FFF2-40B4-BE49-F238E27FC236}">
                <a16:creationId xmlns:a16="http://schemas.microsoft.com/office/drawing/2014/main" xmlns="" id="{C91E667B-C7BE-468D-8F1C-F47F58571F57}"/>
              </a:ext>
            </a:extLst>
          </p:cNvPr>
          <p:cNvSpPr/>
          <p:nvPr/>
        </p:nvSpPr>
        <p:spPr bwMode="auto">
          <a:xfrm rot="15072736" flipV="1">
            <a:off x="8210811" y="2935404"/>
            <a:ext cx="1202599" cy="421819"/>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base">
              <a:spcBef>
                <a:spcPct val="0"/>
              </a:spcBef>
              <a:spcAft>
                <a:spcPct val="0"/>
              </a:spcAft>
              <a:defRPr/>
            </a:pPr>
            <a:endParaRPr lang="zh-CN" altLang="en-US" sz="1600" kern="0">
              <a:cs typeface="+mn-ea"/>
              <a:sym typeface="+mn-lt"/>
            </a:endParaRPr>
          </a:p>
        </p:txBody>
      </p:sp>
      <p:sp>
        <p:nvSpPr>
          <p:cNvPr id="45" name="任意多边形 129">
            <a:extLst>
              <a:ext uri="{FF2B5EF4-FFF2-40B4-BE49-F238E27FC236}">
                <a16:creationId xmlns:a16="http://schemas.microsoft.com/office/drawing/2014/main" xmlns="" id="{7222282B-D865-4211-B6A5-8A66478A682D}"/>
              </a:ext>
            </a:extLst>
          </p:cNvPr>
          <p:cNvSpPr/>
          <p:nvPr/>
        </p:nvSpPr>
        <p:spPr bwMode="auto">
          <a:xfrm rot="4475379" flipV="1">
            <a:off x="10186184" y="3201857"/>
            <a:ext cx="1217132" cy="477038"/>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base">
              <a:spcBef>
                <a:spcPct val="0"/>
              </a:spcBef>
              <a:spcAft>
                <a:spcPct val="0"/>
              </a:spcAft>
              <a:defRPr/>
            </a:pPr>
            <a:endParaRPr lang="zh-CN" altLang="en-US" sz="1600" kern="0">
              <a:cs typeface="+mn-ea"/>
              <a:sym typeface="+mn-lt"/>
            </a:endParaRPr>
          </a:p>
        </p:txBody>
      </p:sp>
      <p:grpSp>
        <p:nvGrpSpPr>
          <p:cNvPr id="47" name="组合 46">
            <a:extLst>
              <a:ext uri="{FF2B5EF4-FFF2-40B4-BE49-F238E27FC236}">
                <a16:creationId xmlns:a16="http://schemas.microsoft.com/office/drawing/2014/main" xmlns="" id="{B2599C99-9D73-4359-85B3-FABC57966CD0}"/>
              </a:ext>
            </a:extLst>
          </p:cNvPr>
          <p:cNvGrpSpPr/>
          <p:nvPr/>
        </p:nvGrpSpPr>
        <p:grpSpPr>
          <a:xfrm>
            <a:off x="10481002" y="1984987"/>
            <a:ext cx="1184940" cy="713990"/>
            <a:chOff x="10497137" y="3656449"/>
            <a:chExt cx="1542608" cy="929505"/>
          </a:xfrm>
        </p:grpSpPr>
        <p:pic>
          <p:nvPicPr>
            <p:cNvPr id="48" name="图片 47" descr="交换机.png">
              <a:extLst>
                <a:ext uri="{FF2B5EF4-FFF2-40B4-BE49-F238E27FC236}">
                  <a16:creationId xmlns:a16="http://schemas.microsoft.com/office/drawing/2014/main" xmlns="" id="{735B7577-80CF-477E-BB43-D7A9FBE4524F}"/>
                </a:ext>
              </a:extLst>
            </p:cNvPr>
            <p:cNvPicPr>
              <a:picLocks noChangeAspect="1"/>
            </p:cNvPicPr>
            <p:nvPr/>
          </p:nvPicPr>
          <p:blipFill>
            <a:blip r:embed="rId3" cstate="print"/>
            <a:stretch>
              <a:fillRect/>
            </a:stretch>
          </p:blipFill>
          <p:spPr>
            <a:xfrm>
              <a:off x="10944648" y="3656449"/>
              <a:ext cx="565432" cy="471413"/>
            </a:xfrm>
            <a:prstGeom prst="rect">
              <a:avLst/>
            </a:prstGeom>
            <a:ln>
              <a:noFill/>
            </a:ln>
          </p:spPr>
        </p:pic>
        <p:sp>
          <p:nvSpPr>
            <p:cNvPr id="49" name="矩形 48">
              <a:extLst>
                <a:ext uri="{FF2B5EF4-FFF2-40B4-BE49-F238E27FC236}">
                  <a16:creationId xmlns:a16="http://schemas.microsoft.com/office/drawing/2014/main" xmlns="" id="{32DB191E-1BE2-4633-A70A-AA3F68B37AC8}"/>
                </a:ext>
              </a:extLst>
            </p:cNvPr>
            <p:cNvSpPr/>
            <p:nvPr/>
          </p:nvSpPr>
          <p:spPr>
            <a:xfrm>
              <a:off x="10497137" y="4205310"/>
              <a:ext cx="1542608" cy="380644"/>
            </a:xfrm>
            <a:prstGeom prst="rect">
              <a:avLst/>
            </a:prstGeom>
          </p:spPr>
          <p:txBody>
            <a:bodyPr wrap="none">
              <a:spAutoFit/>
            </a:bodyPr>
            <a:lstStyle/>
            <a:p>
              <a:r>
                <a:rPr lang="zh-CN" altLang="en-US" sz="1300" dirty="0">
                  <a:cs typeface="+mn-ea"/>
                  <a:sym typeface="+mn-lt"/>
                </a:rPr>
                <a:t>注册查询中心</a:t>
              </a:r>
            </a:p>
          </p:txBody>
        </p:sp>
      </p:grpSp>
      <p:sp>
        <p:nvSpPr>
          <p:cNvPr id="51" name="任意多边形 135">
            <a:extLst>
              <a:ext uri="{FF2B5EF4-FFF2-40B4-BE49-F238E27FC236}">
                <a16:creationId xmlns:a16="http://schemas.microsoft.com/office/drawing/2014/main" xmlns="" id="{77AF0AEB-2E43-4757-9D70-EC4E9EAC1664}"/>
              </a:ext>
            </a:extLst>
          </p:cNvPr>
          <p:cNvSpPr/>
          <p:nvPr/>
        </p:nvSpPr>
        <p:spPr bwMode="auto">
          <a:xfrm rot="4475379" flipV="1">
            <a:off x="6654641" y="3892809"/>
            <a:ext cx="641855" cy="369554"/>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none" w="med" len="med"/>
            <a:tailEnd type="arrow" w="med" len="med"/>
          </a:ln>
          <a:effectLst/>
        </p:spPr>
        <p:txBody>
          <a:bodyPr vert="horz" wrap="square" lIns="79218" tIns="39609" rIns="79218" bIns="39609" numCol="1" rtlCol="0" anchor="t" anchorCtr="0" compatLnSpc="1">
            <a:noAutofit/>
          </a:bodyPr>
          <a:lstStyle/>
          <a:p>
            <a:pPr defTabSz="801530" fontAlgn="base">
              <a:spcBef>
                <a:spcPct val="0"/>
              </a:spcBef>
              <a:spcAft>
                <a:spcPct val="0"/>
              </a:spcAft>
              <a:defRPr/>
            </a:pPr>
            <a:endParaRPr lang="zh-CN" altLang="en-US" sz="1600" kern="0">
              <a:cs typeface="+mn-ea"/>
              <a:sym typeface="+mn-lt"/>
            </a:endParaRPr>
          </a:p>
        </p:txBody>
      </p:sp>
      <p:sp>
        <p:nvSpPr>
          <p:cNvPr id="54" name="矩形 53">
            <a:extLst>
              <a:ext uri="{FF2B5EF4-FFF2-40B4-BE49-F238E27FC236}">
                <a16:creationId xmlns:a16="http://schemas.microsoft.com/office/drawing/2014/main" xmlns="" id="{42A4AC0A-27E4-4258-B394-0CE042D6196A}"/>
              </a:ext>
            </a:extLst>
          </p:cNvPr>
          <p:cNvSpPr/>
          <p:nvPr/>
        </p:nvSpPr>
        <p:spPr>
          <a:xfrm>
            <a:off x="6447630" y="3409891"/>
            <a:ext cx="1226618" cy="307777"/>
          </a:xfrm>
          <a:prstGeom prst="rect">
            <a:avLst/>
          </a:prstGeom>
        </p:spPr>
        <p:txBody>
          <a:bodyPr wrap="none">
            <a:spAutoFit/>
          </a:bodyPr>
          <a:lstStyle/>
          <a:p>
            <a:r>
              <a:rPr lang="en-US" altLang="zh-CN" sz="1400" dirty="0">
                <a:cs typeface="+mn-ea"/>
                <a:sym typeface="+mn-lt"/>
              </a:rPr>
              <a:t>DHCP Server</a:t>
            </a:r>
            <a:endParaRPr lang="zh-CN" altLang="en-US" sz="1400" dirty="0">
              <a:cs typeface="+mn-ea"/>
              <a:sym typeface="+mn-lt"/>
            </a:endParaRPr>
          </a:p>
        </p:txBody>
      </p:sp>
      <p:cxnSp>
        <p:nvCxnSpPr>
          <p:cNvPr id="56" name="直接连接符 55">
            <a:extLst>
              <a:ext uri="{FF2B5EF4-FFF2-40B4-BE49-F238E27FC236}">
                <a16:creationId xmlns:a16="http://schemas.microsoft.com/office/drawing/2014/main" xmlns="" id="{E5EDFCE0-2802-47C4-83E4-08F9E8455037}"/>
              </a:ext>
            </a:extLst>
          </p:cNvPr>
          <p:cNvCxnSpPr/>
          <p:nvPr/>
        </p:nvCxnSpPr>
        <p:spPr>
          <a:xfrm>
            <a:off x="4573616" y="1825789"/>
            <a:ext cx="0" cy="2795452"/>
          </a:xfrm>
          <a:prstGeom prst="line">
            <a:avLst/>
          </a:prstGeom>
          <a:ln>
            <a:solidFill>
              <a:schemeClr val="bg1">
                <a:lumMod val="60000"/>
                <a:lumOff val="40000"/>
              </a:schemeClr>
            </a:solidFill>
            <a:prstDash val="lgDash"/>
          </a:ln>
        </p:spPr>
        <p:style>
          <a:lnRef idx="1">
            <a:schemeClr val="accent1"/>
          </a:lnRef>
          <a:fillRef idx="0">
            <a:schemeClr val="accent1"/>
          </a:fillRef>
          <a:effectRef idx="0">
            <a:schemeClr val="accent1"/>
          </a:effectRef>
          <a:fontRef idx="minor">
            <a:schemeClr val="tx1"/>
          </a:fontRef>
        </p:style>
      </p:cxnSp>
      <p:cxnSp>
        <p:nvCxnSpPr>
          <p:cNvPr id="57" name="直接连接符 56">
            <a:extLst>
              <a:ext uri="{FF2B5EF4-FFF2-40B4-BE49-F238E27FC236}">
                <a16:creationId xmlns:a16="http://schemas.microsoft.com/office/drawing/2014/main" xmlns="" id="{9472CB18-D8D2-4AC2-AA8D-92F28931357D}"/>
              </a:ext>
            </a:extLst>
          </p:cNvPr>
          <p:cNvCxnSpPr/>
          <p:nvPr/>
        </p:nvCxnSpPr>
        <p:spPr>
          <a:xfrm>
            <a:off x="7536111" y="1746605"/>
            <a:ext cx="0" cy="2795452"/>
          </a:xfrm>
          <a:prstGeom prst="line">
            <a:avLst/>
          </a:prstGeom>
          <a:ln>
            <a:solidFill>
              <a:schemeClr val="bg1">
                <a:lumMod val="60000"/>
                <a:lumOff val="40000"/>
              </a:schemeClr>
            </a:solidFill>
            <a:prstDash val="lgDash"/>
          </a:ln>
        </p:spPr>
        <p:style>
          <a:lnRef idx="1">
            <a:schemeClr val="accent1"/>
          </a:lnRef>
          <a:fillRef idx="0">
            <a:schemeClr val="accent1"/>
          </a:fillRef>
          <a:effectRef idx="0">
            <a:schemeClr val="accent1"/>
          </a:effectRef>
          <a:fontRef idx="minor">
            <a:schemeClr val="tx1"/>
          </a:fontRef>
        </p:style>
      </p:cxnSp>
      <p:pic>
        <p:nvPicPr>
          <p:cNvPr id="60" name="图片 59">
            <a:extLst>
              <a:ext uri="{FF2B5EF4-FFF2-40B4-BE49-F238E27FC236}">
                <a16:creationId xmlns:a16="http://schemas.microsoft.com/office/drawing/2014/main" xmlns="" id="{42C4C2D7-6F74-4B6E-A4B8-5698B3E315A0}"/>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321835" y="1887927"/>
            <a:ext cx="1941984" cy="514612"/>
          </a:xfrm>
          <a:prstGeom prst="rect">
            <a:avLst/>
          </a:prstGeom>
        </p:spPr>
      </p:pic>
      <p:pic>
        <p:nvPicPr>
          <p:cNvPr id="68" name="图片 67">
            <a:extLst>
              <a:ext uri="{FF2B5EF4-FFF2-40B4-BE49-F238E27FC236}">
                <a16:creationId xmlns:a16="http://schemas.microsoft.com/office/drawing/2014/main" xmlns="" id="{DCB15AE4-1F2C-4C5F-A861-DB6D52FF0EEA}"/>
              </a:ext>
            </a:extLst>
          </p:cNvPr>
          <p:cNvPicPr>
            <a:picLocks/>
          </p:cNvPicPr>
          <p:nvPr/>
        </p:nvPicPr>
        <p:blipFill>
          <a:blip r:embed="rId5" cstate="print">
            <a:extLst>
              <a:ext uri="{28A0092B-C50C-407E-A947-70E740481C1C}">
                <a14:useLocalDpi xmlns:a14="http://schemas.microsoft.com/office/drawing/2010/main" val="0"/>
              </a:ext>
            </a:extLst>
          </a:blip>
          <a:stretch>
            <a:fillRect/>
          </a:stretch>
        </p:blipFill>
        <p:spPr>
          <a:xfrm>
            <a:off x="6889038" y="2966372"/>
            <a:ext cx="453404" cy="371791"/>
          </a:xfrm>
          <a:prstGeom prst="rect">
            <a:avLst/>
          </a:prstGeom>
        </p:spPr>
      </p:pic>
      <p:grpSp>
        <p:nvGrpSpPr>
          <p:cNvPr id="118" name="组合 117">
            <a:extLst>
              <a:ext uri="{FF2B5EF4-FFF2-40B4-BE49-F238E27FC236}">
                <a16:creationId xmlns:a16="http://schemas.microsoft.com/office/drawing/2014/main" xmlns="" id="{8A963010-2ABF-4343-8BB8-D489C07EF603}"/>
              </a:ext>
            </a:extLst>
          </p:cNvPr>
          <p:cNvGrpSpPr/>
          <p:nvPr/>
        </p:nvGrpSpPr>
        <p:grpSpPr>
          <a:xfrm>
            <a:off x="1758777" y="4090444"/>
            <a:ext cx="1341497" cy="376047"/>
            <a:chOff x="2050961" y="4471152"/>
            <a:chExt cx="1582130" cy="443501"/>
          </a:xfrm>
        </p:grpSpPr>
        <p:pic>
          <p:nvPicPr>
            <p:cNvPr id="20" name="图片 19" descr="接入交换机.png">
              <a:extLst>
                <a:ext uri="{FF2B5EF4-FFF2-40B4-BE49-F238E27FC236}">
                  <a16:creationId xmlns:a16="http://schemas.microsoft.com/office/drawing/2014/main" xmlns="" id="{C154B600-FC12-45A5-AEDD-A4E066D3EF25}"/>
                </a:ext>
              </a:extLst>
            </p:cNvPr>
            <p:cNvPicPr>
              <a:picLocks/>
            </p:cNvPicPr>
            <p:nvPr/>
          </p:nvPicPr>
          <p:blipFill>
            <a:blip r:embed="rId6" cstate="print">
              <a:extLst>
                <a:ext uri="{28A0092B-C50C-407E-A947-70E740481C1C}">
                  <a14:useLocalDpi xmlns:a14="http://schemas.microsoft.com/office/drawing/2010/main"/>
                </a:ext>
              </a:extLst>
            </a:blip>
            <a:stretch>
              <a:fillRect/>
            </a:stretch>
          </p:blipFill>
          <p:spPr>
            <a:xfrm>
              <a:off x="3093091" y="4471152"/>
              <a:ext cx="540000" cy="442800"/>
            </a:xfrm>
            <a:prstGeom prst="rect">
              <a:avLst/>
            </a:prstGeom>
          </p:spPr>
        </p:pic>
        <p:pic>
          <p:nvPicPr>
            <p:cNvPr id="69" name="图片 68">
              <a:extLst>
                <a:ext uri="{FF2B5EF4-FFF2-40B4-BE49-F238E27FC236}">
                  <a16:creationId xmlns:a16="http://schemas.microsoft.com/office/drawing/2014/main" xmlns="" id="{60FB5A58-BFFA-4208-9B26-9CD3F0E567C0}"/>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2050961" y="4471853"/>
              <a:ext cx="540000" cy="442800"/>
            </a:xfrm>
            <a:prstGeom prst="rect">
              <a:avLst/>
            </a:prstGeom>
          </p:spPr>
        </p:pic>
        <p:cxnSp>
          <p:nvCxnSpPr>
            <p:cNvPr id="71" name="直接连接符 70">
              <a:extLst>
                <a:ext uri="{FF2B5EF4-FFF2-40B4-BE49-F238E27FC236}">
                  <a16:creationId xmlns:a16="http://schemas.microsoft.com/office/drawing/2014/main" xmlns="" id="{D252320A-1FE6-424C-ADC5-E35B82C20533}"/>
                </a:ext>
              </a:extLst>
            </p:cNvPr>
            <p:cNvCxnSpPr>
              <a:cxnSpLocks/>
              <a:stCxn id="69" idx="3"/>
              <a:endCxn id="20" idx="1"/>
            </p:cNvCxnSpPr>
            <p:nvPr/>
          </p:nvCxnSpPr>
          <p:spPr>
            <a:xfrm flipV="1">
              <a:off x="2590961" y="4692552"/>
              <a:ext cx="502130" cy="701"/>
            </a:xfrm>
            <a:prstGeom prst="line">
              <a:avLst/>
            </a:prstGeom>
            <a:ln w="19050"/>
          </p:spPr>
          <p:style>
            <a:lnRef idx="1">
              <a:schemeClr val="accent1"/>
            </a:lnRef>
            <a:fillRef idx="0">
              <a:schemeClr val="accent1"/>
            </a:fillRef>
            <a:effectRef idx="0">
              <a:schemeClr val="accent1"/>
            </a:effectRef>
            <a:fontRef idx="minor">
              <a:schemeClr val="tx1"/>
            </a:fontRef>
          </p:style>
        </p:cxnSp>
      </p:grpSp>
      <p:sp>
        <p:nvSpPr>
          <p:cNvPr id="77" name="矩形 76">
            <a:extLst>
              <a:ext uri="{FF2B5EF4-FFF2-40B4-BE49-F238E27FC236}">
                <a16:creationId xmlns:a16="http://schemas.microsoft.com/office/drawing/2014/main" xmlns="" id="{A8F1D81E-B98C-48D6-A68D-0313644C7F56}"/>
              </a:ext>
            </a:extLst>
          </p:cNvPr>
          <p:cNvSpPr/>
          <p:nvPr/>
        </p:nvSpPr>
        <p:spPr>
          <a:xfrm>
            <a:off x="4496426" y="4917264"/>
            <a:ext cx="3440055" cy="1265090"/>
          </a:xfrm>
          <a:prstGeom prst="rect">
            <a:avLst/>
          </a:prstGeom>
        </p:spPr>
        <p:txBody>
          <a:bodyPr wrap="square">
            <a:spAutoFit/>
          </a:bodyPr>
          <a:lstStyle/>
          <a:p>
            <a:pPr marL="342900" indent="-342900">
              <a:lnSpc>
                <a:spcPct val="130000"/>
              </a:lnSpc>
              <a:buAutoNum type="arabicPeriod"/>
            </a:pPr>
            <a:r>
              <a:rPr lang="zh-CN" altLang="en-US" sz="1500">
                <a:cs typeface="+mn-ea"/>
                <a:sym typeface="+mn-lt"/>
              </a:rPr>
              <a:t>预配置</a:t>
            </a:r>
            <a:endParaRPr lang="en-US" altLang="zh-CN" sz="1500">
              <a:cs typeface="+mn-ea"/>
              <a:sym typeface="+mn-lt"/>
            </a:endParaRPr>
          </a:p>
          <a:p>
            <a:pPr marL="342900" indent="-342900">
              <a:lnSpc>
                <a:spcPct val="130000"/>
              </a:lnSpc>
              <a:buAutoNum type="arabicPeriod"/>
            </a:pPr>
            <a:r>
              <a:rPr lang="zh-CN" altLang="en-US" sz="1500">
                <a:cs typeface="+mn-ea"/>
                <a:sym typeface="+mn-lt"/>
              </a:rPr>
              <a:t>通过</a:t>
            </a:r>
            <a:r>
              <a:rPr lang="en-US" altLang="zh-CN" sz="1500">
                <a:cs typeface="+mn-ea"/>
                <a:sym typeface="+mn-lt"/>
              </a:rPr>
              <a:t>DHCP server</a:t>
            </a:r>
            <a:r>
              <a:rPr lang="zh-CN" altLang="en-US" sz="1500">
                <a:cs typeface="+mn-ea"/>
                <a:sym typeface="+mn-lt"/>
              </a:rPr>
              <a:t>获取注册信息</a:t>
            </a:r>
            <a:endParaRPr lang="en-US" altLang="zh-CN" sz="1500">
              <a:cs typeface="+mn-ea"/>
              <a:sym typeface="+mn-lt"/>
            </a:endParaRPr>
          </a:p>
          <a:p>
            <a:pPr marL="342900" indent="-342900">
              <a:lnSpc>
                <a:spcPct val="130000"/>
              </a:lnSpc>
              <a:buAutoNum type="arabicPeriod"/>
            </a:pPr>
            <a:r>
              <a:rPr lang="zh-CN" altLang="en-US" sz="1500">
                <a:cs typeface="+mn-ea"/>
                <a:sym typeface="+mn-lt"/>
              </a:rPr>
              <a:t>设备自动注册上线</a:t>
            </a:r>
            <a:endParaRPr lang="en-US" altLang="zh-CN" sz="1500">
              <a:cs typeface="+mn-ea"/>
              <a:sym typeface="+mn-lt"/>
            </a:endParaRPr>
          </a:p>
          <a:p>
            <a:pPr marL="342900" indent="-342900">
              <a:lnSpc>
                <a:spcPct val="130000"/>
              </a:lnSpc>
              <a:buAutoNum type="arabicPeriod"/>
            </a:pPr>
            <a:r>
              <a:rPr lang="zh-CN" altLang="en-US" sz="1500">
                <a:cs typeface="+mn-ea"/>
                <a:sym typeface="+mn-lt"/>
              </a:rPr>
              <a:t>配置自动化下发</a:t>
            </a:r>
            <a:endParaRPr lang="zh-CN" altLang="en-US" sz="1500" dirty="0">
              <a:cs typeface="+mn-ea"/>
              <a:sym typeface="+mn-lt"/>
            </a:endParaRPr>
          </a:p>
        </p:txBody>
      </p:sp>
      <p:grpSp>
        <p:nvGrpSpPr>
          <p:cNvPr id="87" name="组合 86">
            <a:extLst>
              <a:ext uri="{FF2B5EF4-FFF2-40B4-BE49-F238E27FC236}">
                <a16:creationId xmlns:a16="http://schemas.microsoft.com/office/drawing/2014/main" xmlns="" id="{27255395-B50C-4CCD-A9EB-DCD0263C785E}"/>
              </a:ext>
            </a:extLst>
          </p:cNvPr>
          <p:cNvGrpSpPr/>
          <p:nvPr/>
        </p:nvGrpSpPr>
        <p:grpSpPr>
          <a:xfrm>
            <a:off x="4781550" y="3747576"/>
            <a:ext cx="2002869" cy="918784"/>
            <a:chOff x="4923535" y="3772527"/>
            <a:chExt cx="2489734" cy="1142126"/>
          </a:xfrm>
        </p:grpSpPr>
        <p:pic>
          <p:nvPicPr>
            <p:cNvPr id="80" name="图片 79">
              <a:extLst>
                <a:ext uri="{FF2B5EF4-FFF2-40B4-BE49-F238E27FC236}">
                  <a16:creationId xmlns:a16="http://schemas.microsoft.com/office/drawing/2014/main" xmlns="" id="{90BEB208-6C79-43B4-9B6D-43B31391C809}"/>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4923535" y="4471853"/>
              <a:ext cx="540000" cy="442800"/>
            </a:xfrm>
            <a:prstGeom prst="rect">
              <a:avLst/>
            </a:prstGeom>
          </p:spPr>
        </p:pic>
        <p:grpSp>
          <p:nvGrpSpPr>
            <p:cNvPr id="86" name="组合 85">
              <a:extLst>
                <a:ext uri="{FF2B5EF4-FFF2-40B4-BE49-F238E27FC236}">
                  <a16:creationId xmlns:a16="http://schemas.microsoft.com/office/drawing/2014/main" xmlns="" id="{B455BBCC-626E-46BC-A281-E3E7478B44E8}"/>
                </a:ext>
              </a:extLst>
            </p:cNvPr>
            <p:cNvGrpSpPr/>
            <p:nvPr/>
          </p:nvGrpSpPr>
          <p:grpSpPr>
            <a:xfrm>
              <a:off x="5463535" y="3772527"/>
              <a:ext cx="1409734" cy="1141425"/>
              <a:chOff x="5463535" y="3772527"/>
              <a:chExt cx="1409734" cy="1141425"/>
            </a:xfrm>
          </p:grpSpPr>
          <p:pic>
            <p:nvPicPr>
              <p:cNvPr id="19" name="Picture 2" descr="G:\做的项目\公共\扁平图标切换\更新2015_01_21\oss扁平图标库2015_01_21更新-04.png">
                <a:extLst>
                  <a:ext uri="{FF2B5EF4-FFF2-40B4-BE49-F238E27FC236}">
                    <a16:creationId xmlns:a16="http://schemas.microsoft.com/office/drawing/2014/main" xmlns="" id="{5D99BBE7-5835-485B-B72D-3CE0125D8144}"/>
                  </a:ext>
                </a:extLst>
              </p:cNvPr>
              <p:cNvPicPr>
                <a:picLocks noChangeArrowheads="1"/>
              </p:cNvPicPr>
              <p:nvPr/>
            </p:nvPicPr>
            <p:blipFill>
              <a:blip r:embed="rId8" cstate="print">
                <a:extLst>
                  <a:ext uri="{28A0092B-C50C-407E-A947-70E740481C1C}">
                    <a14:useLocalDpi xmlns:a14="http://schemas.microsoft.com/office/drawing/2010/main"/>
                  </a:ext>
                </a:extLst>
              </a:blip>
              <a:stretch>
                <a:fillRect/>
              </a:stretch>
            </p:blipFill>
            <p:spPr bwMode="auto">
              <a:xfrm>
                <a:off x="5898216" y="3772527"/>
                <a:ext cx="540000" cy="442800"/>
              </a:xfrm>
              <a:prstGeom prst="rect">
                <a:avLst/>
              </a:prstGeom>
              <a:noFill/>
            </p:spPr>
          </p:pic>
          <p:pic>
            <p:nvPicPr>
              <p:cNvPr id="79" name="图片 78" descr="接入交换机.png">
                <a:extLst>
                  <a:ext uri="{FF2B5EF4-FFF2-40B4-BE49-F238E27FC236}">
                    <a16:creationId xmlns:a16="http://schemas.microsoft.com/office/drawing/2014/main" xmlns="" id="{4CEC3FAD-2E56-4135-8E5A-777C6AFF893D}"/>
                  </a:ext>
                </a:extLst>
              </p:cNvPr>
              <p:cNvPicPr>
                <a:picLocks/>
              </p:cNvPicPr>
              <p:nvPr/>
            </p:nvPicPr>
            <p:blipFill>
              <a:blip r:embed="rId6" cstate="print">
                <a:extLst>
                  <a:ext uri="{28A0092B-C50C-407E-A947-70E740481C1C}">
                    <a14:useLocalDpi xmlns:a14="http://schemas.microsoft.com/office/drawing/2010/main"/>
                  </a:ext>
                </a:extLst>
              </a:blip>
              <a:stretch>
                <a:fillRect/>
              </a:stretch>
            </p:blipFill>
            <p:spPr>
              <a:xfrm>
                <a:off x="5891127" y="4471152"/>
                <a:ext cx="540000" cy="442800"/>
              </a:xfrm>
              <a:prstGeom prst="rect">
                <a:avLst/>
              </a:prstGeom>
            </p:spPr>
          </p:pic>
          <p:cxnSp>
            <p:nvCxnSpPr>
              <p:cNvPr id="81" name="直接连接符 80">
                <a:extLst>
                  <a:ext uri="{FF2B5EF4-FFF2-40B4-BE49-F238E27FC236}">
                    <a16:creationId xmlns:a16="http://schemas.microsoft.com/office/drawing/2014/main" xmlns="" id="{84DB49A3-C0C5-4BD6-8614-0EA11C88424F}"/>
                  </a:ext>
                </a:extLst>
              </p:cNvPr>
              <p:cNvCxnSpPr>
                <a:cxnSpLocks/>
                <a:stCxn id="80" idx="3"/>
                <a:endCxn id="79" idx="1"/>
              </p:cNvCxnSpPr>
              <p:nvPr/>
            </p:nvCxnSpPr>
            <p:spPr>
              <a:xfrm flipV="1">
                <a:off x="5463535" y="4692552"/>
                <a:ext cx="427592" cy="701"/>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83" name="直接连接符 82">
                <a:extLst>
                  <a:ext uri="{FF2B5EF4-FFF2-40B4-BE49-F238E27FC236}">
                    <a16:creationId xmlns:a16="http://schemas.microsoft.com/office/drawing/2014/main" xmlns="" id="{FAAA2419-BD0A-4FA6-BDCE-C015DD729866}"/>
                  </a:ext>
                </a:extLst>
              </p:cNvPr>
              <p:cNvCxnSpPr>
                <a:cxnSpLocks/>
                <a:stCxn id="79" idx="0"/>
                <a:endCxn id="19" idx="2"/>
              </p:cNvCxnSpPr>
              <p:nvPr/>
            </p:nvCxnSpPr>
            <p:spPr>
              <a:xfrm flipV="1">
                <a:off x="6161127" y="4215327"/>
                <a:ext cx="7089" cy="255825"/>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89" name="直接连接符 88">
                <a:extLst>
                  <a:ext uri="{FF2B5EF4-FFF2-40B4-BE49-F238E27FC236}">
                    <a16:creationId xmlns:a16="http://schemas.microsoft.com/office/drawing/2014/main" xmlns="" id="{072D7144-B6D6-41B4-A6A0-4354F265045C}"/>
                  </a:ext>
                </a:extLst>
              </p:cNvPr>
              <p:cNvCxnSpPr>
                <a:cxnSpLocks/>
                <a:stCxn id="88" idx="1"/>
                <a:endCxn id="79" idx="3"/>
              </p:cNvCxnSpPr>
              <p:nvPr/>
            </p:nvCxnSpPr>
            <p:spPr>
              <a:xfrm flipH="1" flipV="1">
                <a:off x="6431127" y="4692552"/>
                <a:ext cx="442142" cy="701"/>
              </a:xfrm>
              <a:prstGeom prst="line">
                <a:avLst/>
              </a:prstGeom>
              <a:ln w="19050"/>
            </p:spPr>
            <p:style>
              <a:lnRef idx="1">
                <a:schemeClr val="accent1"/>
              </a:lnRef>
              <a:fillRef idx="0">
                <a:schemeClr val="accent1"/>
              </a:fillRef>
              <a:effectRef idx="0">
                <a:schemeClr val="accent1"/>
              </a:effectRef>
              <a:fontRef idx="minor">
                <a:schemeClr val="tx1"/>
              </a:fontRef>
            </p:style>
          </p:cxnSp>
        </p:grpSp>
        <p:pic>
          <p:nvPicPr>
            <p:cNvPr id="88" name="图片 87">
              <a:extLst>
                <a:ext uri="{FF2B5EF4-FFF2-40B4-BE49-F238E27FC236}">
                  <a16:creationId xmlns:a16="http://schemas.microsoft.com/office/drawing/2014/main" xmlns="" id="{4F6659F2-D31C-4FAE-86B5-65A711003978}"/>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6873269" y="4471853"/>
              <a:ext cx="540000" cy="442800"/>
            </a:xfrm>
            <a:prstGeom prst="rect">
              <a:avLst/>
            </a:prstGeom>
          </p:spPr>
        </p:pic>
      </p:grpSp>
      <p:grpSp>
        <p:nvGrpSpPr>
          <p:cNvPr id="114" name="组合 113">
            <a:extLst>
              <a:ext uri="{FF2B5EF4-FFF2-40B4-BE49-F238E27FC236}">
                <a16:creationId xmlns:a16="http://schemas.microsoft.com/office/drawing/2014/main" xmlns="" id="{DB728B5E-8107-4FAB-8F0F-A7B86B30B8EB}"/>
              </a:ext>
            </a:extLst>
          </p:cNvPr>
          <p:cNvGrpSpPr/>
          <p:nvPr/>
        </p:nvGrpSpPr>
        <p:grpSpPr>
          <a:xfrm>
            <a:off x="9000797" y="3795203"/>
            <a:ext cx="1799370" cy="822966"/>
            <a:chOff x="8183906" y="3823888"/>
            <a:chExt cx="2497195" cy="1142126"/>
          </a:xfrm>
        </p:grpSpPr>
        <p:pic>
          <p:nvPicPr>
            <p:cNvPr id="26" name="图片 25">
              <a:extLst>
                <a:ext uri="{FF2B5EF4-FFF2-40B4-BE49-F238E27FC236}">
                  <a16:creationId xmlns:a16="http://schemas.microsoft.com/office/drawing/2014/main" xmlns="" id="{0E3C505E-80DD-466B-97D0-412DDF52303D}"/>
                </a:ext>
              </a:extLst>
            </p:cNvPr>
            <p:cNvPicPr>
              <a:picLocks/>
            </p:cNvPicPr>
            <p:nvPr/>
          </p:nvPicPr>
          <p:blipFill>
            <a:blip r:embed="rId9" cstate="print">
              <a:extLst>
                <a:ext uri="{28A0092B-C50C-407E-A947-70E740481C1C}">
                  <a14:useLocalDpi xmlns:a14="http://schemas.microsoft.com/office/drawing/2010/main"/>
                </a:ext>
              </a:extLst>
            </a:blip>
            <a:stretch>
              <a:fillRect/>
            </a:stretch>
          </p:blipFill>
          <p:spPr>
            <a:xfrm>
              <a:off x="8183906" y="3827520"/>
              <a:ext cx="540000" cy="442800"/>
            </a:xfrm>
            <a:prstGeom prst="rect">
              <a:avLst/>
            </a:prstGeom>
          </p:spPr>
        </p:pic>
        <p:grpSp>
          <p:nvGrpSpPr>
            <p:cNvPr id="101" name="组合 100">
              <a:extLst>
                <a:ext uri="{FF2B5EF4-FFF2-40B4-BE49-F238E27FC236}">
                  <a16:creationId xmlns:a16="http://schemas.microsoft.com/office/drawing/2014/main" xmlns="" id="{E72ADDB5-17DC-4386-83A0-B35C24D65403}"/>
                </a:ext>
              </a:extLst>
            </p:cNvPr>
            <p:cNvGrpSpPr/>
            <p:nvPr/>
          </p:nvGrpSpPr>
          <p:grpSpPr>
            <a:xfrm>
              <a:off x="8191367" y="3823888"/>
              <a:ext cx="2489734" cy="1142126"/>
              <a:chOff x="4923535" y="3772527"/>
              <a:chExt cx="2489734" cy="1142126"/>
            </a:xfrm>
          </p:grpSpPr>
          <p:pic>
            <p:nvPicPr>
              <p:cNvPr id="102" name="图片 101">
                <a:extLst>
                  <a:ext uri="{FF2B5EF4-FFF2-40B4-BE49-F238E27FC236}">
                    <a16:creationId xmlns:a16="http://schemas.microsoft.com/office/drawing/2014/main" xmlns="" id="{4678CAAA-3319-481C-BA5A-8362212E7687}"/>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4923535" y="4471853"/>
                <a:ext cx="540000" cy="442800"/>
              </a:xfrm>
              <a:prstGeom prst="rect">
                <a:avLst/>
              </a:prstGeom>
            </p:spPr>
          </p:pic>
          <p:grpSp>
            <p:nvGrpSpPr>
              <p:cNvPr id="103" name="组合 102">
                <a:extLst>
                  <a:ext uri="{FF2B5EF4-FFF2-40B4-BE49-F238E27FC236}">
                    <a16:creationId xmlns:a16="http://schemas.microsoft.com/office/drawing/2014/main" xmlns="" id="{B1B63A96-4FB1-4BED-AA29-5CA4DAD90EDB}"/>
                  </a:ext>
                </a:extLst>
              </p:cNvPr>
              <p:cNvGrpSpPr/>
              <p:nvPr/>
            </p:nvGrpSpPr>
            <p:grpSpPr>
              <a:xfrm>
                <a:off x="5456074" y="3772527"/>
                <a:ext cx="1417195" cy="1141425"/>
                <a:chOff x="5456074" y="3772527"/>
                <a:chExt cx="1417195" cy="1141425"/>
              </a:xfrm>
            </p:grpSpPr>
            <p:pic>
              <p:nvPicPr>
                <p:cNvPr id="105" name="Picture 2" descr="G:\做的项目\公共\扁平图标切换\更新2015_01_21\oss扁平图标库2015_01_21更新-04.png">
                  <a:extLst>
                    <a:ext uri="{FF2B5EF4-FFF2-40B4-BE49-F238E27FC236}">
                      <a16:creationId xmlns:a16="http://schemas.microsoft.com/office/drawing/2014/main" xmlns="" id="{B6A859ED-D969-4959-9776-FB3736056427}"/>
                    </a:ext>
                  </a:extLst>
                </p:cNvPr>
                <p:cNvPicPr>
                  <a:picLocks noChangeArrowheads="1"/>
                </p:cNvPicPr>
                <p:nvPr/>
              </p:nvPicPr>
              <p:blipFill>
                <a:blip r:embed="rId8" cstate="print">
                  <a:extLst>
                    <a:ext uri="{28A0092B-C50C-407E-A947-70E740481C1C}">
                      <a14:useLocalDpi xmlns:a14="http://schemas.microsoft.com/office/drawing/2010/main"/>
                    </a:ext>
                  </a:extLst>
                </a:blip>
                <a:stretch>
                  <a:fillRect/>
                </a:stretch>
              </p:blipFill>
              <p:spPr bwMode="auto">
                <a:xfrm>
                  <a:off x="5898216" y="3772527"/>
                  <a:ext cx="540000" cy="442800"/>
                </a:xfrm>
                <a:prstGeom prst="rect">
                  <a:avLst/>
                </a:prstGeom>
                <a:noFill/>
              </p:spPr>
            </p:pic>
            <p:pic>
              <p:nvPicPr>
                <p:cNvPr id="106" name="图片 105" descr="接入交换机.png">
                  <a:extLst>
                    <a:ext uri="{FF2B5EF4-FFF2-40B4-BE49-F238E27FC236}">
                      <a16:creationId xmlns:a16="http://schemas.microsoft.com/office/drawing/2014/main" xmlns="" id="{0DDFD113-A3D2-458E-A418-1094F6A770B1}"/>
                    </a:ext>
                  </a:extLst>
                </p:cNvPr>
                <p:cNvPicPr>
                  <a:picLocks/>
                </p:cNvPicPr>
                <p:nvPr/>
              </p:nvPicPr>
              <p:blipFill>
                <a:blip r:embed="rId6" cstate="print">
                  <a:extLst>
                    <a:ext uri="{28A0092B-C50C-407E-A947-70E740481C1C}">
                      <a14:useLocalDpi xmlns:a14="http://schemas.microsoft.com/office/drawing/2010/main"/>
                    </a:ext>
                  </a:extLst>
                </a:blip>
                <a:stretch>
                  <a:fillRect/>
                </a:stretch>
              </p:blipFill>
              <p:spPr>
                <a:xfrm>
                  <a:off x="5891127" y="4471152"/>
                  <a:ext cx="540000" cy="442800"/>
                </a:xfrm>
                <a:prstGeom prst="rect">
                  <a:avLst/>
                </a:prstGeom>
              </p:spPr>
            </p:pic>
            <p:cxnSp>
              <p:nvCxnSpPr>
                <p:cNvPr id="107" name="直接连接符 106">
                  <a:extLst>
                    <a:ext uri="{FF2B5EF4-FFF2-40B4-BE49-F238E27FC236}">
                      <a16:creationId xmlns:a16="http://schemas.microsoft.com/office/drawing/2014/main" xmlns="" id="{35359C92-6616-48EF-A1A2-024C05FE87D2}"/>
                    </a:ext>
                  </a:extLst>
                </p:cNvPr>
                <p:cNvCxnSpPr>
                  <a:cxnSpLocks/>
                  <a:stCxn id="102" idx="3"/>
                  <a:endCxn id="106" idx="1"/>
                </p:cNvCxnSpPr>
                <p:nvPr/>
              </p:nvCxnSpPr>
              <p:spPr>
                <a:xfrm flipV="1">
                  <a:off x="5463535" y="4692552"/>
                  <a:ext cx="427592" cy="701"/>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108" name="直接连接符 107">
                  <a:extLst>
                    <a:ext uri="{FF2B5EF4-FFF2-40B4-BE49-F238E27FC236}">
                      <a16:creationId xmlns:a16="http://schemas.microsoft.com/office/drawing/2014/main" xmlns="" id="{E7F0628B-EAE8-4A97-BFE8-7874F5F2F4B0}"/>
                    </a:ext>
                  </a:extLst>
                </p:cNvPr>
                <p:cNvCxnSpPr>
                  <a:cxnSpLocks/>
                  <a:stCxn id="106" idx="0"/>
                  <a:endCxn id="105" idx="2"/>
                </p:cNvCxnSpPr>
                <p:nvPr/>
              </p:nvCxnSpPr>
              <p:spPr>
                <a:xfrm flipV="1">
                  <a:off x="6161127" y="4215327"/>
                  <a:ext cx="7089" cy="255825"/>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109" name="直接连接符 108">
                  <a:extLst>
                    <a:ext uri="{FF2B5EF4-FFF2-40B4-BE49-F238E27FC236}">
                      <a16:creationId xmlns:a16="http://schemas.microsoft.com/office/drawing/2014/main" xmlns="" id="{26026EA4-CEFE-4E4D-B950-0E96643C0636}"/>
                    </a:ext>
                  </a:extLst>
                </p:cNvPr>
                <p:cNvCxnSpPr>
                  <a:cxnSpLocks/>
                  <a:stCxn id="104" idx="1"/>
                  <a:endCxn id="106" idx="3"/>
                </p:cNvCxnSpPr>
                <p:nvPr/>
              </p:nvCxnSpPr>
              <p:spPr>
                <a:xfrm flipH="1" flipV="1">
                  <a:off x="6431127" y="4692552"/>
                  <a:ext cx="442142" cy="701"/>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110" name="直接连接符 109">
                  <a:extLst>
                    <a:ext uri="{FF2B5EF4-FFF2-40B4-BE49-F238E27FC236}">
                      <a16:creationId xmlns:a16="http://schemas.microsoft.com/office/drawing/2014/main" xmlns="" id="{274323DB-DA3B-4A73-94BC-B62F5B390263}"/>
                    </a:ext>
                  </a:extLst>
                </p:cNvPr>
                <p:cNvCxnSpPr>
                  <a:cxnSpLocks/>
                  <a:stCxn id="26" idx="3"/>
                  <a:endCxn id="105" idx="1"/>
                </p:cNvCxnSpPr>
                <p:nvPr/>
              </p:nvCxnSpPr>
              <p:spPr>
                <a:xfrm flipV="1">
                  <a:off x="5456074" y="3993927"/>
                  <a:ext cx="442142" cy="3632"/>
                </a:xfrm>
                <a:prstGeom prst="line">
                  <a:avLst/>
                </a:prstGeom>
                <a:ln w="19050"/>
              </p:spPr>
              <p:style>
                <a:lnRef idx="1">
                  <a:schemeClr val="accent1"/>
                </a:lnRef>
                <a:fillRef idx="0">
                  <a:schemeClr val="accent1"/>
                </a:fillRef>
                <a:effectRef idx="0">
                  <a:schemeClr val="accent1"/>
                </a:effectRef>
                <a:fontRef idx="minor">
                  <a:schemeClr val="tx1"/>
                </a:fontRef>
              </p:style>
            </p:cxnSp>
          </p:grpSp>
          <p:pic>
            <p:nvPicPr>
              <p:cNvPr id="104" name="图片 103">
                <a:extLst>
                  <a:ext uri="{FF2B5EF4-FFF2-40B4-BE49-F238E27FC236}">
                    <a16:creationId xmlns:a16="http://schemas.microsoft.com/office/drawing/2014/main" xmlns="" id="{54FFBE1B-4A3F-4E3F-872E-9E3646F59E3B}"/>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6873269" y="4471853"/>
                <a:ext cx="540000" cy="442800"/>
              </a:xfrm>
              <a:prstGeom prst="rect">
                <a:avLst/>
              </a:prstGeom>
            </p:spPr>
          </p:pic>
        </p:grpSp>
      </p:grpSp>
      <p:sp>
        <p:nvSpPr>
          <p:cNvPr id="119" name="圆角矩形 75">
            <a:extLst>
              <a:ext uri="{FF2B5EF4-FFF2-40B4-BE49-F238E27FC236}">
                <a16:creationId xmlns:a16="http://schemas.microsoft.com/office/drawing/2014/main" xmlns="" id="{1F1DFB5D-C5DB-4914-BCCC-BC853AB8E717}"/>
              </a:ext>
            </a:extLst>
          </p:cNvPr>
          <p:cNvSpPr/>
          <p:nvPr/>
        </p:nvSpPr>
        <p:spPr>
          <a:xfrm>
            <a:off x="475109" y="1255993"/>
            <a:ext cx="3664135" cy="360524"/>
          </a:xfrm>
          <a:prstGeom prst="roundRect">
            <a:avLst>
              <a:gd name="adj" fmla="val 10604"/>
            </a:avLst>
          </a:prstGeom>
          <a:solidFill>
            <a:srgbClr val="00B0F0"/>
          </a:solidFill>
          <a:ln>
            <a:noFill/>
          </a:ln>
        </p:spPr>
        <p:txBody>
          <a:bodyPr wrap="square" rtlCol="0" anchor="ctr" anchorCtr="0">
            <a:noAutofit/>
          </a:bodyPr>
          <a:lstStyle/>
          <a:p>
            <a:pPr algn="ctr"/>
            <a:r>
              <a:rPr lang="en-US" altLang="zh-CN" b="1">
                <a:solidFill>
                  <a:prstClr val="white"/>
                </a:solidFill>
                <a:latin typeface="Huawei Sans" panose="020C0503030203020204" pitchFamily="34" charset="0"/>
                <a:ea typeface="方正兰亭黑简体" panose="02000000000000000000" pitchFamily="2" charset="-122"/>
              </a:rPr>
              <a:t>APP</a:t>
            </a:r>
            <a:r>
              <a:rPr lang="zh-CN" altLang="en-US" b="1">
                <a:solidFill>
                  <a:prstClr val="white"/>
                </a:solidFill>
                <a:latin typeface="Huawei Sans" panose="020C0503030203020204" pitchFamily="34" charset="0"/>
                <a:ea typeface="方正兰亭黑简体" panose="02000000000000000000" pitchFamily="2" charset="-122"/>
              </a:rPr>
              <a:t>扫码开局</a:t>
            </a:r>
            <a:endParaRPr lang="zh-CN" altLang="en-US" b="1" dirty="0">
              <a:solidFill>
                <a:prstClr val="white"/>
              </a:solidFill>
              <a:latin typeface="Huawei Sans" panose="020C0503030203020204" pitchFamily="34" charset="0"/>
              <a:ea typeface="方正兰亭黑简体" panose="02000000000000000000" pitchFamily="2" charset="-122"/>
            </a:endParaRPr>
          </a:p>
        </p:txBody>
      </p:sp>
      <p:sp>
        <p:nvSpPr>
          <p:cNvPr id="120" name="圆角矩形 75">
            <a:extLst>
              <a:ext uri="{FF2B5EF4-FFF2-40B4-BE49-F238E27FC236}">
                <a16:creationId xmlns:a16="http://schemas.microsoft.com/office/drawing/2014/main" xmlns="" id="{3E0051CE-7D60-4E8A-85DD-67E8C9FC39E1}"/>
              </a:ext>
            </a:extLst>
          </p:cNvPr>
          <p:cNvSpPr/>
          <p:nvPr/>
        </p:nvSpPr>
        <p:spPr>
          <a:xfrm>
            <a:off x="478243" y="1676400"/>
            <a:ext cx="3664135" cy="4705350"/>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123" name="圆角矩形 75">
            <a:extLst>
              <a:ext uri="{FF2B5EF4-FFF2-40B4-BE49-F238E27FC236}">
                <a16:creationId xmlns:a16="http://schemas.microsoft.com/office/drawing/2014/main" xmlns="" id="{A1816BE9-EE06-4469-AC00-827013873EBE}"/>
              </a:ext>
            </a:extLst>
          </p:cNvPr>
          <p:cNvSpPr/>
          <p:nvPr/>
        </p:nvSpPr>
        <p:spPr>
          <a:xfrm>
            <a:off x="4183668" y="1255993"/>
            <a:ext cx="3664135" cy="360524"/>
          </a:xfrm>
          <a:prstGeom prst="roundRect">
            <a:avLst>
              <a:gd name="adj" fmla="val 10604"/>
            </a:avLst>
          </a:prstGeom>
          <a:solidFill>
            <a:srgbClr val="00B0F0"/>
          </a:solidFill>
          <a:ln>
            <a:noFill/>
          </a:ln>
        </p:spPr>
        <p:txBody>
          <a:bodyPr wrap="square" rtlCol="0" anchor="ctr" anchorCtr="0">
            <a:noAutofit/>
          </a:bodyPr>
          <a:lstStyle/>
          <a:p>
            <a:pPr algn="ctr"/>
            <a:r>
              <a:rPr lang="en-US" altLang="zh-CN" b="1">
                <a:solidFill>
                  <a:prstClr val="white"/>
                </a:solidFill>
                <a:latin typeface="Huawei Sans" panose="020C0503030203020204" pitchFamily="34" charset="0"/>
                <a:ea typeface="方正兰亭黑简体" panose="02000000000000000000" pitchFamily="2" charset="-122"/>
              </a:rPr>
              <a:t>DHCP</a:t>
            </a:r>
            <a:r>
              <a:rPr lang="zh-CN" altLang="en-US" b="1">
                <a:solidFill>
                  <a:prstClr val="white"/>
                </a:solidFill>
                <a:latin typeface="Huawei Sans" panose="020C0503030203020204" pitchFamily="34" charset="0"/>
                <a:ea typeface="方正兰亭黑简体" panose="02000000000000000000" pitchFamily="2" charset="-122"/>
              </a:rPr>
              <a:t>开局</a:t>
            </a:r>
          </a:p>
        </p:txBody>
      </p:sp>
      <p:sp>
        <p:nvSpPr>
          <p:cNvPr id="124" name="圆角矩形 75">
            <a:extLst>
              <a:ext uri="{FF2B5EF4-FFF2-40B4-BE49-F238E27FC236}">
                <a16:creationId xmlns:a16="http://schemas.microsoft.com/office/drawing/2014/main" xmlns="" id="{06B862CA-F0FB-41A2-AE7E-403CF9822B72}"/>
              </a:ext>
            </a:extLst>
          </p:cNvPr>
          <p:cNvSpPr/>
          <p:nvPr/>
        </p:nvSpPr>
        <p:spPr>
          <a:xfrm>
            <a:off x="4186802" y="1676400"/>
            <a:ext cx="3664135" cy="4705350"/>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125" name="圆角矩形 75">
            <a:extLst>
              <a:ext uri="{FF2B5EF4-FFF2-40B4-BE49-F238E27FC236}">
                <a16:creationId xmlns:a16="http://schemas.microsoft.com/office/drawing/2014/main" xmlns="" id="{4C04B3AD-4290-45FE-B9A6-D5BE00051EFC}"/>
              </a:ext>
            </a:extLst>
          </p:cNvPr>
          <p:cNvSpPr/>
          <p:nvPr/>
        </p:nvSpPr>
        <p:spPr>
          <a:xfrm>
            <a:off x="7939441" y="1255993"/>
            <a:ext cx="3718495" cy="360524"/>
          </a:xfrm>
          <a:prstGeom prst="roundRect">
            <a:avLst>
              <a:gd name="adj" fmla="val 10604"/>
            </a:avLst>
          </a:prstGeom>
          <a:solidFill>
            <a:srgbClr val="00B0F0"/>
          </a:solidFill>
          <a:ln>
            <a:noFill/>
          </a:ln>
        </p:spPr>
        <p:txBody>
          <a:bodyPr wrap="square" rtlCol="0" anchor="ctr" anchorCtr="0">
            <a:noAutofit/>
          </a:bodyPr>
          <a:lstStyle/>
          <a:p>
            <a:pPr algn="ctr"/>
            <a:r>
              <a:rPr lang="zh-CN" altLang="en-US" b="1">
                <a:solidFill>
                  <a:prstClr val="white"/>
                </a:solidFill>
                <a:latin typeface="Huawei Sans" panose="020C0503030203020204" pitchFamily="34" charset="0"/>
                <a:ea typeface="方正兰亭黑简体" panose="02000000000000000000" pitchFamily="2" charset="-122"/>
              </a:rPr>
              <a:t>注册查询中心方式</a:t>
            </a:r>
          </a:p>
        </p:txBody>
      </p:sp>
      <p:sp>
        <p:nvSpPr>
          <p:cNvPr id="126" name="圆角矩形 75">
            <a:extLst>
              <a:ext uri="{FF2B5EF4-FFF2-40B4-BE49-F238E27FC236}">
                <a16:creationId xmlns:a16="http://schemas.microsoft.com/office/drawing/2014/main" xmlns="" id="{EC5EF4B1-AA50-44B0-911B-6623208AC736}"/>
              </a:ext>
            </a:extLst>
          </p:cNvPr>
          <p:cNvSpPr/>
          <p:nvPr/>
        </p:nvSpPr>
        <p:spPr>
          <a:xfrm>
            <a:off x="7942575" y="1676400"/>
            <a:ext cx="3718495" cy="4705350"/>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127" name="AutoShape 10">
            <a:extLst>
              <a:ext uri="{FF2B5EF4-FFF2-40B4-BE49-F238E27FC236}">
                <a16:creationId xmlns:a16="http://schemas.microsoft.com/office/drawing/2014/main" xmlns="" id="{11F42D12-229D-4AED-BE9C-DE6EAFA1F729}"/>
              </a:ext>
            </a:extLst>
          </p:cNvPr>
          <p:cNvSpPr>
            <a:spLocks noChangeArrowheads="1"/>
          </p:cNvSpPr>
          <p:nvPr/>
        </p:nvSpPr>
        <p:spPr bwMode="auto">
          <a:xfrm rot="10800000">
            <a:off x="4574015" y="2445683"/>
            <a:ext cx="2265241" cy="1472982"/>
          </a:xfrm>
          <a:custGeom>
            <a:avLst/>
            <a:gdLst>
              <a:gd name="T0" fmla="*/ 2147483647 w 21600"/>
              <a:gd name="T1" fmla="*/ 2147483647 h 21600"/>
              <a:gd name="T2" fmla="*/ 2147483647 w 21600"/>
              <a:gd name="T3" fmla="*/ 2147483647 h 21600"/>
              <a:gd name="T4" fmla="*/ 2147483647 w 21600"/>
              <a:gd name="T5" fmla="*/ 2147483647 h 21600"/>
              <a:gd name="T6" fmla="*/ 2147483647 w 21600"/>
              <a:gd name="T7" fmla="*/ 0 h 21600"/>
              <a:gd name="T8" fmla="*/ 0 60000 65536"/>
              <a:gd name="T9" fmla="*/ 0 60000 65536"/>
              <a:gd name="T10" fmla="*/ 0 60000 65536"/>
              <a:gd name="T11" fmla="*/ 0 60000 65536"/>
              <a:gd name="T12" fmla="*/ 6093 w 21600"/>
              <a:gd name="T13" fmla="*/ 6093 h 21600"/>
              <a:gd name="T14" fmla="*/ 15507 w 21600"/>
              <a:gd name="T15" fmla="*/ 15507 h 21600"/>
              <a:gd name="connsiteX0" fmla="*/ 0 w 21600"/>
              <a:gd name="connsiteY0" fmla="*/ 0 h 21949"/>
              <a:gd name="connsiteX1" fmla="*/ 9334 w 21600"/>
              <a:gd name="connsiteY1" fmla="*/ 21949 h 21949"/>
              <a:gd name="connsiteX2" fmla="*/ 13015 w 21600"/>
              <a:gd name="connsiteY2" fmla="*/ 21600 h 21949"/>
              <a:gd name="connsiteX3" fmla="*/ 21600 w 21600"/>
              <a:gd name="connsiteY3" fmla="*/ 0 h 21949"/>
              <a:gd name="connsiteX4" fmla="*/ 0 w 21600"/>
              <a:gd name="connsiteY4" fmla="*/ 0 h 219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1600" h="21949">
                <a:moveTo>
                  <a:pt x="0" y="0"/>
                </a:moveTo>
                <a:lnTo>
                  <a:pt x="9334" y="21949"/>
                </a:lnTo>
                <a:lnTo>
                  <a:pt x="13015" y="21600"/>
                </a:lnTo>
                <a:lnTo>
                  <a:pt x="21600" y="0"/>
                </a:lnTo>
                <a:lnTo>
                  <a:pt x="0" y="0"/>
                </a:lnTo>
                <a:close/>
              </a:path>
            </a:pathLst>
          </a:custGeom>
          <a:gradFill rotWithShape="1">
            <a:gsLst>
              <a:gs pos="0">
                <a:schemeClr val="bg1">
                  <a:alpha val="0"/>
                </a:schemeClr>
              </a:gs>
              <a:gs pos="67000">
                <a:srgbClr val="CCCCFF">
                  <a:alpha val="32000"/>
                </a:srgbClr>
              </a:gs>
            </a:gsLst>
            <a:lin ang="5400000" scaled="1"/>
          </a:gradFill>
          <a:ln w="9525" algn="ctr">
            <a:noFill/>
            <a:miter lim="800000"/>
            <a:headEnd/>
            <a:tailEnd/>
          </a:ln>
        </p:spPr>
        <p:txBody>
          <a:bodyPr rot="10800000" vert="eaVert" wrap="square" lIns="105556" tIns="52776" rIns="105556" bIns="52776" anchor="ctr">
            <a:noAutofit/>
          </a:bodyPr>
          <a:lstStyle/>
          <a:p>
            <a:pPr defTabSz="1218624"/>
            <a:endParaRPr lang="zh-CN" altLang="en-US" sz="1600" b="1" dirty="0">
              <a:solidFill>
                <a:prstClr val="black"/>
              </a:solidFill>
              <a:cs typeface="+mn-ea"/>
              <a:sym typeface="+mn-lt"/>
            </a:endParaRPr>
          </a:p>
        </p:txBody>
      </p:sp>
      <p:pic>
        <p:nvPicPr>
          <p:cNvPr id="128" name="图片 127">
            <a:extLst>
              <a:ext uri="{FF2B5EF4-FFF2-40B4-BE49-F238E27FC236}">
                <a16:creationId xmlns:a16="http://schemas.microsoft.com/office/drawing/2014/main" xmlns="" id="{0F256E24-812F-41ED-893E-15654B5D6E40}"/>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96135" y="1887927"/>
            <a:ext cx="1941984" cy="514612"/>
          </a:xfrm>
          <a:prstGeom prst="rect">
            <a:avLst/>
          </a:prstGeom>
        </p:spPr>
      </p:pic>
      <p:pic>
        <p:nvPicPr>
          <p:cNvPr id="129" name="图片 128">
            <a:extLst>
              <a:ext uri="{FF2B5EF4-FFF2-40B4-BE49-F238E27FC236}">
                <a16:creationId xmlns:a16="http://schemas.microsoft.com/office/drawing/2014/main" xmlns="" id="{3712B4F0-3544-4A00-91A6-5A5E86924A5A}"/>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261145" y="1863096"/>
            <a:ext cx="1941984" cy="514612"/>
          </a:xfrm>
          <a:prstGeom prst="rect">
            <a:avLst/>
          </a:prstGeom>
        </p:spPr>
      </p:pic>
      <p:sp>
        <p:nvSpPr>
          <p:cNvPr id="133" name="Oval 4">
            <a:extLst>
              <a:ext uri="{FF2B5EF4-FFF2-40B4-BE49-F238E27FC236}">
                <a16:creationId xmlns:a16="http://schemas.microsoft.com/office/drawing/2014/main" xmlns="" id="{1473DB11-84B0-4A69-BE1A-0CB874C2BA8C}"/>
              </a:ext>
            </a:extLst>
          </p:cNvPr>
          <p:cNvSpPr>
            <a:spLocks noChangeAspect="1"/>
          </p:cNvSpPr>
          <p:nvPr/>
        </p:nvSpPr>
        <p:spPr>
          <a:xfrm>
            <a:off x="1073317" y="2015808"/>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Oval 4">
            <a:extLst>
              <a:ext uri="{FF2B5EF4-FFF2-40B4-BE49-F238E27FC236}">
                <a16:creationId xmlns:a16="http://schemas.microsoft.com/office/drawing/2014/main" xmlns="" id="{AD2542F2-2734-42F5-A498-86C90EB20C54}"/>
              </a:ext>
            </a:extLst>
          </p:cNvPr>
          <p:cNvSpPr>
            <a:spLocks noChangeAspect="1"/>
          </p:cNvSpPr>
          <p:nvPr/>
        </p:nvSpPr>
        <p:spPr>
          <a:xfrm>
            <a:off x="741107" y="4152170"/>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Oval 4">
            <a:extLst>
              <a:ext uri="{FF2B5EF4-FFF2-40B4-BE49-F238E27FC236}">
                <a16:creationId xmlns:a16="http://schemas.microsoft.com/office/drawing/2014/main" xmlns="" id="{AB9ABCCC-9F99-4C18-A8EE-B41FC9776E94}"/>
              </a:ext>
            </a:extLst>
          </p:cNvPr>
          <p:cNvSpPr>
            <a:spLocks noChangeAspect="1"/>
          </p:cNvSpPr>
          <p:nvPr/>
        </p:nvSpPr>
        <p:spPr>
          <a:xfrm>
            <a:off x="3339991" y="3031619"/>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Oval 4">
            <a:extLst>
              <a:ext uri="{FF2B5EF4-FFF2-40B4-BE49-F238E27FC236}">
                <a16:creationId xmlns:a16="http://schemas.microsoft.com/office/drawing/2014/main" xmlns="" id="{8E2D3C39-1B93-4B93-B067-B3FD56C0D9AC}"/>
              </a:ext>
            </a:extLst>
          </p:cNvPr>
          <p:cNvSpPr>
            <a:spLocks noChangeAspect="1"/>
          </p:cNvSpPr>
          <p:nvPr/>
        </p:nvSpPr>
        <p:spPr>
          <a:xfrm>
            <a:off x="1823475" y="302229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Oval 4">
            <a:extLst>
              <a:ext uri="{FF2B5EF4-FFF2-40B4-BE49-F238E27FC236}">
                <a16:creationId xmlns:a16="http://schemas.microsoft.com/office/drawing/2014/main" xmlns="" id="{19313005-A5CF-430A-8DB5-81ECD5693864}"/>
              </a:ext>
            </a:extLst>
          </p:cNvPr>
          <p:cNvSpPr>
            <a:spLocks noChangeAspect="1"/>
          </p:cNvSpPr>
          <p:nvPr/>
        </p:nvSpPr>
        <p:spPr>
          <a:xfrm>
            <a:off x="4434451" y="2015808"/>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Oval 4">
            <a:extLst>
              <a:ext uri="{FF2B5EF4-FFF2-40B4-BE49-F238E27FC236}">
                <a16:creationId xmlns:a16="http://schemas.microsoft.com/office/drawing/2014/main" xmlns="" id="{A5230D36-D206-4151-B4BB-EB90474C77A7}"/>
              </a:ext>
            </a:extLst>
          </p:cNvPr>
          <p:cNvSpPr>
            <a:spLocks noChangeAspect="1"/>
          </p:cNvSpPr>
          <p:nvPr/>
        </p:nvSpPr>
        <p:spPr>
          <a:xfrm>
            <a:off x="8044623" y="2015808"/>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Oval 4">
            <a:extLst>
              <a:ext uri="{FF2B5EF4-FFF2-40B4-BE49-F238E27FC236}">
                <a16:creationId xmlns:a16="http://schemas.microsoft.com/office/drawing/2014/main" xmlns="" id="{8A26382A-37BE-4B60-B975-61439CF5FFA8}"/>
              </a:ext>
            </a:extLst>
          </p:cNvPr>
          <p:cNvSpPr>
            <a:spLocks noChangeAspect="1"/>
          </p:cNvSpPr>
          <p:nvPr/>
        </p:nvSpPr>
        <p:spPr>
          <a:xfrm>
            <a:off x="7178302" y="4091038"/>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Oval 4">
            <a:extLst>
              <a:ext uri="{FF2B5EF4-FFF2-40B4-BE49-F238E27FC236}">
                <a16:creationId xmlns:a16="http://schemas.microsoft.com/office/drawing/2014/main" xmlns="" id="{D7457C65-1DB8-4ABE-B44D-63205BF5B586}"/>
              </a:ext>
            </a:extLst>
          </p:cNvPr>
          <p:cNvSpPr>
            <a:spLocks noChangeAspect="1"/>
          </p:cNvSpPr>
          <p:nvPr/>
        </p:nvSpPr>
        <p:spPr>
          <a:xfrm>
            <a:off x="10288752" y="1945747"/>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Oval 4">
            <a:extLst>
              <a:ext uri="{FF2B5EF4-FFF2-40B4-BE49-F238E27FC236}">
                <a16:creationId xmlns:a16="http://schemas.microsoft.com/office/drawing/2014/main" xmlns="" id="{10E966B7-4E40-4AB6-A3D1-9E96E729A298}"/>
              </a:ext>
            </a:extLst>
          </p:cNvPr>
          <p:cNvSpPr>
            <a:spLocks noChangeAspect="1"/>
          </p:cNvSpPr>
          <p:nvPr/>
        </p:nvSpPr>
        <p:spPr>
          <a:xfrm>
            <a:off x="6470610" y="2939319"/>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Oval 4">
            <a:extLst>
              <a:ext uri="{FF2B5EF4-FFF2-40B4-BE49-F238E27FC236}">
                <a16:creationId xmlns:a16="http://schemas.microsoft.com/office/drawing/2014/main" xmlns="" id="{70BB6BA3-2C30-4B83-A03D-D89C4E46A1FD}"/>
              </a:ext>
            </a:extLst>
          </p:cNvPr>
          <p:cNvSpPr>
            <a:spLocks noChangeAspect="1"/>
          </p:cNvSpPr>
          <p:nvPr/>
        </p:nvSpPr>
        <p:spPr>
          <a:xfrm>
            <a:off x="11116718" y="3637810"/>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Oval 4">
            <a:extLst>
              <a:ext uri="{FF2B5EF4-FFF2-40B4-BE49-F238E27FC236}">
                <a16:creationId xmlns:a16="http://schemas.microsoft.com/office/drawing/2014/main" xmlns="" id="{86624C17-4547-41AF-99F6-174F766FD62A}"/>
              </a:ext>
            </a:extLst>
          </p:cNvPr>
          <p:cNvSpPr>
            <a:spLocks noChangeAspect="1"/>
          </p:cNvSpPr>
          <p:nvPr/>
        </p:nvSpPr>
        <p:spPr>
          <a:xfrm>
            <a:off x="5104060" y="302229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Oval 4">
            <a:extLst>
              <a:ext uri="{FF2B5EF4-FFF2-40B4-BE49-F238E27FC236}">
                <a16:creationId xmlns:a16="http://schemas.microsoft.com/office/drawing/2014/main" xmlns="" id="{6DA47A08-C110-46A1-88BC-279FCE49C36D}"/>
              </a:ext>
            </a:extLst>
          </p:cNvPr>
          <p:cNvSpPr>
            <a:spLocks noChangeAspect="1"/>
          </p:cNvSpPr>
          <p:nvPr/>
        </p:nvSpPr>
        <p:spPr>
          <a:xfrm>
            <a:off x="9999772" y="3046163"/>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Oval 4">
            <a:extLst>
              <a:ext uri="{FF2B5EF4-FFF2-40B4-BE49-F238E27FC236}">
                <a16:creationId xmlns:a16="http://schemas.microsoft.com/office/drawing/2014/main" xmlns="" id="{DC6AE9EA-821F-4941-9025-B59FCF0DD482}"/>
              </a:ext>
            </a:extLst>
          </p:cNvPr>
          <p:cNvSpPr>
            <a:spLocks noChangeAspect="1"/>
          </p:cNvSpPr>
          <p:nvPr/>
        </p:nvSpPr>
        <p:spPr>
          <a:xfrm>
            <a:off x="8777955" y="302229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5</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矩形 149">
            <a:extLst>
              <a:ext uri="{FF2B5EF4-FFF2-40B4-BE49-F238E27FC236}">
                <a16:creationId xmlns:a16="http://schemas.microsoft.com/office/drawing/2014/main" xmlns="" id="{F69EB8E3-5B04-4999-B685-6B50B05E6C6A}"/>
              </a:ext>
            </a:extLst>
          </p:cNvPr>
          <p:cNvSpPr/>
          <p:nvPr/>
        </p:nvSpPr>
        <p:spPr>
          <a:xfrm>
            <a:off x="1088311" y="4863709"/>
            <a:ext cx="2295289" cy="1265090"/>
          </a:xfrm>
          <a:prstGeom prst="rect">
            <a:avLst/>
          </a:prstGeom>
        </p:spPr>
        <p:txBody>
          <a:bodyPr wrap="square">
            <a:spAutoFit/>
          </a:bodyPr>
          <a:lstStyle/>
          <a:p>
            <a:pPr marL="342900" indent="-342900">
              <a:lnSpc>
                <a:spcPct val="130000"/>
              </a:lnSpc>
              <a:buAutoNum type="arabicPeriod"/>
            </a:pPr>
            <a:r>
              <a:rPr lang="zh-CN" altLang="en-US" sz="1500">
                <a:cs typeface="+mn-ea"/>
                <a:sym typeface="+mn-lt"/>
              </a:rPr>
              <a:t>预配置</a:t>
            </a:r>
            <a:endParaRPr lang="en-US" altLang="zh-CN" sz="1500">
              <a:cs typeface="+mn-ea"/>
              <a:sym typeface="+mn-lt"/>
            </a:endParaRPr>
          </a:p>
          <a:p>
            <a:pPr marL="342900" indent="-342900">
              <a:lnSpc>
                <a:spcPct val="130000"/>
              </a:lnSpc>
              <a:buAutoNum type="arabicPeriod"/>
            </a:pPr>
            <a:r>
              <a:rPr lang="en-US" altLang="zh-CN" sz="1500">
                <a:cs typeface="+mn-ea"/>
                <a:sym typeface="+mn-lt"/>
              </a:rPr>
              <a:t>APP</a:t>
            </a:r>
            <a:r>
              <a:rPr lang="zh-CN" altLang="en-US" sz="1500">
                <a:cs typeface="+mn-ea"/>
                <a:sym typeface="+mn-lt"/>
              </a:rPr>
              <a:t>扫码部署</a:t>
            </a:r>
            <a:endParaRPr lang="en-US" altLang="zh-CN" sz="1500">
              <a:cs typeface="+mn-ea"/>
              <a:sym typeface="+mn-lt"/>
            </a:endParaRPr>
          </a:p>
          <a:p>
            <a:pPr marL="342900" indent="-342900">
              <a:lnSpc>
                <a:spcPct val="130000"/>
              </a:lnSpc>
              <a:buAutoNum type="arabicPeriod"/>
            </a:pPr>
            <a:r>
              <a:rPr lang="zh-CN" altLang="en-US" sz="1500">
                <a:cs typeface="+mn-ea"/>
                <a:sym typeface="+mn-lt"/>
              </a:rPr>
              <a:t>设备自动注册上线</a:t>
            </a:r>
            <a:endParaRPr lang="en-US" altLang="zh-CN" sz="1500">
              <a:cs typeface="+mn-ea"/>
              <a:sym typeface="+mn-lt"/>
            </a:endParaRPr>
          </a:p>
          <a:p>
            <a:pPr marL="342900" indent="-342900">
              <a:lnSpc>
                <a:spcPct val="130000"/>
              </a:lnSpc>
              <a:buAutoNum type="arabicPeriod"/>
            </a:pPr>
            <a:r>
              <a:rPr lang="zh-CN" altLang="en-US" sz="1500">
                <a:cs typeface="+mn-ea"/>
                <a:sym typeface="+mn-lt"/>
              </a:rPr>
              <a:t>配置自动化下发</a:t>
            </a:r>
            <a:endParaRPr lang="zh-CN" altLang="en-US" sz="1500" dirty="0">
              <a:cs typeface="+mn-ea"/>
              <a:sym typeface="+mn-lt"/>
            </a:endParaRPr>
          </a:p>
        </p:txBody>
      </p:sp>
      <p:sp>
        <p:nvSpPr>
          <p:cNvPr id="82" name="矩形 81">
            <a:extLst>
              <a:ext uri="{FF2B5EF4-FFF2-40B4-BE49-F238E27FC236}">
                <a16:creationId xmlns:a16="http://schemas.microsoft.com/office/drawing/2014/main" xmlns="" id="{A3BEBF7C-6D00-4AAB-A635-3FFE66CA986C}"/>
              </a:ext>
            </a:extLst>
          </p:cNvPr>
          <p:cNvSpPr/>
          <p:nvPr/>
        </p:nvSpPr>
        <p:spPr>
          <a:xfrm>
            <a:off x="8336964" y="4718701"/>
            <a:ext cx="3440055" cy="1548886"/>
          </a:xfrm>
          <a:prstGeom prst="rect">
            <a:avLst/>
          </a:prstGeom>
        </p:spPr>
        <p:txBody>
          <a:bodyPr wrap="square">
            <a:spAutoFit/>
          </a:bodyPr>
          <a:lstStyle/>
          <a:p>
            <a:pPr marL="342900" indent="-342900">
              <a:lnSpc>
                <a:spcPct val="130000"/>
              </a:lnSpc>
              <a:buAutoNum type="arabicPeriod"/>
            </a:pPr>
            <a:r>
              <a:rPr lang="zh-CN" altLang="en-US" sz="1500">
                <a:cs typeface="+mn-ea"/>
                <a:sym typeface="+mn-lt"/>
              </a:rPr>
              <a:t>预配置</a:t>
            </a:r>
            <a:endParaRPr lang="en-US" altLang="zh-CN" sz="1500">
              <a:cs typeface="+mn-ea"/>
              <a:sym typeface="+mn-lt"/>
            </a:endParaRPr>
          </a:p>
          <a:p>
            <a:pPr marL="342900" indent="-342900">
              <a:lnSpc>
                <a:spcPct val="130000"/>
              </a:lnSpc>
              <a:buAutoNum type="arabicPeriod"/>
            </a:pPr>
            <a:r>
              <a:rPr lang="zh-CN" altLang="en-US" sz="1500">
                <a:cs typeface="+mn-ea"/>
                <a:sym typeface="+mn-lt"/>
              </a:rPr>
              <a:t>同步信息</a:t>
            </a:r>
            <a:endParaRPr lang="en-US" altLang="zh-CN" sz="1500">
              <a:cs typeface="+mn-ea"/>
              <a:sym typeface="+mn-lt"/>
            </a:endParaRPr>
          </a:p>
          <a:p>
            <a:pPr marL="342900" indent="-342900">
              <a:lnSpc>
                <a:spcPct val="130000"/>
              </a:lnSpc>
              <a:buAutoNum type="arabicPeriod"/>
            </a:pPr>
            <a:r>
              <a:rPr lang="zh-CN" altLang="en-US" sz="1400">
                <a:cs typeface="+mn-ea"/>
                <a:sym typeface="+mn-lt"/>
              </a:rPr>
              <a:t>通过注册查询中心获取注册信息</a:t>
            </a:r>
            <a:endParaRPr lang="en-US" altLang="zh-CN" sz="1400">
              <a:cs typeface="+mn-ea"/>
              <a:sym typeface="+mn-lt"/>
            </a:endParaRPr>
          </a:p>
          <a:p>
            <a:pPr marL="342900" indent="-342900">
              <a:lnSpc>
                <a:spcPct val="130000"/>
              </a:lnSpc>
              <a:buAutoNum type="arabicPeriod"/>
            </a:pPr>
            <a:r>
              <a:rPr lang="zh-CN" altLang="en-US" sz="1400">
                <a:cs typeface="+mn-ea"/>
                <a:sym typeface="+mn-lt"/>
              </a:rPr>
              <a:t>设备自动注册上线</a:t>
            </a:r>
            <a:endParaRPr lang="en-US" altLang="zh-CN" sz="1500">
              <a:cs typeface="+mn-ea"/>
              <a:sym typeface="+mn-lt"/>
            </a:endParaRPr>
          </a:p>
          <a:p>
            <a:pPr marL="342900" indent="-342900">
              <a:lnSpc>
                <a:spcPct val="130000"/>
              </a:lnSpc>
              <a:buAutoNum type="arabicPeriod"/>
            </a:pPr>
            <a:r>
              <a:rPr lang="zh-CN" altLang="en-US" sz="1500">
                <a:cs typeface="+mn-ea"/>
                <a:sym typeface="+mn-lt"/>
              </a:rPr>
              <a:t>配置自动化下发</a:t>
            </a:r>
            <a:endParaRPr lang="zh-CN" altLang="en-US" sz="1500" dirty="0">
              <a:cs typeface="+mn-ea"/>
              <a:sym typeface="+mn-lt"/>
            </a:endParaRPr>
          </a:p>
        </p:txBody>
      </p:sp>
      <p:sp>
        <p:nvSpPr>
          <p:cNvPr id="84" name="燕尾形 25">
            <a:extLst>
              <a:ext uri="{FF2B5EF4-FFF2-40B4-BE49-F238E27FC236}">
                <a16:creationId xmlns:a16="http://schemas.microsoft.com/office/drawing/2014/main" xmlns="" id="{1AD4DC5B-B3E9-4146-BFB3-188D0BAD1749}"/>
              </a:ext>
            </a:extLst>
          </p:cNvPr>
          <p:cNvSpPr/>
          <p:nvPr/>
        </p:nvSpPr>
        <p:spPr bwMode="auto">
          <a:xfrm>
            <a:off x="10187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数据中心</a:t>
            </a:r>
            <a:endParaRPr lang="en-US" altLang="zh-CN" sz="1200" kern="0"/>
          </a:p>
        </p:txBody>
      </p:sp>
      <p:sp>
        <p:nvSpPr>
          <p:cNvPr id="85" name="燕尾形 26">
            <a:extLst>
              <a:ext uri="{FF2B5EF4-FFF2-40B4-BE49-F238E27FC236}">
                <a16:creationId xmlns:a16="http://schemas.microsoft.com/office/drawing/2014/main" xmlns="" id="{53FCF76C-6078-41B7-B370-2E9A64D7EF8A}"/>
              </a:ext>
            </a:extLst>
          </p:cNvPr>
          <p:cNvSpPr/>
          <p:nvPr/>
        </p:nvSpPr>
        <p:spPr bwMode="auto">
          <a:xfrm>
            <a:off x="10996392"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企业园区</a:t>
            </a:r>
            <a:endParaRPr lang="en-US" altLang="zh-CN" sz="1200" b="1" kern="0">
              <a:solidFill>
                <a:srgbClr val="FFFFFF"/>
              </a:solidFill>
            </a:endParaRPr>
          </a:p>
        </p:txBody>
      </p:sp>
      <p:pic>
        <p:nvPicPr>
          <p:cNvPr id="74" name="图片 158" descr="SAN网络-蓝.png">
            <a:extLst>
              <a:ext uri="{FF2B5EF4-FFF2-40B4-BE49-F238E27FC236}">
                <a16:creationId xmlns:a16="http://schemas.microsoft.com/office/drawing/2014/main" xmlns="" id="{118558C2-4564-4B25-A532-506BEC226B79}"/>
              </a:ext>
            </a:extLst>
          </p:cNvPr>
          <p:cNvPicPr>
            <a:picLocks noChangeAspect="1"/>
          </p:cNvPicPr>
          <p:nvPr/>
        </p:nvPicPr>
        <p:blipFill>
          <a:blip r:embed="rId10"/>
          <a:stretch>
            <a:fillRect/>
          </a:stretch>
        </p:blipFill>
        <p:spPr>
          <a:xfrm>
            <a:off x="1143769" y="3946211"/>
            <a:ext cx="350045" cy="573480"/>
          </a:xfrm>
          <a:prstGeom prst="rect">
            <a:avLst/>
          </a:prstGeom>
        </p:spPr>
      </p:pic>
    </p:spTree>
    <p:extLst>
      <p:ext uri="{BB962C8B-B14F-4D97-AF65-F5344CB8AC3E}">
        <p14:creationId xmlns:p14="http://schemas.microsoft.com/office/powerpoint/2010/main" val="105569621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1AE7B0B9-E38B-44BD-A516-1AE2E5343904}"/>
              </a:ext>
            </a:extLst>
          </p:cNvPr>
          <p:cNvSpPr>
            <a:spLocks noGrp="1"/>
          </p:cNvSpPr>
          <p:nvPr>
            <p:ph type="title"/>
          </p:nvPr>
        </p:nvSpPr>
        <p:spPr/>
        <p:txBody>
          <a:bodyPr/>
          <a:lstStyle/>
          <a:p>
            <a:r>
              <a:rPr lang="zh-CN" altLang="en-US"/>
              <a:t>关键特性：构建一网多用的虚拟化园区</a:t>
            </a:r>
          </a:p>
        </p:txBody>
      </p:sp>
      <p:grpSp>
        <p:nvGrpSpPr>
          <p:cNvPr id="3" name="Group 165">
            <a:extLst>
              <a:ext uri="{FF2B5EF4-FFF2-40B4-BE49-F238E27FC236}">
                <a16:creationId xmlns:a16="http://schemas.microsoft.com/office/drawing/2014/main" xmlns="" id="{9186B875-823F-46A5-8C30-AAC8944E7751}"/>
              </a:ext>
            </a:extLst>
          </p:cNvPr>
          <p:cNvGrpSpPr/>
          <p:nvPr/>
        </p:nvGrpSpPr>
        <p:grpSpPr>
          <a:xfrm rot="10800000">
            <a:off x="1038229" y="5036457"/>
            <a:ext cx="980710" cy="502927"/>
            <a:chOff x="-1233037" y="914446"/>
            <a:chExt cx="1573823" cy="778776"/>
          </a:xfrm>
        </p:grpSpPr>
        <p:cxnSp>
          <p:nvCxnSpPr>
            <p:cNvPr id="4" name="Straight Connector 166">
              <a:extLst>
                <a:ext uri="{FF2B5EF4-FFF2-40B4-BE49-F238E27FC236}">
                  <a16:creationId xmlns:a16="http://schemas.microsoft.com/office/drawing/2014/main" xmlns="" id="{18FC7573-5EBA-4B12-BE9A-FC5E7334F6C9}"/>
                </a:ext>
              </a:extLst>
            </p:cNvPr>
            <p:cNvCxnSpPr/>
            <p:nvPr/>
          </p:nvCxnSpPr>
          <p:spPr>
            <a:xfrm flipH="1" flipV="1">
              <a:off x="-1233037" y="914446"/>
              <a:ext cx="786912" cy="778776"/>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 name="Straight Connector 167">
              <a:extLst>
                <a:ext uri="{FF2B5EF4-FFF2-40B4-BE49-F238E27FC236}">
                  <a16:creationId xmlns:a16="http://schemas.microsoft.com/office/drawing/2014/main" xmlns="" id="{F22DE18C-FB32-4531-AD2C-78E2506F730E}"/>
                </a:ext>
              </a:extLst>
            </p:cNvPr>
            <p:cNvCxnSpPr/>
            <p:nvPr/>
          </p:nvCxnSpPr>
          <p:spPr>
            <a:xfrm flipV="1">
              <a:off x="-446125" y="914446"/>
              <a:ext cx="786911" cy="778776"/>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6" name="直接连接符 5">
            <a:extLst>
              <a:ext uri="{FF2B5EF4-FFF2-40B4-BE49-F238E27FC236}">
                <a16:creationId xmlns:a16="http://schemas.microsoft.com/office/drawing/2014/main" xmlns="" id="{D70504C8-368F-42BF-AB3D-10B49D1A6325}"/>
              </a:ext>
            </a:extLst>
          </p:cNvPr>
          <p:cNvCxnSpPr>
            <a:cxnSpLocks/>
          </p:cNvCxnSpPr>
          <p:nvPr/>
        </p:nvCxnSpPr>
        <p:spPr>
          <a:xfrm>
            <a:off x="2674500" y="1610938"/>
            <a:ext cx="0" cy="1912786"/>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pic>
        <p:nvPicPr>
          <p:cNvPr id="7" name="图片 9">
            <a:extLst>
              <a:ext uri="{FF2B5EF4-FFF2-40B4-BE49-F238E27FC236}">
                <a16:creationId xmlns:a16="http://schemas.microsoft.com/office/drawing/2014/main" xmlns="" id="{BC3C8E7E-123E-44E5-ABD4-ED94327BAE9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52667" y="2273327"/>
            <a:ext cx="443667" cy="363001"/>
          </a:xfrm>
          <a:prstGeom prst="rect">
            <a:avLst/>
          </a:prstGeom>
        </p:spPr>
      </p:pic>
      <p:grpSp>
        <p:nvGrpSpPr>
          <p:cNvPr id="8" name="组合 758">
            <a:extLst>
              <a:ext uri="{FF2B5EF4-FFF2-40B4-BE49-F238E27FC236}">
                <a16:creationId xmlns:a16="http://schemas.microsoft.com/office/drawing/2014/main" xmlns="" id="{820B75B4-5CE6-497B-925E-7EEE22097EE7}"/>
              </a:ext>
            </a:extLst>
          </p:cNvPr>
          <p:cNvGrpSpPr/>
          <p:nvPr/>
        </p:nvGrpSpPr>
        <p:grpSpPr bwMode="auto">
          <a:xfrm flipV="1">
            <a:off x="4770222" y="5208546"/>
            <a:ext cx="225699" cy="191129"/>
            <a:chOff x="7440613" y="4868863"/>
            <a:chExt cx="1019175" cy="828675"/>
          </a:xfrm>
          <a:solidFill>
            <a:schemeClr val="bg1">
              <a:lumMod val="50000"/>
            </a:schemeClr>
          </a:solidFill>
        </p:grpSpPr>
        <p:sp>
          <p:nvSpPr>
            <p:cNvPr id="9" name="Freeform 15">
              <a:extLst>
                <a:ext uri="{FF2B5EF4-FFF2-40B4-BE49-F238E27FC236}">
                  <a16:creationId xmlns:a16="http://schemas.microsoft.com/office/drawing/2014/main" xmlns="" id="{6CE99CD5-B324-42CC-A285-EF4C1F062D9A}"/>
                </a:ext>
              </a:extLst>
            </p:cNvPr>
            <p:cNvSpPr>
              <a:spLocks/>
            </p:cNvSpPr>
            <p:nvPr/>
          </p:nvSpPr>
          <p:spPr bwMode="auto">
            <a:xfrm>
              <a:off x="7832726" y="5462588"/>
              <a:ext cx="234950" cy="234950"/>
            </a:xfrm>
            <a:custGeom>
              <a:avLst/>
              <a:gdLst/>
              <a:ahLst/>
              <a:cxnLst>
                <a:cxn ang="0">
                  <a:pos x="3281" y="680"/>
                </a:cxn>
                <a:cxn ang="0">
                  <a:pos x="3439" y="907"/>
                </a:cxn>
                <a:cxn ang="0">
                  <a:pos x="3559" y="1151"/>
                </a:cxn>
                <a:cxn ang="0">
                  <a:pos x="3642" y="1406"/>
                </a:cxn>
                <a:cxn ang="0">
                  <a:pos x="3686" y="1670"/>
                </a:cxn>
                <a:cxn ang="0">
                  <a:pos x="3693" y="1936"/>
                </a:cxn>
                <a:cxn ang="0">
                  <a:pos x="3661" y="2201"/>
                </a:cxn>
                <a:cxn ang="0">
                  <a:pos x="3591" y="2460"/>
                </a:cxn>
                <a:cxn ang="0">
                  <a:pos x="3484" y="2708"/>
                </a:cxn>
                <a:cxn ang="0">
                  <a:pos x="3339" y="2941"/>
                </a:cxn>
                <a:cxn ang="0">
                  <a:pos x="3155" y="3155"/>
                </a:cxn>
                <a:cxn ang="0">
                  <a:pos x="2941" y="3339"/>
                </a:cxn>
                <a:cxn ang="0">
                  <a:pos x="2708" y="3484"/>
                </a:cxn>
                <a:cxn ang="0">
                  <a:pos x="2460" y="3592"/>
                </a:cxn>
                <a:cxn ang="0">
                  <a:pos x="2201" y="3661"/>
                </a:cxn>
                <a:cxn ang="0">
                  <a:pos x="1936" y="3693"/>
                </a:cxn>
                <a:cxn ang="0">
                  <a:pos x="1670" y="3687"/>
                </a:cxn>
                <a:cxn ang="0">
                  <a:pos x="1408" y="3643"/>
                </a:cxn>
                <a:cxn ang="0">
                  <a:pos x="1152" y="3561"/>
                </a:cxn>
                <a:cxn ang="0">
                  <a:pos x="908" y="3440"/>
                </a:cxn>
                <a:cxn ang="0">
                  <a:pos x="680" y="3282"/>
                </a:cxn>
                <a:cxn ang="0">
                  <a:pos x="475" y="3086"/>
                </a:cxn>
                <a:cxn ang="0">
                  <a:pos x="304" y="2866"/>
                </a:cxn>
                <a:cxn ang="0">
                  <a:pos x="172" y="2627"/>
                </a:cxn>
                <a:cxn ang="0">
                  <a:pos x="76" y="2374"/>
                </a:cxn>
                <a:cxn ang="0">
                  <a:pos x="19" y="2114"/>
                </a:cxn>
                <a:cxn ang="0">
                  <a:pos x="0" y="1848"/>
                </a:cxn>
                <a:cxn ang="0">
                  <a:pos x="19" y="1582"/>
                </a:cxn>
                <a:cxn ang="0">
                  <a:pos x="76" y="1321"/>
                </a:cxn>
                <a:cxn ang="0">
                  <a:pos x="171" y="1069"/>
                </a:cxn>
                <a:cxn ang="0">
                  <a:pos x="304" y="830"/>
                </a:cxn>
                <a:cxn ang="0">
                  <a:pos x="475" y="609"/>
                </a:cxn>
                <a:cxn ang="0">
                  <a:pos x="680" y="414"/>
                </a:cxn>
                <a:cxn ang="0">
                  <a:pos x="907" y="255"/>
                </a:cxn>
                <a:cxn ang="0">
                  <a:pos x="1151" y="135"/>
                </a:cxn>
                <a:cxn ang="0">
                  <a:pos x="1407" y="52"/>
                </a:cxn>
                <a:cxn ang="0">
                  <a:pos x="1669" y="8"/>
                </a:cxn>
                <a:cxn ang="0">
                  <a:pos x="1936" y="2"/>
                </a:cxn>
                <a:cxn ang="0">
                  <a:pos x="2201" y="33"/>
                </a:cxn>
                <a:cxn ang="0">
                  <a:pos x="2459" y="104"/>
                </a:cxn>
                <a:cxn ang="0">
                  <a:pos x="2708" y="211"/>
                </a:cxn>
                <a:cxn ang="0">
                  <a:pos x="2940" y="356"/>
                </a:cxn>
                <a:cxn ang="0">
                  <a:pos x="3154" y="539"/>
                </a:cxn>
              </a:cxnLst>
              <a:rect l="0" t="0" r="r" b="b"/>
              <a:pathLst>
                <a:path w="3695" h="3695">
                  <a:moveTo>
                    <a:pt x="3154" y="539"/>
                  </a:moveTo>
                  <a:lnTo>
                    <a:pt x="3220" y="608"/>
                  </a:lnTo>
                  <a:lnTo>
                    <a:pt x="3281" y="680"/>
                  </a:lnTo>
                  <a:lnTo>
                    <a:pt x="3338" y="754"/>
                  </a:lnTo>
                  <a:lnTo>
                    <a:pt x="3391" y="829"/>
                  </a:lnTo>
                  <a:lnTo>
                    <a:pt x="3439" y="907"/>
                  </a:lnTo>
                  <a:lnTo>
                    <a:pt x="3483" y="987"/>
                  </a:lnTo>
                  <a:lnTo>
                    <a:pt x="3523" y="1068"/>
                  </a:lnTo>
                  <a:lnTo>
                    <a:pt x="3559" y="1151"/>
                  </a:lnTo>
                  <a:lnTo>
                    <a:pt x="3591" y="1235"/>
                  </a:lnTo>
                  <a:lnTo>
                    <a:pt x="3619" y="1320"/>
                  </a:lnTo>
                  <a:lnTo>
                    <a:pt x="3642" y="1406"/>
                  </a:lnTo>
                  <a:lnTo>
                    <a:pt x="3661" y="1493"/>
                  </a:lnTo>
                  <a:lnTo>
                    <a:pt x="3676" y="1582"/>
                  </a:lnTo>
                  <a:lnTo>
                    <a:pt x="3686" y="1670"/>
                  </a:lnTo>
                  <a:lnTo>
                    <a:pt x="3693" y="1758"/>
                  </a:lnTo>
                  <a:lnTo>
                    <a:pt x="3695" y="1847"/>
                  </a:lnTo>
                  <a:lnTo>
                    <a:pt x="3693" y="1936"/>
                  </a:lnTo>
                  <a:lnTo>
                    <a:pt x="3686" y="2024"/>
                  </a:lnTo>
                  <a:lnTo>
                    <a:pt x="3676" y="2113"/>
                  </a:lnTo>
                  <a:lnTo>
                    <a:pt x="3661" y="2201"/>
                  </a:lnTo>
                  <a:lnTo>
                    <a:pt x="3642" y="2288"/>
                  </a:lnTo>
                  <a:lnTo>
                    <a:pt x="3619" y="2374"/>
                  </a:lnTo>
                  <a:lnTo>
                    <a:pt x="3591" y="2460"/>
                  </a:lnTo>
                  <a:lnTo>
                    <a:pt x="3559" y="2544"/>
                  </a:lnTo>
                  <a:lnTo>
                    <a:pt x="3524" y="2626"/>
                  </a:lnTo>
                  <a:lnTo>
                    <a:pt x="3484" y="2708"/>
                  </a:lnTo>
                  <a:lnTo>
                    <a:pt x="3439" y="2788"/>
                  </a:lnTo>
                  <a:lnTo>
                    <a:pt x="3391" y="2865"/>
                  </a:lnTo>
                  <a:lnTo>
                    <a:pt x="3339" y="2941"/>
                  </a:lnTo>
                  <a:lnTo>
                    <a:pt x="3281" y="3015"/>
                  </a:lnTo>
                  <a:lnTo>
                    <a:pt x="3220" y="3086"/>
                  </a:lnTo>
                  <a:lnTo>
                    <a:pt x="3155" y="3155"/>
                  </a:lnTo>
                  <a:lnTo>
                    <a:pt x="3086" y="3220"/>
                  </a:lnTo>
                  <a:lnTo>
                    <a:pt x="3015" y="3282"/>
                  </a:lnTo>
                  <a:lnTo>
                    <a:pt x="2941" y="3339"/>
                  </a:lnTo>
                  <a:lnTo>
                    <a:pt x="2865" y="3391"/>
                  </a:lnTo>
                  <a:lnTo>
                    <a:pt x="2788" y="3440"/>
                  </a:lnTo>
                  <a:lnTo>
                    <a:pt x="2708" y="3484"/>
                  </a:lnTo>
                  <a:lnTo>
                    <a:pt x="2626" y="3524"/>
                  </a:lnTo>
                  <a:lnTo>
                    <a:pt x="2544" y="3560"/>
                  </a:lnTo>
                  <a:lnTo>
                    <a:pt x="2460" y="3592"/>
                  </a:lnTo>
                  <a:lnTo>
                    <a:pt x="2375" y="3619"/>
                  </a:lnTo>
                  <a:lnTo>
                    <a:pt x="2288" y="3643"/>
                  </a:lnTo>
                  <a:lnTo>
                    <a:pt x="2201" y="3661"/>
                  </a:lnTo>
                  <a:lnTo>
                    <a:pt x="2114" y="3676"/>
                  </a:lnTo>
                  <a:lnTo>
                    <a:pt x="2026" y="3687"/>
                  </a:lnTo>
                  <a:lnTo>
                    <a:pt x="1936" y="3693"/>
                  </a:lnTo>
                  <a:lnTo>
                    <a:pt x="1848" y="3695"/>
                  </a:lnTo>
                  <a:lnTo>
                    <a:pt x="1759" y="3693"/>
                  </a:lnTo>
                  <a:lnTo>
                    <a:pt x="1670" y="3687"/>
                  </a:lnTo>
                  <a:lnTo>
                    <a:pt x="1582" y="3676"/>
                  </a:lnTo>
                  <a:lnTo>
                    <a:pt x="1495" y="3662"/>
                  </a:lnTo>
                  <a:lnTo>
                    <a:pt x="1408" y="3643"/>
                  </a:lnTo>
                  <a:lnTo>
                    <a:pt x="1321" y="3620"/>
                  </a:lnTo>
                  <a:lnTo>
                    <a:pt x="1236" y="3592"/>
                  </a:lnTo>
                  <a:lnTo>
                    <a:pt x="1152" y="3561"/>
                  </a:lnTo>
                  <a:lnTo>
                    <a:pt x="1069" y="3524"/>
                  </a:lnTo>
                  <a:lnTo>
                    <a:pt x="987" y="3484"/>
                  </a:lnTo>
                  <a:lnTo>
                    <a:pt x="908" y="3440"/>
                  </a:lnTo>
                  <a:lnTo>
                    <a:pt x="830" y="3391"/>
                  </a:lnTo>
                  <a:lnTo>
                    <a:pt x="755" y="3339"/>
                  </a:lnTo>
                  <a:lnTo>
                    <a:pt x="680" y="3282"/>
                  </a:lnTo>
                  <a:lnTo>
                    <a:pt x="609" y="3220"/>
                  </a:lnTo>
                  <a:lnTo>
                    <a:pt x="541" y="3155"/>
                  </a:lnTo>
                  <a:lnTo>
                    <a:pt x="475" y="3086"/>
                  </a:lnTo>
                  <a:lnTo>
                    <a:pt x="414" y="3015"/>
                  </a:lnTo>
                  <a:lnTo>
                    <a:pt x="357" y="2941"/>
                  </a:lnTo>
                  <a:lnTo>
                    <a:pt x="304" y="2866"/>
                  </a:lnTo>
                  <a:lnTo>
                    <a:pt x="256" y="2788"/>
                  </a:lnTo>
                  <a:lnTo>
                    <a:pt x="212" y="2709"/>
                  </a:lnTo>
                  <a:lnTo>
                    <a:pt x="172" y="2627"/>
                  </a:lnTo>
                  <a:lnTo>
                    <a:pt x="136" y="2544"/>
                  </a:lnTo>
                  <a:lnTo>
                    <a:pt x="104" y="2460"/>
                  </a:lnTo>
                  <a:lnTo>
                    <a:pt x="76" y="2374"/>
                  </a:lnTo>
                  <a:lnTo>
                    <a:pt x="53" y="2288"/>
                  </a:lnTo>
                  <a:lnTo>
                    <a:pt x="34" y="2201"/>
                  </a:lnTo>
                  <a:lnTo>
                    <a:pt x="19" y="2114"/>
                  </a:lnTo>
                  <a:lnTo>
                    <a:pt x="9" y="2025"/>
                  </a:lnTo>
                  <a:lnTo>
                    <a:pt x="2" y="1937"/>
                  </a:lnTo>
                  <a:lnTo>
                    <a:pt x="0" y="1848"/>
                  </a:lnTo>
                  <a:lnTo>
                    <a:pt x="2" y="1759"/>
                  </a:lnTo>
                  <a:lnTo>
                    <a:pt x="9" y="1670"/>
                  </a:lnTo>
                  <a:lnTo>
                    <a:pt x="19" y="1582"/>
                  </a:lnTo>
                  <a:lnTo>
                    <a:pt x="34" y="1494"/>
                  </a:lnTo>
                  <a:lnTo>
                    <a:pt x="53" y="1407"/>
                  </a:lnTo>
                  <a:lnTo>
                    <a:pt x="76" y="1321"/>
                  </a:lnTo>
                  <a:lnTo>
                    <a:pt x="104" y="1236"/>
                  </a:lnTo>
                  <a:lnTo>
                    <a:pt x="136" y="1151"/>
                  </a:lnTo>
                  <a:lnTo>
                    <a:pt x="171" y="1069"/>
                  </a:lnTo>
                  <a:lnTo>
                    <a:pt x="211" y="988"/>
                  </a:lnTo>
                  <a:lnTo>
                    <a:pt x="255" y="907"/>
                  </a:lnTo>
                  <a:lnTo>
                    <a:pt x="304" y="830"/>
                  </a:lnTo>
                  <a:lnTo>
                    <a:pt x="356" y="754"/>
                  </a:lnTo>
                  <a:lnTo>
                    <a:pt x="414" y="681"/>
                  </a:lnTo>
                  <a:lnTo>
                    <a:pt x="475" y="609"/>
                  </a:lnTo>
                  <a:lnTo>
                    <a:pt x="540" y="540"/>
                  </a:lnTo>
                  <a:lnTo>
                    <a:pt x="609" y="475"/>
                  </a:lnTo>
                  <a:lnTo>
                    <a:pt x="680" y="414"/>
                  </a:lnTo>
                  <a:lnTo>
                    <a:pt x="754" y="356"/>
                  </a:lnTo>
                  <a:lnTo>
                    <a:pt x="830" y="303"/>
                  </a:lnTo>
                  <a:lnTo>
                    <a:pt x="907" y="255"/>
                  </a:lnTo>
                  <a:lnTo>
                    <a:pt x="987" y="211"/>
                  </a:lnTo>
                  <a:lnTo>
                    <a:pt x="1069" y="171"/>
                  </a:lnTo>
                  <a:lnTo>
                    <a:pt x="1151" y="135"/>
                  </a:lnTo>
                  <a:lnTo>
                    <a:pt x="1235" y="104"/>
                  </a:lnTo>
                  <a:lnTo>
                    <a:pt x="1320" y="76"/>
                  </a:lnTo>
                  <a:lnTo>
                    <a:pt x="1407" y="52"/>
                  </a:lnTo>
                  <a:lnTo>
                    <a:pt x="1494" y="33"/>
                  </a:lnTo>
                  <a:lnTo>
                    <a:pt x="1581" y="19"/>
                  </a:lnTo>
                  <a:lnTo>
                    <a:pt x="1669" y="8"/>
                  </a:lnTo>
                  <a:lnTo>
                    <a:pt x="1759" y="2"/>
                  </a:lnTo>
                  <a:lnTo>
                    <a:pt x="1847" y="0"/>
                  </a:lnTo>
                  <a:lnTo>
                    <a:pt x="1936" y="2"/>
                  </a:lnTo>
                  <a:lnTo>
                    <a:pt x="2025" y="8"/>
                  </a:lnTo>
                  <a:lnTo>
                    <a:pt x="2113" y="19"/>
                  </a:lnTo>
                  <a:lnTo>
                    <a:pt x="2201" y="33"/>
                  </a:lnTo>
                  <a:lnTo>
                    <a:pt x="2287" y="52"/>
                  </a:lnTo>
                  <a:lnTo>
                    <a:pt x="2374" y="76"/>
                  </a:lnTo>
                  <a:lnTo>
                    <a:pt x="2459" y="104"/>
                  </a:lnTo>
                  <a:lnTo>
                    <a:pt x="2543" y="135"/>
                  </a:lnTo>
                  <a:lnTo>
                    <a:pt x="2626" y="171"/>
                  </a:lnTo>
                  <a:lnTo>
                    <a:pt x="2708" y="211"/>
                  </a:lnTo>
                  <a:lnTo>
                    <a:pt x="2787" y="255"/>
                  </a:lnTo>
                  <a:lnTo>
                    <a:pt x="2865" y="303"/>
                  </a:lnTo>
                  <a:lnTo>
                    <a:pt x="2940" y="356"/>
                  </a:lnTo>
                  <a:lnTo>
                    <a:pt x="3015" y="413"/>
                  </a:lnTo>
                  <a:lnTo>
                    <a:pt x="3086" y="474"/>
                  </a:lnTo>
                  <a:lnTo>
                    <a:pt x="3154" y="539"/>
                  </a:lnTo>
                  <a:close/>
                </a:path>
              </a:pathLst>
            </a:custGeom>
            <a:grpFill/>
            <a:ln w="9525">
              <a:noFill/>
              <a:round/>
              <a:headEnd/>
              <a:tailEnd/>
            </a:ln>
          </p:spPr>
          <p:txBody>
            <a:bodyPr/>
            <a:lstStyle/>
            <a:p>
              <a:pPr algn="ctr" eaLnBrk="1" fontAlgn="auto" hangingPunct="1">
                <a:spcBef>
                  <a:spcPts val="0"/>
                </a:spcBef>
                <a:spcAft>
                  <a:spcPts val="0"/>
                </a:spcAft>
                <a:defRPr/>
              </a:pPr>
              <a:endParaRPr lang="zh-CN" altLang="en-US" sz="300" kern="0">
                <a:solidFill>
                  <a:schemeClr val="bg1"/>
                </a:solidFill>
                <a:latin typeface="微软雅黑" panose="020B0503020204020204" pitchFamily="34" charset="-122"/>
                <a:ea typeface="微软雅黑" panose="020B0503020204020204" pitchFamily="34" charset="-122"/>
              </a:endParaRPr>
            </a:p>
          </p:txBody>
        </p:sp>
        <p:sp>
          <p:nvSpPr>
            <p:cNvPr id="10" name="Freeform 16">
              <a:extLst>
                <a:ext uri="{FF2B5EF4-FFF2-40B4-BE49-F238E27FC236}">
                  <a16:creationId xmlns:a16="http://schemas.microsoft.com/office/drawing/2014/main" xmlns="" id="{E08ABC3B-20B4-456B-A86D-C38145A15308}"/>
                </a:ext>
              </a:extLst>
            </p:cNvPr>
            <p:cNvSpPr>
              <a:spLocks noEditPoints="1"/>
            </p:cNvSpPr>
            <p:nvPr/>
          </p:nvSpPr>
          <p:spPr bwMode="auto">
            <a:xfrm>
              <a:off x="7440613" y="4868863"/>
              <a:ext cx="1019175" cy="544513"/>
            </a:xfrm>
            <a:custGeom>
              <a:avLst/>
              <a:gdLst/>
              <a:ahLst/>
              <a:cxnLst>
                <a:cxn ang="0">
                  <a:pos x="16025" y="3351"/>
                </a:cxn>
                <a:cxn ang="0">
                  <a:pos x="14975" y="4351"/>
                </a:cxn>
                <a:cxn ang="0">
                  <a:pos x="14184" y="3632"/>
                </a:cxn>
                <a:cxn ang="0">
                  <a:pos x="12564" y="2563"/>
                </a:cxn>
                <a:cxn ang="0">
                  <a:pos x="10805" y="1850"/>
                </a:cxn>
                <a:cxn ang="0">
                  <a:pos x="8960" y="1494"/>
                </a:cxn>
                <a:cxn ang="0">
                  <a:pos x="7087" y="1494"/>
                </a:cxn>
                <a:cxn ang="0">
                  <a:pos x="5243" y="1851"/>
                </a:cxn>
                <a:cxn ang="0">
                  <a:pos x="3483" y="2564"/>
                </a:cxn>
                <a:cxn ang="0">
                  <a:pos x="1864" y="3634"/>
                </a:cxn>
                <a:cxn ang="0">
                  <a:pos x="1075" y="4353"/>
                </a:cxn>
                <a:cxn ang="0">
                  <a:pos x="24" y="3353"/>
                </a:cxn>
                <a:cxn ang="0">
                  <a:pos x="516" y="2880"/>
                </a:cxn>
                <a:cxn ang="0">
                  <a:pos x="2325" y="1549"/>
                </a:cxn>
                <a:cxn ang="0">
                  <a:pos x="4312" y="627"/>
                </a:cxn>
                <a:cxn ang="0">
                  <a:pos x="6413" y="115"/>
                </a:cxn>
                <a:cxn ang="0">
                  <a:pos x="8562" y="13"/>
                </a:cxn>
                <a:cxn ang="0">
                  <a:pos x="10694" y="319"/>
                </a:cxn>
                <a:cxn ang="0">
                  <a:pos x="12747" y="1036"/>
                </a:cxn>
                <a:cxn ang="0">
                  <a:pos x="14654" y="2160"/>
                </a:cxn>
                <a:cxn ang="0">
                  <a:pos x="14055" y="5373"/>
                </a:cxn>
                <a:cxn ang="0">
                  <a:pos x="12871" y="6404"/>
                </a:cxn>
                <a:cxn ang="0">
                  <a:pos x="12058" y="5702"/>
                </a:cxn>
                <a:cxn ang="0">
                  <a:pos x="10898" y="5017"/>
                </a:cxn>
                <a:cxn ang="0">
                  <a:pos x="9649" y="4582"/>
                </a:cxn>
                <a:cxn ang="0">
                  <a:pos x="8352" y="4395"/>
                </a:cxn>
                <a:cxn ang="0">
                  <a:pos x="7044" y="4457"/>
                </a:cxn>
                <a:cxn ang="0">
                  <a:pos x="5767" y="4769"/>
                </a:cxn>
                <a:cxn ang="0">
                  <a:pos x="4558" y="5329"/>
                </a:cxn>
                <a:cxn ang="0">
                  <a:pos x="3457" y="6139"/>
                </a:cxn>
                <a:cxn ang="0">
                  <a:pos x="3129" y="6456"/>
                </a:cxn>
                <a:cxn ang="0">
                  <a:pos x="2045" y="5322"/>
                </a:cxn>
                <a:cxn ang="0">
                  <a:pos x="2731" y="4697"/>
                </a:cxn>
                <a:cxn ang="0">
                  <a:pos x="4122" y="3779"/>
                </a:cxn>
                <a:cxn ang="0">
                  <a:pos x="5635" y="3166"/>
                </a:cxn>
                <a:cxn ang="0">
                  <a:pos x="7219" y="2859"/>
                </a:cxn>
                <a:cxn ang="0">
                  <a:pos x="8829" y="2859"/>
                </a:cxn>
                <a:cxn ang="0">
                  <a:pos x="10413" y="3165"/>
                </a:cxn>
                <a:cxn ang="0">
                  <a:pos x="11926" y="3777"/>
                </a:cxn>
                <a:cxn ang="0">
                  <a:pos x="13318" y="4696"/>
                </a:cxn>
                <a:cxn ang="0">
                  <a:pos x="14005" y="5321"/>
                </a:cxn>
                <a:cxn ang="0">
                  <a:pos x="10854" y="8576"/>
                </a:cxn>
                <a:cxn ang="0">
                  <a:pos x="10754" y="8472"/>
                </a:cxn>
                <a:cxn ang="0">
                  <a:pos x="10150" y="7980"/>
                </a:cxn>
                <a:cxn ang="0">
                  <a:pos x="9479" y="7627"/>
                </a:cxn>
                <a:cxn ang="0">
                  <a:pos x="8762" y="7416"/>
                </a:cxn>
                <a:cxn ang="0">
                  <a:pos x="8025" y="7345"/>
                </a:cxn>
                <a:cxn ang="0">
                  <a:pos x="7287" y="7416"/>
                </a:cxn>
                <a:cxn ang="0">
                  <a:pos x="6571" y="7627"/>
                </a:cxn>
                <a:cxn ang="0">
                  <a:pos x="5900" y="7980"/>
                </a:cxn>
                <a:cxn ang="0">
                  <a:pos x="5297" y="8473"/>
                </a:cxn>
                <a:cxn ang="0">
                  <a:pos x="5198" y="8576"/>
                </a:cxn>
                <a:cxn ang="0">
                  <a:pos x="4197" y="7425"/>
                </a:cxn>
                <a:cxn ang="0">
                  <a:pos x="4843" y="6865"/>
                </a:cxn>
                <a:cxn ang="0">
                  <a:pos x="5758" y="6325"/>
                </a:cxn>
                <a:cxn ang="0">
                  <a:pos x="6743" y="5981"/>
                </a:cxn>
                <a:cxn ang="0">
                  <a:pos x="7766" y="5833"/>
                </a:cxn>
                <a:cxn ang="0">
                  <a:pos x="8797" y="5882"/>
                </a:cxn>
                <a:cxn ang="0">
                  <a:pos x="9806" y="6127"/>
                </a:cxn>
                <a:cxn ang="0">
                  <a:pos x="10760" y="6570"/>
                </a:cxn>
                <a:cxn ang="0">
                  <a:pos x="11627" y="7208"/>
                </a:cxn>
                <a:cxn ang="0">
                  <a:pos x="11903" y="7475"/>
                </a:cxn>
              </a:cxnLst>
              <a:rect l="0" t="0" r="r" b="b"/>
              <a:pathLst>
                <a:path w="16050" h="8576">
                  <a:moveTo>
                    <a:pt x="15950" y="3273"/>
                  </a:moveTo>
                  <a:lnTo>
                    <a:pt x="15975" y="3299"/>
                  </a:lnTo>
                  <a:lnTo>
                    <a:pt x="16000" y="3324"/>
                  </a:lnTo>
                  <a:lnTo>
                    <a:pt x="16025" y="3351"/>
                  </a:lnTo>
                  <a:lnTo>
                    <a:pt x="16050" y="3377"/>
                  </a:lnTo>
                  <a:lnTo>
                    <a:pt x="15025" y="4402"/>
                  </a:lnTo>
                  <a:lnTo>
                    <a:pt x="15000" y="4377"/>
                  </a:lnTo>
                  <a:lnTo>
                    <a:pt x="14975" y="4351"/>
                  </a:lnTo>
                  <a:lnTo>
                    <a:pt x="14950" y="4325"/>
                  </a:lnTo>
                  <a:lnTo>
                    <a:pt x="14923" y="4300"/>
                  </a:lnTo>
                  <a:lnTo>
                    <a:pt x="14560" y="3955"/>
                  </a:lnTo>
                  <a:lnTo>
                    <a:pt x="14184" y="3632"/>
                  </a:lnTo>
                  <a:lnTo>
                    <a:pt x="13796" y="3330"/>
                  </a:lnTo>
                  <a:lnTo>
                    <a:pt x="13396" y="3053"/>
                  </a:lnTo>
                  <a:lnTo>
                    <a:pt x="12984" y="2797"/>
                  </a:lnTo>
                  <a:lnTo>
                    <a:pt x="12564" y="2563"/>
                  </a:lnTo>
                  <a:lnTo>
                    <a:pt x="12136" y="2351"/>
                  </a:lnTo>
                  <a:lnTo>
                    <a:pt x="11698" y="2161"/>
                  </a:lnTo>
                  <a:lnTo>
                    <a:pt x="11254" y="1995"/>
                  </a:lnTo>
                  <a:lnTo>
                    <a:pt x="10805" y="1850"/>
                  </a:lnTo>
                  <a:lnTo>
                    <a:pt x="10349" y="1728"/>
                  </a:lnTo>
                  <a:lnTo>
                    <a:pt x="9889" y="1628"/>
                  </a:lnTo>
                  <a:lnTo>
                    <a:pt x="9426" y="1549"/>
                  </a:lnTo>
                  <a:lnTo>
                    <a:pt x="8960" y="1494"/>
                  </a:lnTo>
                  <a:lnTo>
                    <a:pt x="8492" y="1461"/>
                  </a:lnTo>
                  <a:lnTo>
                    <a:pt x="8024" y="1450"/>
                  </a:lnTo>
                  <a:lnTo>
                    <a:pt x="7556" y="1461"/>
                  </a:lnTo>
                  <a:lnTo>
                    <a:pt x="7087" y="1494"/>
                  </a:lnTo>
                  <a:lnTo>
                    <a:pt x="6622" y="1550"/>
                  </a:lnTo>
                  <a:lnTo>
                    <a:pt x="6158" y="1629"/>
                  </a:lnTo>
                  <a:lnTo>
                    <a:pt x="5699" y="1729"/>
                  </a:lnTo>
                  <a:lnTo>
                    <a:pt x="5243" y="1851"/>
                  </a:lnTo>
                  <a:lnTo>
                    <a:pt x="4793" y="1996"/>
                  </a:lnTo>
                  <a:lnTo>
                    <a:pt x="4350" y="2163"/>
                  </a:lnTo>
                  <a:lnTo>
                    <a:pt x="3912" y="2352"/>
                  </a:lnTo>
                  <a:lnTo>
                    <a:pt x="3483" y="2564"/>
                  </a:lnTo>
                  <a:lnTo>
                    <a:pt x="3064" y="2799"/>
                  </a:lnTo>
                  <a:lnTo>
                    <a:pt x="2652" y="3055"/>
                  </a:lnTo>
                  <a:lnTo>
                    <a:pt x="2253" y="3332"/>
                  </a:lnTo>
                  <a:lnTo>
                    <a:pt x="1864" y="3634"/>
                  </a:lnTo>
                  <a:lnTo>
                    <a:pt x="1488" y="3957"/>
                  </a:lnTo>
                  <a:lnTo>
                    <a:pt x="1125" y="4302"/>
                  </a:lnTo>
                  <a:lnTo>
                    <a:pt x="1099" y="4327"/>
                  </a:lnTo>
                  <a:lnTo>
                    <a:pt x="1075" y="4353"/>
                  </a:lnTo>
                  <a:lnTo>
                    <a:pt x="1050" y="4378"/>
                  </a:lnTo>
                  <a:lnTo>
                    <a:pt x="1025" y="4404"/>
                  </a:lnTo>
                  <a:lnTo>
                    <a:pt x="0" y="3378"/>
                  </a:lnTo>
                  <a:lnTo>
                    <a:pt x="24" y="3353"/>
                  </a:lnTo>
                  <a:lnTo>
                    <a:pt x="49" y="3326"/>
                  </a:lnTo>
                  <a:lnTo>
                    <a:pt x="74" y="3301"/>
                  </a:lnTo>
                  <a:lnTo>
                    <a:pt x="99" y="3276"/>
                  </a:lnTo>
                  <a:lnTo>
                    <a:pt x="516" y="2880"/>
                  </a:lnTo>
                  <a:lnTo>
                    <a:pt x="948" y="2509"/>
                  </a:lnTo>
                  <a:lnTo>
                    <a:pt x="1394" y="2162"/>
                  </a:lnTo>
                  <a:lnTo>
                    <a:pt x="1854" y="1843"/>
                  </a:lnTo>
                  <a:lnTo>
                    <a:pt x="2325" y="1549"/>
                  </a:lnTo>
                  <a:lnTo>
                    <a:pt x="2808" y="1280"/>
                  </a:lnTo>
                  <a:lnTo>
                    <a:pt x="3301" y="1037"/>
                  </a:lnTo>
                  <a:lnTo>
                    <a:pt x="3803" y="820"/>
                  </a:lnTo>
                  <a:lnTo>
                    <a:pt x="4312" y="627"/>
                  </a:lnTo>
                  <a:lnTo>
                    <a:pt x="4830" y="461"/>
                  </a:lnTo>
                  <a:lnTo>
                    <a:pt x="5353" y="320"/>
                  </a:lnTo>
                  <a:lnTo>
                    <a:pt x="5881" y="205"/>
                  </a:lnTo>
                  <a:lnTo>
                    <a:pt x="6413" y="115"/>
                  </a:lnTo>
                  <a:lnTo>
                    <a:pt x="6949" y="51"/>
                  </a:lnTo>
                  <a:lnTo>
                    <a:pt x="7485" y="13"/>
                  </a:lnTo>
                  <a:lnTo>
                    <a:pt x="8024" y="0"/>
                  </a:lnTo>
                  <a:lnTo>
                    <a:pt x="8562" y="13"/>
                  </a:lnTo>
                  <a:lnTo>
                    <a:pt x="9099" y="51"/>
                  </a:lnTo>
                  <a:lnTo>
                    <a:pt x="9634" y="115"/>
                  </a:lnTo>
                  <a:lnTo>
                    <a:pt x="10167" y="205"/>
                  </a:lnTo>
                  <a:lnTo>
                    <a:pt x="10694" y="319"/>
                  </a:lnTo>
                  <a:lnTo>
                    <a:pt x="11218" y="460"/>
                  </a:lnTo>
                  <a:lnTo>
                    <a:pt x="11735" y="626"/>
                  </a:lnTo>
                  <a:lnTo>
                    <a:pt x="12245" y="818"/>
                  </a:lnTo>
                  <a:lnTo>
                    <a:pt x="12747" y="1036"/>
                  </a:lnTo>
                  <a:lnTo>
                    <a:pt x="13239" y="1278"/>
                  </a:lnTo>
                  <a:lnTo>
                    <a:pt x="13722" y="1547"/>
                  </a:lnTo>
                  <a:lnTo>
                    <a:pt x="14194" y="1841"/>
                  </a:lnTo>
                  <a:lnTo>
                    <a:pt x="14654" y="2160"/>
                  </a:lnTo>
                  <a:lnTo>
                    <a:pt x="15100" y="2506"/>
                  </a:lnTo>
                  <a:lnTo>
                    <a:pt x="15532" y="2877"/>
                  </a:lnTo>
                  <a:lnTo>
                    <a:pt x="15950" y="3273"/>
                  </a:lnTo>
                  <a:close/>
                  <a:moveTo>
                    <a:pt x="14055" y="5373"/>
                  </a:moveTo>
                  <a:lnTo>
                    <a:pt x="12946" y="6481"/>
                  </a:lnTo>
                  <a:lnTo>
                    <a:pt x="12921" y="6456"/>
                  </a:lnTo>
                  <a:lnTo>
                    <a:pt x="12897" y="6430"/>
                  </a:lnTo>
                  <a:lnTo>
                    <a:pt x="12871" y="6404"/>
                  </a:lnTo>
                  <a:lnTo>
                    <a:pt x="12846" y="6379"/>
                  </a:lnTo>
                  <a:lnTo>
                    <a:pt x="12592" y="6137"/>
                  </a:lnTo>
                  <a:lnTo>
                    <a:pt x="12329" y="5912"/>
                  </a:lnTo>
                  <a:lnTo>
                    <a:pt x="12058" y="5702"/>
                  </a:lnTo>
                  <a:lnTo>
                    <a:pt x="11778" y="5507"/>
                  </a:lnTo>
                  <a:lnTo>
                    <a:pt x="11491" y="5328"/>
                  </a:lnTo>
                  <a:lnTo>
                    <a:pt x="11198" y="5165"/>
                  </a:lnTo>
                  <a:lnTo>
                    <a:pt x="10898" y="5017"/>
                  </a:lnTo>
                  <a:lnTo>
                    <a:pt x="10592" y="4885"/>
                  </a:lnTo>
                  <a:lnTo>
                    <a:pt x="10282" y="4768"/>
                  </a:lnTo>
                  <a:lnTo>
                    <a:pt x="9967" y="4667"/>
                  </a:lnTo>
                  <a:lnTo>
                    <a:pt x="9649" y="4582"/>
                  </a:lnTo>
                  <a:lnTo>
                    <a:pt x="9328" y="4512"/>
                  </a:lnTo>
                  <a:lnTo>
                    <a:pt x="9004" y="4457"/>
                  </a:lnTo>
                  <a:lnTo>
                    <a:pt x="8679" y="4418"/>
                  </a:lnTo>
                  <a:lnTo>
                    <a:pt x="8352" y="4395"/>
                  </a:lnTo>
                  <a:lnTo>
                    <a:pt x="8024" y="4387"/>
                  </a:lnTo>
                  <a:lnTo>
                    <a:pt x="7697" y="4395"/>
                  </a:lnTo>
                  <a:lnTo>
                    <a:pt x="7370" y="4418"/>
                  </a:lnTo>
                  <a:lnTo>
                    <a:pt x="7044" y="4457"/>
                  </a:lnTo>
                  <a:lnTo>
                    <a:pt x="6721" y="4512"/>
                  </a:lnTo>
                  <a:lnTo>
                    <a:pt x="6399" y="4582"/>
                  </a:lnTo>
                  <a:lnTo>
                    <a:pt x="6081" y="4668"/>
                  </a:lnTo>
                  <a:lnTo>
                    <a:pt x="5767" y="4769"/>
                  </a:lnTo>
                  <a:lnTo>
                    <a:pt x="5457" y="4886"/>
                  </a:lnTo>
                  <a:lnTo>
                    <a:pt x="5151" y="5018"/>
                  </a:lnTo>
                  <a:lnTo>
                    <a:pt x="4851" y="5166"/>
                  </a:lnTo>
                  <a:lnTo>
                    <a:pt x="4558" y="5329"/>
                  </a:lnTo>
                  <a:lnTo>
                    <a:pt x="4271" y="5509"/>
                  </a:lnTo>
                  <a:lnTo>
                    <a:pt x="3991" y="5703"/>
                  </a:lnTo>
                  <a:lnTo>
                    <a:pt x="3720" y="5913"/>
                  </a:lnTo>
                  <a:lnTo>
                    <a:pt x="3457" y="6139"/>
                  </a:lnTo>
                  <a:lnTo>
                    <a:pt x="3203" y="6380"/>
                  </a:lnTo>
                  <a:lnTo>
                    <a:pt x="3178" y="6406"/>
                  </a:lnTo>
                  <a:lnTo>
                    <a:pt x="3154" y="6431"/>
                  </a:lnTo>
                  <a:lnTo>
                    <a:pt x="3129" y="6456"/>
                  </a:lnTo>
                  <a:lnTo>
                    <a:pt x="3104" y="6482"/>
                  </a:lnTo>
                  <a:lnTo>
                    <a:pt x="1996" y="5374"/>
                  </a:lnTo>
                  <a:lnTo>
                    <a:pt x="2020" y="5348"/>
                  </a:lnTo>
                  <a:lnTo>
                    <a:pt x="2045" y="5322"/>
                  </a:lnTo>
                  <a:lnTo>
                    <a:pt x="2069" y="5297"/>
                  </a:lnTo>
                  <a:lnTo>
                    <a:pt x="2095" y="5272"/>
                  </a:lnTo>
                  <a:lnTo>
                    <a:pt x="2406" y="4975"/>
                  </a:lnTo>
                  <a:lnTo>
                    <a:pt x="2731" y="4697"/>
                  </a:lnTo>
                  <a:lnTo>
                    <a:pt x="3065" y="4439"/>
                  </a:lnTo>
                  <a:lnTo>
                    <a:pt x="3408" y="4199"/>
                  </a:lnTo>
                  <a:lnTo>
                    <a:pt x="3761" y="3980"/>
                  </a:lnTo>
                  <a:lnTo>
                    <a:pt x="4122" y="3779"/>
                  </a:lnTo>
                  <a:lnTo>
                    <a:pt x="4491" y="3596"/>
                  </a:lnTo>
                  <a:lnTo>
                    <a:pt x="4866" y="3434"/>
                  </a:lnTo>
                  <a:lnTo>
                    <a:pt x="5247" y="3290"/>
                  </a:lnTo>
                  <a:lnTo>
                    <a:pt x="5635" y="3166"/>
                  </a:lnTo>
                  <a:lnTo>
                    <a:pt x="6026" y="3061"/>
                  </a:lnTo>
                  <a:lnTo>
                    <a:pt x="6421" y="2974"/>
                  </a:lnTo>
                  <a:lnTo>
                    <a:pt x="6819" y="2907"/>
                  </a:lnTo>
                  <a:lnTo>
                    <a:pt x="7219" y="2859"/>
                  </a:lnTo>
                  <a:lnTo>
                    <a:pt x="7622" y="2831"/>
                  </a:lnTo>
                  <a:lnTo>
                    <a:pt x="8024" y="2821"/>
                  </a:lnTo>
                  <a:lnTo>
                    <a:pt x="8427" y="2831"/>
                  </a:lnTo>
                  <a:lnTo>
                    <a:pt x="8829" y="2859"/>
                  </a:lnTo>
                  <a:lnTo>
                    <a:pt x="9229" y="2907"/>
                  </a:lnTo>
                  <a:lnTo>
                    <a:pt x="9627" y="2973"/>
                  </a:lnTo>
                  <a:lnTo>
                    <a:pt x="10022" y="3060"/>
                  </a:lnTo>
                  <a:lnTo>
                    <a:pt x="10413" y="3165"/>
                  </a:lnTo>
                  <a:lnTo>
                    <a:pt x="10801" y="3289"/>
                  </a:lnTo>
                  <a:lnTo>
                    <a:pt x="11182" y="3433"/>
                  </a:lnTo>
                  <a:lnTo>
                    <a:pt x="11558" y="3595"/>
                  </a:lnTo>
                  <a:lnTo>
                    <a:pt x="11926" y="3777"/>
                  </a:lnTo>
                  <a:lnTo>
                    <a:pt x="12287" y="3978"/>
                  </a:lnTo>
                  <a:lnTo>
                    <a:pt x="12640" y="4198"/>
                  </a:lnTo>
                  <a:lnTo>
                    <a:pt x="12984" y="4437"/>
                  </a:lnTo>
                  <a:lnTo>
                    <a:pt x="13318" y="4696"/>
                  </a:lnTo>
                  <a:lnTo>
                    <a:pt x="13641" y="4973"/>
                  </a:lnTo>
                  <a:lnTo>
                    <a:pt x="13954" y="5270"/>
                  </a:lnTo>
                  <a:lnTo>
                    <a:pt x="13980" y="5295"/>
                  </a:lnTo>
                  <a:lnTo>
                    <a:pt x="14005" y="5321"/>
                  </a:lnTo>
                  <a:lnTo>
                    <a:pt x="14030" y="5347"/>
                  </a:lnTo>
                  <a:lnTo>
                    <a:pt x="14055" y="5373"/>
                  </a:lnTo>
                  <a:close/>
                  <a:moveTo>
                    <a:pt x="11928" y="7501"/>
                  </a:moveTo>
                  <a:lnTo>
                    <a:pt x="10854" y="8576"/>
                  </a:lnTo>
                  <a:lnTo>
                    <a:pt x="10829" y="8549"/>
                  </a:lnTo>
                  <a:lnTo>
                    <a:pt x="10805" y="8523"/>
                  </a:lnTo>
                  <a:lnTo>
                    <a:pt x="10780" y="8498"/>
                  </a:lnTo>
                  <a:lnTo>
                    <a:pt x="10754" y="8472"/>
                  </a:lnTo>
                  <a:lnTo>
                    <a:pt x="10610" y="8336"/>
                  </a:lnTo>
                  <a:lnTo>
                    <a:pt x="10462" y="8208"/>
                  </a:lnTo>
                  <a:lnTo>
                    <a:pt x="10307" y="8089"/>
                  </a:lnTo>
                  <a:lnTo>
                    <a:pt x="10150" y="7980"/>
                  </a:lnTo>
                  <a:lnTo>
                    <a:pt x="9987" y="7878"/>
                  </a:lnTo>
                  <a:lnTo>
                    <a:pt x="9821" y="7785"/>
                  </a:lnTo>
                  <a:lnTo>
                    <a:pt x="9651" y="7702"/>
                  </a:lnTo>
                  <a:lnTo>
                    <a:pt x="9479" y="7627"/>
                  </a:lnTo>
                  <a:lnTo>
                    <a:pt x="9303" y="7561"/>
                  </a:lnTo>
                  <a:lnTo>
                    <a:pt x="9124" y="7504"/>
                  </a:lnTo>
                  <a:lnTo>
                    <a:pt x="8945" y="7456"/>
                  </a:lnTo>
                  <a:lnTo>
                    <a:pt x="8762" y="7416"/>
                  </a:lnTo>
                  <a:lnTo>
                    <a:pt x="8580" y="7384"/>
                  </a:lnTo>
                  <a:lnTo>
                    <a:pt x="8395" y="7362"/>
                  </a:lnTo>
                  <a:lnTo>
                    <a:pt x="8210" y="7349"/>
                  </a:lnTo>
                  <a:lnTo>
                    <a:pt x="8025" y="7345"/>
                  </a:lnTo>
                  <a:lnTo>
                    <a:pt x="7839" y="7349"/>
                  </a:lnTo>
                  <a:lnTo>
                    <a:pt x="7655" y="7363"/>
                  </a:lnTo>
                  <a:lnTo>
                    <a:pt x="7470" y="7385"/>
                  </a:lnTo>
                  <a:lnTo>
                    <a:pt x="7287" y="7416"/>
                  </a:lnTo>
                  <a:lnTo>
                    <a:pt x="7105" y="7456"/>
                  </a:lnTo>
                  <a:lnTo>
                    <a:pt x="6926" y="7504"/>
                  </a:lnTo>
                  <a:lnTo>
                    <a:pt x="6747" y="7561"/>
                  </a:lnTo>
                  <a:lnTo>
                    <a:pt x="6571" y="7627"/>
                  </a:lnTo>
                  <a:lnTo>
                    <a:pt x="6399" y="7703"/>
                  </a:lnTo>
                  <a:lnTo>
                    <a:pt x="6229" y="7786"/>
                  </a:lnTo>
                  <a:lnTo>
                    <a:pt x="6063" y="7878"/>
                  </a:lnTo>
                  <a:lnTo>
                    <a:pt x="5900" y="7980"/>
                  </a:lnTo>
                  <a:lnTo>
                    <a:pt x="5742" y="8090"/>
                  </a:lnTo>
                  <a:lnTo>
                    <a:pt x="5588" y="8209"/>
                  </a:lnTo>
                  <a:lnTo>
                    <a:pt x="5440" y="8337"/>
                  </a:lnTo>
                  <a:lnTo>
                    <a:pt x="5297" y="8473"/>
                  </a:lnTo>
                  <a:lnTo>
                    <a:pt x="5271" y="8498"/>
                  </a:lnTo>
                  <a:lnTo>
                    <a:pt x="5246" y="8524"/>
                  </a:lnTo>
                  <a:lnTo>
                    <a:pt x="5222" y="8550"/>
                  </a:lnTo>
                  <a:lnTo>
                    <a:pt x="5198" y="8576"/>
                  </a:lnTo>
                  <a:lnTo>
                    <a:pt x="4123" y="7501"/>
                  </a:lnTo>
                  <a:lnTo>
                    <a:pt x="4147" y="7476"/>
                  </a:lnTo>
                  <a:lnTo>
                    <a:pt x="4172" y="7450"/>
                  </a:lnTo>
                  <a:lnTo>
                    <a:pt x="4197" y="7425"/>
                  </a:lnTo>
                  <a:lnTo>
                    <a:pt x="4222" y="7399"/>
                  </a:lnTo>
                  <a:lnTo>
                    <a:pt x="4422" y="7209"/>
                  </a:lnTo>
                  <a:lnTo>
                    <a:pt x="4629" y="7030"/>
                  </a:lnTo>
                  <a:lnTo>
                    <a:pt x="4843" y="6865"/>
                  </a:lnTo>
                  <a:lnTo>
                    <a:pt x="5064" y="6711"/>
                  </a:lnTo>
                  <a:lnTo>
                    <a:pt x="5290" y="6571"/>
                  </a:lnTo>
                  <a:lnTo>
                    <a:pt x="5522" y="6441"/>
                  </a:lnTo>
                  <a:lnTo>
                    <a:pt x="5758" y="6325"/>
                  </a:lnTo>
                  <a:lnTo>
                    <a:pt x="6000" y="6220"/>
                  </a:lnTo>
                  <a:lnTo>
                    <a:pt x="6243" y="6128"/>
                  </a:lnTo>
                  <a:lnTo>
                    <a:pt x="6492" y="6048"/>
                  </a:lnTo>
                  <a:lnTo>
                    <a:pt x="6743" y="5981"/>
                  </a:lnTo>
                  <a:lnTo>
                    <a:pt x="6997" y="5925"/>
                  </a:lnTo>
                  <a:lnTo>
                    <a:pt x="7252" y="5882"/>
                  </a:lnTo>
                  <a:lnTo>
                    <a:pt x="7508" y="5851"/>
                  </a:lnTo>
                  <a:lnTo>
                    <a:pt x="7766" y="5833"/>
                  </a:lnTo>
                  <a:lnTo>
                    <a:pt x="8025" y="5827"/>
                  </a:lnTo>
                  <a:lnTo>
                    <a:pt x="8283" y="5833"/>
                  </a:lnTo>
                  <a:lnTo>
                    <a:pt x="8541" y="5851"/>
                  </a:lnTo>
                  <a:lnTo>
                    <a:pt x="8797" y="5882"/>
                  </a:lnTo>
                  <a:lnTo>
                    <a:pt x="9053" y="5925"/>
                  </a:lnTo>
                  <a:lnTo>
                    <a:pt x="9306" y="5981"/>
                  </a:lnTo>
                  <a:lnTo>
                    <a:pt x="9557" y="6048"/>
                  </a:lnTo>
                  <a:lnTo>
                    <a:pt x="9806" y="6127"/>
                  </a:lnTo>
                  <a:lnTo>
                    <a:pt x="10050" y="6219"/>
                  </a:lnTo>
                  <a:lnTo>
                    <a:pt x="10291" y="6324"/>
                  </a:lnTo>
                  <a:lnTo>
                    <a:pt x="10528" y="6440"/>
                  </a:lnTo>
                  <a:lnTo>
                    <a:pt x="10760" y="6570"/>
                  </a:lnTo>
                  <a:lnTo>
                    <a:pt x="10985" y="6710"/>
                  </a:lnTo>
                  <a:lnTo>
                    <a:pt x="11206" y="6864"/>
                  </a:lnTo>
                  <a:lnTo>
                    <a:pt x="11421" y="7029"/>
                  </a:lnTo>
                  <a:lnTo>
                    <a:pt x="11627" y="7208"/>
                  </a:lnTo>
                  <a:lnTo>
                    <a:pt x="11828" y="7398"/>
                  </a:lnTo>
                  <a:lnTo>
                    <a:pt x="11853" y="7424"/>
                  </a:lnTo>
                  <a:lnTo>
                    <a:pt x="11878" y="7449"/>
                  </a:lnTo>
                  <a:lnTo>
                    <a:pt x="11903" y="7475"/>
                  </a:lnTo>
                  <a:lnTo>
                    <a:pt x="11928" y="7501"/>
                  </a:lnTo>
                  <a:close/>
                </a:path>
              </a:pathLst>
            </a:custGeom>
            <a:grpFill/>
            <a:ln w="9525">
              <a:noFill/>
              <a:round/>
              <a:headEnd/>
              <a:tailEnd/>
            </a:ln>
          </p:spPr>
          <p:txBody>
            <a:bodyPr/>
            <a:lstStyle/>
            <a:p>
              <a:pPr algn="ctr" eaLnBrk="1" fontAlgn="auto" hangingPunct="1">
                <a:spcBef>
                  <a:spcPts val="0"/>
                </a:spcBef>
                <a:spcAft>
                  <a:spcPts val="0"/>
                </a:spcAft>
                <a:defRPr/>
              </a:pPr>
              <a:endParaRPr lang="zh-CN" altLang="en-US" sz="300" kern="0">
                <a:solidFill>
                  <a:schemeClr val="bg1"/>
                </a:solidFill>
                <a:latin typeface="微软雅黑" panose="020B0503020204020204" pitchFamily="34" charset="-122"/>
                <a:ea typeface="微软雅黑" panose="020B0503020204020204" pitchFamily="34" charset="-122"/>
              </a:endParaRPr>
            </a:p>
          </p:txBody>
        </p:sp>
      </p:grpSp>
      <p:pic>
        <p:nvPicPr>
          <p:cNvPr id="11" name="图片 11" descr="开放网络-蓝.png">
            <a:extLst>
              <a:ext uri="{FF2B5EF4-FFF2-40B4-BE49-F238E27FC236}">
                <a16:creationId xmlns:a16="http://schemas.microsoft.com/office/drawing/2014/main" xmlns="" id="{1FBFB350-E2B2-4F61-854F-98DF58246E30}"/>
              </a:ext>
            </a:extLst>
          </p:cNvPr>
          <p:cNvPicPr>
            <a:picLocks noChangeAspect="1"/>
          </p:cNvPicPr>
          <p:nvPr/>
        </p:nvPicPr>
        <p:blipFill>
          <a:blip r:embed="rId4" cstate="print"/>
          <a:stretch>
            <a:fillRect/>
          </a:stretch>
        </p:blipFill>
        <p:spPr>
          <a:xfrm>
            <a:off x="4716526" y="5498732"/>
            <a:ext cx="333091" cy="256408"/>
          </a:xfrm>
          <a:prstGeom prst="rect">
            <a:avLst/>
          </a:prstGeom>
        </p:spPr>
      </p:pic>
      <p:pic>
        <p:nvPicPr>
          <p:cNvPr id="12" name="图片 11" descr="开放网络-蓝.png">
            <a:extLst>
              <a:ext uri="{FF2B5EF4-FFF2-40B4-BE49-F238E27FC236}">
                <a16:creationId xmlns:a16="http://schemas.microsoft.com/office/drawing/2014/main" xmlns="" id="{859487DC-7EA9-458C-9E88-448A43269933}"/>
              </a:ext>
            </a:extLst>
          </p:cNvPr>
          <p:cNvPicPr>
            <a:picLocks noChangeAspect="1"/>
          </p:cNvPicPr>
          <p:nvPr/>
        </p:nvPicPr>
        <p:blipFill>
          <a:blip r:embed="rId4" cstate="print"/>
          <a:stretch>
            <a:fillRect/>
          </a:stretch>
        </p:blipFill>
        <p:spPr>
          <a:xfrm>
            <a:off x="3759230" y="5498732"/>
            <a:ext cx="333091" cy="256408"/>
          </a:xfrm>
          <a:prstGeom prst="rect">
            <a:avLst/>
          </a:prstGeom>
        </p:spPr>
      </p:pic>
      <p:pic>
        <p:nvPicPr>
          <p:cNvPr id="13" name="图片 11" descr="开放网络-蓝.png">
            <a:extLst>
              <a:ext uri="{FF2B5EF4-FFF2-40B4-BE49-F238E27FC236}">
                <a16:creationId xmlns:a16="http://schemas.microsoft.com/office/drawing/2014/main" xmlns="" id="{016744F1-A5C5-4FAE-B800-97ED88711F44}"/>
              </a:ext>
            </a:extLst>
          </p:cNvPr>
          <p:cNvPicPr>
            <a:picLocks noChangeAspect="1"/>
          </p:cNvPicPr>
          <p:nvPr/>
        </p:nvPicPr>
        <p:blipFill>
          <a:blip r:embed="rId4" cstate="print"/>
          <a:stretch>
            <a:fillRect/>
          </a:stretch>
        </p:blipFill>
        <p:spPr>
          <a:xfrm>
            <a:off x="891320" y="5498732"/>
            <a:ext cx="333091" cy="256408"/>
          </a:xfrm>
          <a:prstGeom prst="rect">
            <a:avLst/>
          </a:prstGeom>
        </p:spPr>
      </p:pic>
      <p:pic>
        <p:nvPicPr>
          <p:cNvPr id="14" name="图片 11" descr="开放网络-蓝.png">
            <a:extLst>
              <a:ext uri="{FF2B5EF4-FFF2-40B4-BE49-F238E27FC236}">
                <a16:creationId xmlns:a16="http://schemas.microsoft.com/office/drawing/2014/main" xmlns="" id="{525B1C52-5019-40A9-8955-494741F24EC4}"/>
              </a:ext>
            </a:extLst>
          </p:cNvPr>
          <p:cNvPicPr>
            <a:picLocks noChangeAspect="1"/>
          </p:cNvPicPr>
          <p:nvPr/>
        </p:nvPicPr>
        <p:blipFill>
          <a:blip r:embed="rId4" cstate="print"/>
          <a:stretch>
            <a:fillRect/>
          </a:stretch>
        </p:blipFill>
        <p:spPr>
          <a:xfrm>
            <a:off x="1817612" y="5498732"/>
            <a:ext cx="333091" cy="256408"/>
          </a:xfrm>
          <a:prstGeom prst="rect">
            <a:avLst/>
          </a:prstGeom>
        </p:spPr>
      </p:pic>
      <p:sp>
        <p:nvSpPr>
          <p:cNvPr id="15" name="Freeform 159">
            <a:extLst>
              <a:ext uri="{FF2B5EF4-FFF2-40B4-BE49-F238E27FC236}">
                <a16:creationId xmlns:a16="http://schemas.microsoft.com/office/drawing/2014/main" xmlns="" id="{49BB793D-6D5E-4281-A05B-B67F950A8C1C}"/>
              </a:ext>
            </a:extLst>
          </p:cNvPr>
          <p:cNvSpPr/>
          <p:nvPr/>
        </p:nvSpPr>
        <p:spPr>
          <a:xfrm flipH="1">
            <a:off x="2173951" y="1350279"/>
            <a:ext cx="997303" cy="521318"/>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solidFill>
            <a:schemeClr val="bg1"/>
          </a:solid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tIns="144000" rtlCol="0" anchor="ctr">
            <a:noAutofit/>
          </a:bodyPr>
          <a:lstStyle/>
          <a:p>
            <a:pPr algn="ctr"/>
            <a:r>
              <a:rPr lang="en-US" sz="1400">
                <a:solidFill>
                  <a:schemeClr val="bg1">
                    <a:lumMod val="50000"/>
                  </a:schemeClr>
                </a:solidFill>
              </a:rPr>
              <a:t>Internet</a:t>
            </a:r>
          </a:p>
        </p:txBody>
      </p:sp>
      <p:cxnSp>
        <p:nvCxnSpPr>
          <p:cNvPr id="16" name="直接连接符 15">
            <a:extLst>
              <a:ext uri="{FF2B5EF4-FFF2-40B4-BE49-F238E27FC236}">
                <a16:creationId xmlns:a16="http://schemas.microsoft.com/office/drawing/2014/main" xmlns="" id="{C9122A24-45FA-40F7-80DE-A6E9124A37C8}"/>
              </a:ext>
            </a:extLst>
          </p:cNvPr>
          <p:cNvCxnSpPr/>
          <p:nvPr/>
        </p:nvCxnSpPr>
        <p:spPr>
          <a:xfrm flipH="1">
            <a:off x="4057020" y="4985568"/>
            <a:ext cx="681694"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直接连接符 16">
            <a:extLst>
              <a:ext uri="{FF2B5EF4-FFF2-40B4-BE49-F238E27FC236}">
                <a16:creationId xmlns:a16="http://schemas.microsoft.com/office/drawing/2014/main" xmlns="" id="{5E314045-9741-4779-AACA-8C1EC366616B}"/>
              </a:ext>
            </a:extLst>
          </p:cNvPr>
          <p:cNvCxnSpPr/>
          <p:nvPr/>
        </p:nvCxnSpPr>
        <p:spPr>
          <a:xfrm>
            <a:off x="3925777" y="4293755"/>
            <a:ext cx="0" cy="1204976"/>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8" name="Group 165">
            <a:extLst>
              <a:ext uri="{FF2B5EF4-FFF2-40B4-BE49-F238E27FC236}">
                <a16:creationId xmlns:a16="http://schemas.microsoft.com/office/drawing/2014/main" xmlns="" id="{B3A947F7-2A98-4DEB-A097-8C059634B825}"/>
              </a:ext>
            </a:extLst>
          </p:cNvPr>
          <p:cNvGrpSpPr/>
          <p:nvPr/>
        </p:nvGrpSpPr>
        <p:grpSpPr>
          <a:xfrm rot="10800000">
            <a:off x="1495475" y="3378753"/>
            <a:ext cx="2358049" cy="863686"/>
            <a:chOff x="-1233037" y="914446"/>
            <a:chExt cx="1573823" cy="778776"/>
          </a:xfrm>
        </p:grpSpPr>
        <p:cxnSp>
          <p:nvCxnSpPr>
            <p:cNvPr id="19" name="Straight Connector 166">
              <a:extLst>
                <a:ext uri="{FF2B5EF4-FFF2-40B4-BE49-F238E27FC236}">
                  <a16:creationId xmlns:a16="http://schemas.microsoft.com/office/drawing/2014/main" xmlns="" id="{3DBC1652-D82D-41CD-BFF9-E9D3FDED885A}"/>
                </a:ext>
              </a:extLst>
            </p:cNvPr>
            <p:cNvCxnSpPr/>
            <p:nvPr/>
          </p:nvCxnSpPr>
          <p:spPr>
            <a:xfrm flipH="1" flipV="1">
              <a:off x="-1233037" y="914446"/>
              <a:ext cx="786912" cy="778776"/>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 name="Straight Connector 167">
              <a:extLst>
                <a:ext uri="{FF2B5EF4-FFF2-40B4-BE49-F238E27FC236}">
                  <a16:creationId xmlns:a16="http://schemas.microsoft.com/office/drawing/2014/main" xmlns="" id="{DBF2BEA4-4390-44EA-8F2A-584B7BD600CB}"/>
                </a:ext>
              </a:extLst>
            </p:cNvPr>
            <p:cNvCxnSpPr/>
            <p:nvPr/>
          </p:nvCxnSpPr>
          <p:spPr>
            <a:xfrm flipV="1">
              <a:off x="-446125" y="914446"/>
              <a:ext cx="786911" cy="778776"/>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pic>
        <p:nvPicPr>
          <p:cNvPr id="21" name="图片 105" descr="AP.png">
            <a:extLst>
              <a:ext uri="{FF2B5EF4-FFF2-40B4-BE49-F238E27FC236}">
                <a16:creationId xmlns:a16="http://schemas.microsoft.com/office/drawing/2014/main" xmlns="" id="{F82A9685-6118-4E18-A82E-82D22F57C779}"/>
              </a:ext>
            </a:extLst>
          </p:cNvPr>
          <p:cNvPicPr>
            <a:picLocks noChangeAspect="1"/>
          </p:cNvPicPr>
          <p:nvPr/>
        </p:nvPicPr>
        <p:blipFill>
          <a:blip r:embed="rId5" cstate="print"/>
          <a:stretch>
            <a:fillRect/>
          </a:stretch>
        </p:blipFill>
        <p:spPr>
          <a:xfrm>
            <a:off x="4699738" y="4839952"/>
            <a:ext cx="366667" cy="300001"/>
          </a:xfrm>
          <a:prstGeom prst="rect">
            <a:avLst/>
          </a:prstGeom>
        </p:spPr>
      </p:pic>
      <p:pic>
        <p:nvPicPr>
          <p:cNvPr id="22" name="图片 76" descr="接入交换机.png">
            <a:extLst>
              <a:ext uri="{FF2B5EF4-FFF2-40B4-BE49-F238E27FC236}">
                <a16:creationId xmlns:a16="http://schemas.microsoft.com/office/drawing/2014/main" xmlns="" id="{B5BD2E47-CEB4-43F0-9F51-E37A9369D104}"/>
              </a:ext>
            </a:extLst>
          </p:cNvPr>
          <p:cNvPicPr>
            <a:picLocks noChangeAspect="1"/>
          </p:cNvPicPr>
          <p:nvPr/>
        </p:nvPicPr>
        <p:blipFill>
          <a:blip r:embed="rId6" cstate="print"/>
          <a:stretch>
            <a:fillRect/>
          </a:stretch>
        </p:blipFill>
        <p:spPr>
          <a:xfrm>
            <a:off x="3742443" y="4858351"/>
            <a:ext cx="366667" cy="300001"/>
          </a:xfrm>
          <a:prstGeom prst="rect">
            <a:avLst/>
          </a:prstGeom>
        </p:spPr>
      </p:pic>
      <p:pic>
        <p:nvPicPr>
          <p:cNvPr id="23" name="图片 22" descr="汇聚交换机.png">
            <a:extLst>
              <a:ext uri="{FF2B5EF4-FFF2-40B4-BE49-F238E27FC236}">
                <a16:creationId xmlns:a16="http://schemas.microsoft.com/office/drawing/2014/main" xmlns="" id="{179DC2EB-5BC7-455A-8A80-367CD9DE5E67}"/>
              </a:ext>
            </a:extLst>
          </p:cNvPr>
          <p:cNvPicPr>
            <a:picLocks noChangeAspect="1"/>
          </p:cNvPicPr>
          <p:nvPr/>
        </p:nvPicPr>
        <p:blipFill>
          <a:blip r:embed="rId7" cstate="print"/>
          <a:stretch>
            <a:fillRect/>
          </a:stretch>
        </p:blipFill>
        <p:spPr>
          <a:xfrm>
            <a:off x="1371212" y="4166348"/>
            <a:ext cx="366667" cy="300001"/>
          </a:xfrm>
          <a:prstGeom prst="rect">
            <a:avLst/>
          </a:prstGeom>
        </p:spPr>
      </p:pic>
      <p:pic>
        <p:nvPicPr>
          <p:cNvPr id="24" name="图片 87" descr="汇聚交换机.png">
            <a:extLst>
              <a:ext uri="{FF2B5EF4-FFF2-40B4-BE49-F238E27FC236}">
                <a16:creationId xmlns:a16="http://schemas.microsoft.com/office/drawing/2014/main" xmlns="" id="{2079ED47-83DC-4F3D-BBAD-F76DE6436F65}"/>
              </a:ext>
            </a:extLst>
          </p:cNvPr>
          <p:cNvPicPr>
            <a:picLocks noChangeAspect="1"/>
          </p:cNvPicPr>
          <p:nvPr/>
        </p:nvPicPr>
        <p:blipFill>
          <a:blip r:embed="rId7" cstate="print"/>
          <a:stretch>
            <a:fillRect/>
          </a:stretch>
        </p:blipFill>
        <p:spPr>
          <a:xfrm>
            <a:off x="3746829" y="4166348"/>
            <a:ext cx="366667" cy="300001"/>
          </a:xfrm>
          <a:prstGeom prst="rect">
            <a:avLst/>
          </a:prstGeom>
        </p:spPr>
      </p:pic>
      <p:pic>
        <p:nvPicPr>
          <p:cNvPr id="25" name="图片 76" descr="接入交换机.png">
            <a:extLst>
              <a:ext uri="{FF2B5EF4-FFF2-40B4-BE49-F238E27FC236}">
                <a16:creationId xmlns:a16="http://schemas.microsoft.com/office/drawing/2014/main" xmlns="" id="{BF0385C7-CF07-462F-92E9-3EC69F28708B}"/>
              </a:ext>
            </a:extLst>
          </p:cNvPr>
          <p:cNvPicPr>
            <a:picLocks noChangeAspect="1"/>
          </p:cNvPicPr>
          <p:nvPr/>
        </p:nvPicPr>
        <p:blipFill>
          <a:blip r:embed="rId6" cstate="print"/>
          <a:stretch>
            <a:fillRect/>
          </a:stretch>
        </p:blipFill>
        <p:spPr>
          <a:xfrm>
            <a:off x="1367031" y="4868231"/>
            <a:ext cx="366667" cy="300001"/>
          </a:xfrm>
          <a:prstGeom prst="rect">
            <a:avLst/>
          </a:prstGeom>
        </p:spPr>
      </p:pic>
      <p:sp>
        <p:nvSpPr>
          <p:cNvPr id="26" name="文本框 25">
            <a:extLst>
              <a:ext uri="{FF2B5EF4-FFF2-40B4-BE49-F238E27FC236}">
                <a16:creationId xmlns:a16="http://schemas.microsoft.com/office/drawing/2014/main" xmlns="" id="{0AE51197-C25F-47AE-AA8C-9E0BCFF2DFA1}"/>
              </a:ext>
            </a:extLst>
          </p:cNvPr>
          <p:cNvSpPr txBox="1"/>
          <p:nvPr/>
        </p:nvSpPr>
        <p:spPr>
          <a:xfrm>
            <a:off x="2370276" y="3616271"/>
            <a:ext cx="604653" cy="246221"/>
          </a:xfrm>
          <a:prstGeom prst="rect">
            <a:avLst/>
          </a:prstGeom>
          <a:noFill/>
        </p:spPr>
        <p:txBody>
          <a:bodyPr wrap="none" rtlCol="0">
            <a:spAutoFit/>
          </a:bodyPr>
          <a:lstStyle/>
          <a:p>
            <a:pPr algn="ctr"/>
            <a:r>
              <a:rPr lang="en-US" altLang="zh-CN" sz="1000" b="1"/>
              <a:t>Border</a:t>
            </a:r>
          </a:p>
        </p:txBody>
      </p:sp>
      <p:pic>
        <p:nvPicPr>
          <p:cNvPr id="27" name="图片 86" descr="核心交换机.png">
            <a:extLst>
              <a:ext uri="{FF2B5EF4-FFF2-40B4-BE49-F238E27FC236}">
                <a16:creationId xmlns:a16="http://schemas.microsoft.com/office/drawing/2014/main" xmlns="" id="{E53D1803-9BCB-41BC-87BE-ECB00B2E156F}"/>
              </a:ext>
            </a:extLst>
          </p:cNvPr>
          <p:cNvPicPr>
            <a:picLocks noChangeAspect="1"/>
          </p:cNvPicPr>
          <p:nvPr/>
        </p:nvPicPr>
        <p:blipFill>
          <a:blip r:embed="rId8" cstate="print"/>
          <a:stretch>
            <a:fillRect/>
          </a:stretch>
        </p:blipFill>
        <p:spPr>
          <a:xfrm>
            <a:off x="2452668" y="3241184"/>
            <a:ext cx="443667" cy="363001"/>
          </a:xfrm>
          <a:prstGeom prst="rect">
            <a:avLst/>
          </a:prstGeom>
        </p:spPr>
      </p:pic>
      <p:sp>
        <p:nvSpPr>
          <p:cNvPr id="28" name="文本框 27">
            <a:extLst>
              <a:ext uri="{FF2B5EF4-FFF2-40B4-BE49-F238E27FC236}">
                <a16:creationId xmlns:a16="http://schemas.microsoft.com/office/drawing/2014/main" xmlns="" id="{C7BF4E14-30D5-47B3-A536-C5209D36311A}"/>
              </a:ext>
            </a:extLst>
          </p:cNvPr>
          <p:cNvSpPr txBox="1"/>
          <p:nvPr/>
        </p:nvSpPr>
        <p:spPr>
          <a:xfrm>
            <a:off x="4716526" y="4609382"/>
            <a:ext cx="362600" cy="246221"/>
          </a:xfrm>
          <a:prstGeom prst="rect">
            <a:avLst/>
          </a:prstGeom>
          <a:noFill/>
        </p:spPr>
        <p:txBody>
          <a:bodyPr wrap="none" rtlCol="0">
            <a:spAutoFit/>
          </a:bodyPr>
          <a:lstStyle/>
          <a:p>
            <a:pPr algn="r"/>
            <a:r>
              <a:rPr lang="en-US" altLang="zh-CN" sz="1000" b="1"/>
              <a:t>AP</a:t>
            </a:r>
          </a:p>
        </p:txBody>
      </p:sp>
      <p:sp>
        <p:nvSpPr>
          <p:cNvPr id="29" name="梯形 28">
            <a:extLst>
              <a:ext uri="{FF2B5EF4-FFF2-40B4-BE49-F238E27FC236}">
                <a16:creationId xmlns:a16="http://schemas.microsoft.com/office/drawing/2014/main" xmlns="" id="{8058FBDF-D0EA-4534-B785-3F1EC502EB63}"/>
              </a:ext>
            </a:extLst>
          </p:cNvPr>
          <p:cNvSpPr/>
          <p:nvPr/>
        </p:nvSpPr>
        <p:spPr>
          <a:xfrm>
            <a:off x="967740" y="3697158"/>
            <a:ext cx="4268893" cy="1724415"/>
          </a:xfrm>
          <a:prstGeom prst="trapezoid">
            <a:avLst>
              <a:gd name="adj" fmla="val 22961"/>
            </a:avLst>
          </a:prstGeom>
          <a:gradFill flip="none" rotWithShape="1">
            <a:gsLst>
              <a:gs pos="0">
                <a:schemeClr val="bg1">
                  <a:alpha val="0"/>
                </a:schemeClr>
              </a:gs>
              <a:gs pos="100000">
                <a:srgbClr val="92D050">
                  <a:alpha val="49000"/>
                </a:srgbClr>
              </a:gs>
            </a:gsLst>
            <a:lin ang="5400000" scaled="1"/>
            <a:tileRect/>
          </a:gradFill>
          <a:ln>
            <a:gradFill flip="none" rotWithShape="1">
              <a:gsLst>
                <a:gs pos="0">
                  <a:schemeClr val="accent1">
                    <a:lumMod val="5000"/>
                    <a:lumOff val="95000"/>
                    <a:alpha val="0"/>
                  </a:schemeClr>
                </a:gs>
                <a:gs pos="90000">
                  <a:srgbClr val="00B050"/>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endParaRPr>
          </a:p>
        </p:txBody>
      </p:sp>
      <p:sp>
        <p:nvSpPr>
          <p:cNvPr id="30" name="梯形 29">
            <a:extLst>
              <a:ext uri="{FF2B5EF4-FFF2-40B4-BE49-F238E27FC236}">
                <a16:creationId xmlns:a16="http://schemas.microsoft.com/office/drawing/2014/main" xmlns="" id="{E158AC1E-E691-4D2D-BFA3-6EA6F9E7C31E}"/>
              </a:ext>
            </a:extLst>
          </p:cNvPr>
          <p:cNvSpPr/>
          <p:nvPr/>
        </p:nvSpPr>
        <p:spPr>
          <a:xfrm>
            <a:off x="967740" y="3255608"/>
            <a:ext cx="3645065" cy="1630207"/>
          </a:xfrm>
          <a:prstGeom prst="trapezoid">
            <a:avLst>
              <a:gd name="adj" fmla="val 22961"/>
            </a:avLst>
          </a:prstGeom>
          <a:gradFill flip="none" rotWithShape="1">
            <a:gsLst>
              <a:gs pos="0">
                <a:schemeClr val="bg1">
                  <a:alpha val="4000"/>
                </a:schemeClr>
              </a:gs>
              <a:gs pos="100000">
                <a:schemeClr val="accent4">
                  <a:lumMod val="60000"/>
                  <a:lumOff val="40000"/>
                  <a:alpha val="70000"/>
                </a:schemeClr>
              </a:gs>
            </a:gsLst>
            <a:lin ang="5400000" scaled="1"/>
            <a:tileRect/>
          </a:gradFill>
          <a:ln>
            <a:gradFill flip="none" rotWithShape="1">
              <a:gsLst>
                <a:gs pos="0">
                  <a:schemeClr val="accent1">
                    <a:lumMod val="5000"/>
                    <a:lumOff val="95000"/>
                    <a:alpha val="0"/>
                  </a:schemeClr>
                </a:gs>
                <a:gs pos="82000">
                  <a:srgbClr val="F08500"/>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endParaRPr>
          </a:p>
        </p:txBody>
      </p:sp>
      <p:sp>
        <p:nvSpPr>
          <p:cNvPr id="31" name="梯形 30">
            <a:extLst>
              <a:ext uri="{FF2B5EF4-FFF2-40B4-BE49-F238E27FC236}">
                <a16:creationId xmlns:a16="http://schemas.microsoft.com/office/drawing/2014/main" xmlns="" id="{B98E2F93-EB06-45EA-8C92-BACE3F4668B9}"/>
              </a:ext>
            </a:extLst>
          </p:cNvPr>
          <p:cNvSpPr/>
          <p:nvPr/>
        </p:nvSpPr>
        <p:spPr>
          <a:xfrm>
            <a:off x="1030905" y="2701778"/>
            <a:ext cx="3483704" cy="1634931"/>
          </a:xfrm>
          <a:prstGeom prst="trapezoid">
            <a:avLst>
              <a:gd name="adj" fmla="val 22961"/>
            </a:avLst>
          </a:prstGeom>
          <a:gradFill flip="none" rotWithShape="1">
            <a:gsLst>
              <a:gs pos="0">
                <a:schemeClr val="bg1">
                  <a:alpha val="0"/>
                </a:schemeClr>
              </a:gs>
              <a:gs pos="100000">
                <a:srgbClr val="C00000">
                  <a:alpha val="21000"/>
                </a:srgbClr>
              </a:gs>
            </a:gsLst>
            <a:lin ang="5400000" scaled="1"/>
            <a:tileRect/>
          </a:gradFill>
          <a:ln>
            <a:gradFill flip="none" rotWithShape="1">
              <a:gsLst>
                <a:gs pos="0">
                  <a:schemeClr val="accent1">
                    <a:lumMod val="5000"/>
                    <a:lumOff val="95000"/>
                    <a:alpha val="0"/>
                  </a:schemeClr>
                </a:gs>
                <a:gs pos="90000">
                  <a:srgbClr val="C00000">
                    <a:alpha val="82000"/>
                  </a:srgbClr>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endParaRPr>
          </a:p>
        </p:txBody>
      </p:sp>
      <p:sp>
        <p:nvSpPr>
          <p:cNvPr id="32" name="文本框 31">
            <a:extLst>
              <a:ext uri="{FF2B5EF4-FFF2-40B4-BE49-F238E27FC236}">
                <a16:creationId xmlns:a16="http://schemas.microsoft.com/office/drawing/2014/main" xmlns="" id="{ABDE5EF4-1F9C-4F40-A251-A0D2D82004BA}"/>
              </a:ext>
            </a:extLst>
          </p:cNvPr>
          <p:cNvSpPr txBox="1"/>
          <p:nvPr/>
        </p:nvSpPr>
        <p:spPr>
          <a:xfrm>
            <a:off x="644560" y="5751781"/>
            <a:ext cx="902811" cy="523220"/>
          </a:xfrm>
          <a:prstGeom prst="rect">
            <a:avLst/>
          </a:prstGeom>
          <a:noFill/>
        </p:spPr>
        <p:txBody>
          <a:bodyPr wrap="none" rtlCol="0">
            <a:spAutoFit/>
          </a:bodyPr>
          <a:lstStyle/>
          <a:p>
            <a:pPr algn="ctr"/>
            <a:r>
              <a:rPr lang="en-US" altLang="zh-CN" sz="1400"/>
              <a:t>Host1</a:t>
            </a:r>
          </a:p>
          <a:p>
            <a:pPr algn="ctr"/>
            <a:r>
              <a:rPr lang="zh-CN" altLang="en-US" sz="1400">
                <a:solidFill>
                  <a:srgbClr val="00B050"/>
                </a:solidFill>
              </a:rPr>
              <a:t>销售员工</a:t>
            </a:r>
            <a:endParaRPr lang="en-US" altLang="zh-CN" sz="1400">
              <a:solidFill>
                <a:srgbClr val="00B050"/>
              </a:solidFill>
            </a:endParaRPr>
          </a:p>
        </p:txBody>
      </p:sp>
      <p:sp>
        <p:nvSpPr>
          <p:cNvPr id="33" name="文本框 32">
            <a:extLst>
              <a:ext uri="{FF2B5EF4-FFF2-40B4-BE49-F238E27FC236}">
                <a16:creationId xmlns:a16="http://schemas.microsoft.com/office/drawing/2014/main" xmlns="" id="{68C109AF-D003-4001-9EAA-7082A6C7AF01}"/>
              </a:ext>
            </a:extLst>
          </p:cNvPr>
          <p:cNvSpPr txBox="1"/>
          <p:nvPr/>
        </p:nvSpPr>
        <p:spPr>
          <a:xfrm>
            <a:off x="1570853" y="5751781"/>
            <a:ext cx="902811" cy="523220"/>
          </a:xfrm>
          <a:prstGeom prst="rect">
            <a:avLst/>
          </a:prstGeom>
          <a:noFill/>
        </p:spPr>
        <p:txBody>
          <a:bodyPr wrap="none" rtlCol="0">
            <a:spAutoFit/>
          </a:bodyPr>
          <a:lstStyle/>
          <a:p>
            <a:pPr algn="ctr"/>
            <a:r>
              <a:rPr lang="en-US" altLang="zh-CN" sz="1400"/>
              <a:t>Host2</a:t>
            </a:r>
          </a:p>
          <a:p>
            <a:pPr algn="ctr"/>
            <a:r>
              <a:rPr lang="zh-CN" altLang="en-US" sz="1400">
                <a:solidFill>
                  <a:srgbClr val="F08500"/>
                </a:solidFill>
              </a:rPr>
              <a:t>研发员工</a:t>
            </a:r>
            <a:endParaRPr lang="en-US" altLang="zh-CN" sz="1400">
              <a:solidFill>
                <a:srgbClr val="F08500"/>
              </a:solidFill>
            </a:endParaRPr>
          </a:p>
        </p:txBody>
      </p:sp>
      <p:sp>
        <p:nvSpPr>
          <p:cNvPr id="34" name="文本框 33">
            <a:extLst>
              <a:ext uri="{FF2B5EF4-FFF2-40B4-BE49-F238E27FC236}">
                <a16:creationId xmlns:a16="http://schemas.microsoft.com/office/drawing/2014/main" xmlns="" id="{5F474FF7-194B-481C-9F15-D920C682EF0B}"/>
              </a:ext>
            </a:extLst>
          </p:cNvPr>
          <p:cNvSpPr txBox="1"/>
          <p:nvPr/>
        </p:nvSpPr>
        <p:spPr>
          <a:xfrm>
            <a:off x="3555222" y="5751781"/>
            <a:ext cx="800220" cy="523220"/>
          </a:xfrm>
          <a:prstGeom prst="rect">
            <a:avLst/>
          </a:prstGeom>
          <a:noFill/>
        </p:spPr>
        <p:txBody>
          <a:bodyPr wrap="none" rtlCol="0">
            <a:spAutoFit/>
          </a:bodyPr>
          <a:lstStyle/>
          <a:p>
            <a:pPr algn="ctr"/>
            <a:r>
              <a:rPr lang="en-US" altLang="zh-CN" sz="1400"/>
              <a:t>Host3</a:t>
            </a:r>
          </a:p>
          <a:p>
            <a:pPr algn="ctr"/>
            <a:r>
              <a:rPr lang="en-US" altLang="zh-CN" sz="1400">
                <a:solidFill>
                  <a:srgbClr val="C00000"/>
                </a:solidFill>
              </a:rPr>
              <a:t>IoT</a:t>
            </a:r>
            <a:r>
              <a:rPr lang="zh-CN" altLang="en-US" sz="1400">
                <a:solidFill>
                  <a:srgbClr val="C00000"/>
                </a:solidFill>
              </a:rPr>
              <a:t>设备</a:t>
            </a:r>
            <a:endParaRPr lang="en-US" altLang="zh-CN" sz="1400">
              <a:solidFill>
                <a:srgbClr val="C00000"/>
              </a:solidFill>
            </a:endParaRPr>
          </a:p>
        </p:txBody>
      </p:sp>
      <p:sp>
        <p:nvSpPr>
          <p:cNvPr id="35" name="文本框 34">
            <a:extLst>
              <a:ext uri="{FF2B5EF4-FFF2-40B4-BE49-F238E27FC236}">
                <a16:creationId xmlns:a16="http://schemas.microsoft.com/office/drawing/2014/main" xmlns="" id="{F0D1AD75-421B-4ECB-BFFF-8DD81FE9D72B}"/>
              </a:ext>
            </a:extLst>
          </p:cNvPr>
          <p:cNvSpPr txBox="1"/>
          <p:nvPr/>
        </p:nvSpPr>
        <p:spPr>
          <a:xfrm>
            <a:off x="4587588" y="5751781"/>
            <a:ext cx="667170" cy="523220"/>
          </a:xfrm>
          <a:prstGeom prst="rect">
            <a:avLst/>
          </a:prstGeom>
          <a:noFill/>
        </p:spPr>
        <p:txBody>
          <a:bodyPr wrap="none" rtlCol="0">
            <a:spAutoFit/>
          </a:bodyPr>
          <a:lstStyle/>
          <a:p>
            <a:pPr algn="ctr"/>
            <a:r>
              <a:rPr lang="en-US" altLang="zh-CN" sz="1400"/>
              <a:t>Host4</a:t>
            </a:r>
          </a:p>
          <a:p>
            <a:pPr algn="ctr"/>
            <a:r>
              <a:rPr lang="zh-CN" altLang="en-US" sz="1400">
                <a:solidFill>
                  <a:srgbClr val="00B050"/>
                </a:solidFill>
              </a:rPr>
              <a:t>访客</a:t>
            </a:r>
            <a:endParaRPr lang="en-US" altLang="zh-CN" sz="1400">
              <a:solidFill>
                <a:srgbClr val="00B050"/>
              </a:solidFill>
            </a:endParaRPr>
          </a:p>
        </p:txBody>
      </p:sp>
      <p:sp>
        <p:nvSpPr>
          <p:cNvPr id="36" name="文本框 35">
            <a:extLst>
              <a:ext uri="{FF2B5EF4-FFF2-40B4-BE49-F238E27FC236}">
                <a16:creationId xmlns:a16="http://schemas.microsoft.com/office/drawing/2014/main" xmlns="" id="{8BA666A5-57D4-4600-8DAA-802AB9A949F8}"/>
              </a:ext>
            </a:extLst>
          </p:cNvPr>
          <p:cNvSpPr txBox="1"/>
          <p:nvPr/>
        </p:nvSpPr>
        <p:spPr>
          <a:xfrm>
            <a:off x="2431459" y="5153951"/>
            <a:ext cx="646331" cy="276999"/>
          </a:xfrm>
          <a:prstGeom prst="rect">
            <a:avLst/>
          </a:prstGeom>
          <a:noFill/>
        </p:spPr>
        <p:txBody>
          <a:bodyPr wrap="none" rtlCol="0">
            <a:spAutoFit/>
          </a:bodyPr>
          <a:lstStyle/>
          <a:p>
            <a:pPr algn="ctr"/>
            <a:r>
              <a:rPr lang="zh-CN" altLang="en-US" sz="1200" b="1">
                <a:solidFill>
                  <a:schemeClr val="accent6">
                    <a:lumMod val="75000"/>
                  </a:schemeClr>
                </a:solidFill>
              </a:rPr>
              <a:t>办公网</a:t>
            </a:r>
            <a:endParaRPr lang="en-US" altLang="zh-CN" sz="1200" b="1">
              <a:solidFill>
                <a:schemeClr val="accent6">
                  <a:lumMod val="75000"/>
                </a:schemeClr>
              </a:solidFill>
            </a:endParaRPr>
          </a:p>
        </p:txBody>
      </p:sp>
      <p:sp>
        <p:nvSpPr>
          <p:cNvPr id="37" name="文本框 36">
            <a:extLst>
              <a:ext uri="{FF2B5EF4-FFF2-40B4-BE49-F238E27FC236}">
                <a16:creationId xmlns:a16="http://schemas.microsoft.com/office/drawing/2014/main" xmlns="" id="{47F918CE-C634-4FBB-BD0C-29C7DB2EC52D}"/>
              </a:ext>
            </a:extLst>
          </p:cNvPr>
          <p:cNvSpPr txBox="1"/>
          <p:nvPr/>
        </p:nvSpPr>
        <p:spPr>
          <a:xfrm>
            <a:off x="2431459" y="4623445"/>
            <a:ext cx="646331" cy="276999"/>
          </a:xfrm>
          <a:prstGeom prst="rect">
            <a:avLst/>
          </a:prstGeom>
          <a:noFill/>
        </p:spPr>
        <p:txBody>
          <a:bodyPr wrap="none" rtlCol="0">
            <a:spAutoFit/>
          </a:bodyPr>
          <a:lstStyle/>
          <a:p>
            <a:pPr algn="ctr"/>
            <a:r>
              <a:rPr lang="zh-CN" altLang="en-US" sz="1200" b="1">
                <a:solidFill>
                  <a:srgbClr val="F08500"/>
                </a:solidFill>
              </a:rPr>
              <a:t>研发网</a:t>
            </a:r>
            <a:endParaRPr lang="en-US" altLang="zh-CN" sz="1200" b="1">
              <a:solidFill>
                <a:srgbClr val="F08500"/>
              </a:solidFill>
            </a:endParaRPr>
          </a:p>
        </p:txBody>
      </p:sp>
      <p:sp>
        <p:nvSpPr>
          <p:cNvPr id="38" name="文本框 37">
            <a:extLst>
              <a:ext uri="{FF2B5EF4-FFF2-40B4-BE49-F238E27FC236}">
                <a16:creationId xmlns:a16="http://schemas.microsoft.com/office/drawing/2014/main" xmlns="" id="{4AF6CD29-D171-4B1D-AEF8-827E12EFC0C5}"/>
              </a:ext>
            </a:extLst>
          </p:cNvPr>
          <p:cNvSpPr txBox="1"/>
          <p:nvPr/>
        </p:nvSpPr>
        <p:spPr>
          <a:xfrm>
            <a:off x="2090233" y="4071796"/>
            <a:ext cx="1186543" cy="276999"/>
          </a:xfrm>
          <a:prstGeom prst="rect">
            <a:avLst/>
          </a:prstGeom>
          <a:noFill/>
        </p:spPr>
        <p:txBody>
          <a:bodyPr wrap="none" rtlCol="0">
            <a:spAutoFit/>
          </a:bodyPr>
          <a:lstStyle/>
          <a:p>
            <a:pPr algn="ctr"/>
            <a:r>
              <a:rPr lang="zh-CN" altLang="en-US" sz="1200" b="1">
                <a:solidFill>
                  <a:srgbClr val="C00000"/>
                </a:solidFill>
              </a:rPr>
              <a:t>物联网（</a:t>
            </a:r>
            <a:r>
              <a:rPr lang="en-US" altLang="zh-CN" sz="1200" b="1">
                <a:solidFill>
                  <a:srgbClr val="C00000"/>
                </a:solidFill>
              </a:rPr>
              <a:t>IoT</a:t>
            </a:r>
            <a:r>
              <a:rPr lang="zh-CN" altLang="en-US" sz="1200" b="1">
                <a:solidFill>
                  <a:srgbClr val="C00000"/>
                </a:solidFill>
              </a:rPr>
              <a:t>）</a:t>
            </a:r>
            <a:endParaRPr lang="en-US" altLang="zh-CN" sz="1200" b="1">
              <a:solidFill>
                <a:srgbClr val="C00000"/>
              </a:solidFill>
            </a:endParaRPr>
          </a:p>
        </p:txBody>
      </p:sp>
      <p:sp>
        <p:nvSpPr>
          <p:cNvPr id="39" name="矩形 38">
            <a:extLst>
              <a:ext uri="{FF2B5EF4-FFF2-40B4-BE49-F238E27FC236}">
                <a16:creationId xmlns:a16="http://schemas.microsoft.com/office/drawing/2014/main" xmlns="" id="{544658CE-A79A-4BA8-947E-B5842CEC8C10}"/>
              </a:ext>
            </a:extLst>
          </p:cNvPr>
          <p:cNvSpPr/>
          <p:nvPr/>
        </p:nvSpPr>
        <p:spPr>
          <a:xfrm>
            <a:off x="6020333" y="2152298"/>
            <a:ext cx="5510185" cy="2913618"/>
          </a:xfrm>
          <a:prstGeom prst="rect">
            <a:avLst/>
          </a:prstGeom>
          <a:solidFill>
            <a:srgbClr val="F4FBFE"/>
          </a:solidFill>
          <a:ln>
            <a:solidFill>
              <a:srgbClr val="00B0F0"/>
            </a:solidFill>
          </a:ln>
        </p:spPr>
        <p:txBody>
          <a:bodyPr wrap="square">
            <a:spAutoFit/>
          </a:bodyPr>
          <a:lstStyle/>
          <a:p>
            <a:pPr marL="179388" indent="-179388" algn="just" fontAlgn="ctr">
              <a:lnSpc>
                <a:spcPts val="2600"/>
              </a:lnSpc>
              <a:spcAft>
                <a:spcPts val="600"/>
              </a:spcAft>
              <a:buFont typeface="Arial" panose="020B0604020202020204" pitchFamily="34" charset="0"/>
              <a:buChar char="•"/>
            </a:pPr>
            <a:r>
              <a:rPr lang="zh-CN" altLang="en-US" sz="1600"/>
              <a:t>通过引入虚拟化技术，在园区网络中，基于一张物理网络创建多张虚拟网络（</a:t>
            </a:r>
            <a:r>
              <a:rPr lang="en-US" altLang="zh-CN" sz="1600"/>
              <a:t>VN</a:t>
            </a:r>
            <a:r>
              <a:rPr lang="zh-CN" altLang="en-US" sz="1600"/>
              <a:t>，</a:t>
            </a:r>
            <a:r>
              <a:rPr lang="en-US" altLang="zh-CN" sz="1600"/>
              <a:t>Virtual Network</a:t>
            </a:r>
            <a:r>
              <a:rPr lang="zh-CN" altLang="en-US" sz="1600"/>
              <a:t>）。不同的虚拟网络应用于不同的业务，例如办公、研发或物联网等。</a:t>
            </a:r>
          </a:p>
          <a:p>
            <a:pPr marL="179388" indent="-179388" algn="just" fontAlgn="ctr">
              <a:lnSpc>
                <a:spcPts val="2600"/>
              </a:lnSpc>
              <a:spcAft>
                <a:spcPts val="600"/>
              </a:spcAft>
              <a:buFont typeface="Arial" panose="020B0604020202020204" pitchFamily="34" charset="0"/>
              <a:buChar char="•"/>
            </a:pPr>
            <a:r>
              <a:rPr lang="zh-CN" altLang="en-US" sz="1600"/>
              <a:t>通过</a:t>
            </a:r>
            <a:r>
              <a:rPr lang="en-US" altLang="zh-CN" sz="1600"/>
              <a:t>iMaster NCE</a:t>
            </a:r>
            <a:r>
              <a:rPr lang="zh-CN" altLang="en-US" sz="1600"/>
              <a:t>实现全网设备集中管理，管理员通过图形化界面实现网络配置。</a:t>
            </a:r>
          </a:p>
          <a:p>
            <a:pPr marL="179388" indent="-179388" algn="just" fontAlgn="ctr">
              <a:lnSpc>
                <a:spcPts val="2600"/>
              </a:lnSpc>
              <a:spcAft>
                <a:spcPts val="600"/>
              </a:spcAft>
              <a:buFont typeface="Arial" panose="020B0604020202020204" pitchFamily="34" charset="0"/>
              <a:buChar char="•"/>
            </a:pPr>
            <a:r>
              <a:rPr lang="en-US" altLang="zh-CN" sz="1600"/>
              <a:t>iMaster NCE</a:t>
            </a:r>
            <a:r>
              <a:rPr lang="zh-CN" altLang="en-US" sz="1600"/>
              <a:t>将管理员的网络业务配置意图“翻译”成设备命令，通过</a:t>
            </a:r>
            <a:r>
              <a:rPr lang="en-US" altLang="zh-CN" sz="1600"/>
              <a:t>NETCONF</a:t>
            </a:r>
            <a:r>
              <a:rPr lang="zh-CN" altLang="en-US" sz="1600"/>
              <a:t>协议将配置下发到各台设备，实现网络的自动驾驶。</a:t>
            </a:r>
          </a:p>
        </p:txBody>
      </p:sp>
      <p:pic>
        <p:nvPicPr>
          <p:cNvPr id="41" name="图片 40">
            <a:extLst>
              <a:ext uri="{FF2B5EF4-FFF2-40B4-BE49-F238E27FC236}">
                <a16:creationId xmlns:a16="http://schemas.microsoft.com/office/drawing/2014/main" xmlns="" id="{734380E3-AFDC-455F-8131-99DA29A195C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993488" y="2613853"/>
            <a:ext cx="2231244" cy="411501"/>
          </a:xfrm>
          <a:prstGeom prst="rect">
            <a:avLst/>
          </a:prstGeom>
        </p:spPr>
      </p:pic>
      <p:sp>
        <p:nvSpPr>
          <p:cNvPr id="42" name="燕尾形 25">
            <a:extLst>
              <a:ext uri="{FF2B5EF4-FFF2-40B4-BE49-F238E27FC236}">
                <a16:creationId xmlns:a16="http://schemas.microsoft.com/office/drawing/2014/main" xmlns="" id="{38F57CBE-0FD8-45A1-B6EE-A731C79F8255}"/>
              </a:ext>
            </a:extLst>
          </p:cNvPr>
          <p:cNvSpPr/>
          <p:nvPr/>
        </p:nvSpPr>
        <p:spPr bwMode="auto">
          <a:xfrm>
            <a:off x="10187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数据中心</a:t>
            </a:r>
            <a:endParaRPr lang="en-US" altLang="zh-CN" sz="1200" kern="0"/>
          </a:p>
        </p:txBody>
      </p:sp>
      <p:sp>
        <p:nvSpPr>
          <p:cNvPr id="43" name="燕尾形 26">
            <a:extLst>
              <a:ext uri="{FF2B5EF4-FFF2-40B4-BE49-F238E27FC236}">
                <a16:creationId xmlns:a16="http://schemas.microsoft.com/office/drawing/2014/main" xmlns="" id="{1828FE78-33DB-45EA-82FC-4B0F9234E886}"/>
              </a:ext>
            </a:extLst>
          </p:cNvPr>
          <p:cNvSpPr/>
          <p:nvPr/>
        </p:nvSpPr>
        <p:spPr bwMode="auto">
          <a:xfrm>
            <a:off x="10996392"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企业园区</a:t>
            </a:r>
            <a:endParaRPr lang="en-US" altLang="zh-CN" sz="1200" b="1" kern="0">
              <a:solidFill>
                <a:srgbClr val="FFFFFF"/>
              </a:solidFill>
            </a:endParaRPr>
          </a:p>
        </p:txBody>
      </p:sp>
    </p:spTree>
    <p:extLst>
      <p:ext uri="{BB962C8B-B14F-4D97-AF65-F5344CB8AC3E}">
        <p14:creationId xmlns:p14="http://schemas.microsoft.com/office/powerpoint/2010/main" val="139105418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Freeform 159"/>
          <p:cNvSpPr/>
          <p:nvPr/>
        </p:nvSpPr>
        <p:spPr>
          <a:xfrm flipH="1">
            <a:off x="794268" y="2693936"/>
            <a:ext cx="6336264" cy="3687814"/>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solidFill>
            <a:schemeClr val="bg1">
              <a:lumMod val="95000"/>
            </a:schemeClr>
          </a:solidFill>
          <a:ln w="28575">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41" name="圆角矩形 40"/>
          <p:cNvSpPr/>
          <p:nvPr/>
        </p:nvSpPr>
        <p:spPr>
          <a:xfrm>
            <a:off x="1016001" y="2052360"/>
            <a:ext cx="5892800" cy="1558883"/>
          </a:xfrm>
          <a:prstGeom prst="roundRect">
            <a:avLst>
              <a:gd name="adj" fmla="val 7334"/>
            </a:avLst>
          </a:prstGeom>
          <a:solidFill>
            <a:schemeClr val="bg1"/>
          </a:solidFill>
          <a:ln w="38100">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9" name="Freeform 159"/>
          <p:cNvSpPr/>
          <p:nvPr/>
        </p:nvSpPr>
        <p:spPr>
          <a:xfrm flipH="1">
            <a:off x="3335867" y="4380454"/>
            <a:ext cx="1253066" cy="729306"/>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solidFill>
            <a:srgbClr val="00B0F0"/>
          </a:solidFill>
          <a:ln w="28575">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2" name="标题 1"/>
          <p:cNvSpPr>
            <a:spLocks noGrp="1"/>
          </p:cNvSpPr>
          <p:nvPr>
            <p:ph type="title"/>
          </p:nvPr>
        </p:nvSpPr>
        <p:spPr/>
        <p:txBody>
          <a:bodyPr/>
          <a:lstStyle/>
          <a:p>
            <a:r>
              <a:rPr lang="zh-CN" altLang="en-US"/>
              <a:t>关键特性：业务随行，基于安全组的策略管理</a:t>
            </a:r>
          </a:p>
        </p:txBody>
      </p:sp>
      <p:sp>
        <p:nvSpPr>
          <p:cNvPr id="4" name="文本框 3"/>
          <p:cNvSpPr txBox="1"/>
          <p:nvPr/>
        </p:nvSpPr>
        <p:spPr>
          <a:xfrm>
            <a:off x="3459698" y="4619860"/>
            <a:ext cx="1005404" cy="338554"/>
          </a:xfrm>
          <a:prstGeom prst="rect">
            <a:avLst/>
          </a:prstGeom>
          <a:noFill/>
        </p:spPr>
        <p:txBody>
          <a:bodyPr wrap="none" rtlCol="0">
            <a:spAutoFit/>
          </a:bodyPr>
          <a:lstStyle/>
          <a:p>
            <a:pPr algn="ctr"/>
            <a:r>
              <a:rPr lang="zh-CN" altLang="en-US" sz="1600">
                <a:solidFill>
                  <a:schemeClr val="bg1"/>
                </a:solidFill>
              </a:rPr>
              <a:t>园区网络</a:t>
            </a:r>
          </a:p>
        </p:txBody>
      </p:sp>
      <p:sp>
        <p:nvSpPr>
          <p:cNvPr id="6" name="矩形 5"/>
          <p:cNvSpPr/>
          <p:nvPr/>
        </p:nvSpPr>
        <p:spPr>
          <a:xfrm>
            <a:off x="446088" y="1392865"/>
            <a:ext cx="11441112" cy="369332"/>
          </a:xfrm>
          <a:prstGeom prst="rect">
            <a:avLst/>
          </a:prstGeom>
        </p:spPr>
        <p:txBody>
          <a:bodyPr wrap="square">
            <a:spAutoFit/>
          </a:bodyPr>
          <a:lstStyle/>
          <a:p>
            <a:pPr marL="285750" indent="-285750">
              <a:spcAft>
                <a:spcPts val="600"/>
              </a:spcAft>
              <a:buFont typeface="Arial" panose="020B0604020202020204" pitchFamily="34" charset="0"/>
              <a:buChar char="•"/>
            </a:pPr>
            <a:r>
              <a:rPr lang="zh-CN" altLang="en-US"/>
              <a:t>业务随行：不管用户身处何地，使用哪个</a:t>
            </a:r>
            <a:r>
              <a:rPr lang="en-US" altLang="zh-CN"/>
              <a:t>IP</a:t>
            </a:r>
            <a:r>
              <a:rPr lang="zh-CN" altLang="en-US"/>
              <a:t>地址，都保证该用户拥有相同的网络权限和一致的用户策略。</a:t>
            </a:r>
            <a:endParaRPr lang="en-US" altLang="zh-CN"/>
          </a:p>
        </p:txBody>
      </p:sp>
      <p:grpSp>
        <p:nvGrpSpPr>
          <p:cNvPr id="9" name="组合 362"/>
          <p:cNvGrpSpPr>
            <a:grpSpLocks noChangeAspect="1"/>
          </p:cNvGrpSpPr>
          <p:nvPr/>
        </p:nvGrpSpPr>
        <p:grpSpPr bwMode="auto">
          <a:xfrm>
            <a:off x="1445998" y="2229544"/>
            <a:ext cx="416479" cy="416479"/>
            <a:chOff x="373063" y="2114551"/>
            <a:chExt cx="1114425" cy="1116013"/>
          </a:xfrm>
        </p:grpSpPr>
        <p:sp>
          <p:nvSpPr>
            <p:cNvPr id="10"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grpSp>
          <p:nvGrpSpPr>
            <p:cNvPr id="11" name="组合 341"/>
            <p:cNvGrpSpPr>
              <a:grpSpLocks/>
            </p:cNvGrpSpPr>
            <p:nvPr/>
          </p:nvGrpSpPr>
          <p:grpSpPr bwMode="auto">
            <a:xfrm>
              <a:off x="649288" y="2289176"/>
              <a:ext cx="561975" cy="769938"/>
              <a:chOff x="649288" y="2289176"/>
              <a:chExt cx="561975" cy="769938"/>
            </a:xfrm>
          </p:grpSpPr>
          <p:sp>
            <p:nvSpPr>
              <p:cNvPr id="12"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13"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14"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15"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16"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17"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grpSp>
      </p:grpSp>
      <p:grpSp>
        <p:nvGrpSpPr>
          <p:cNvPr id="18" name="组合 362"/>
          <p:cNvGrpSpPr>
            <a:grpSpLocks noChangeAspect="1"/>
          </p:cNvGrpSpPr>
          <p:nvPr/>
        </p:nvGrpSpPr>
        <p:grpSpPr bwMode="auto">
          <a:xfrm>
            <a:off x="3386164" y="2229544"/>
            <a:ext cx="416479" cy="416479"/>
            <a:chOff x="373063" y="2114551"/>
            <a:chExt cx="1114425" cy="1116013"/>
          </a:xfrm>
        </p:grpSpPr>
        <p:sp>
          <p:nvSpPr>
            <p:cNvPr id="19"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grpSp>
          <p:nvGrpSpPr>
            <p:cNvPr id="20" name="组合 341"/>
            <p:cNvGrpSpPr>
              <a:grpSpLocks/>
            </p:cNvGrpSpPr>
            <p:nvPr/>
          </p:nvGrpSpPr>
          <p:grpSpPr bwMode="auto">
            <a:xfrm>
              <a:off x="649288" y="2289176"/>
              <a:ext cx="561975" cy="769938"/>
              <a:chOff x="649288" y="2289176"/>
              <a:chExt cx="561975" cy="769938"/>
            </a:xfrm>
          </p:grpSpPr>
          <p:sp>
            <p:nvSpPr>
              <p:cNvPr id="21"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22"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23"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24"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25"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26"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grpSp>
      </p:grpSp>
      <p:grpSp>
        <p:nvGrpSpPr>
          <p:cNvPr id="27" name="组合 362"/>
          <p:cNvGrpSpPr>
            <a:grpSpLocks noChangeAspect="1"/>
          </p:cNvGrpSpPr>
          <p:nvPr/>
        </p:nvGrpSpPr>
        <p:grpSpPr bwMode="auto">
          <a:xfrm>
            <a:off x="5132425" y="2229544"/>
            <a:ext cx="416479" cy="416479"/>
            <a:chOff x="373063" y="2114551"/>
            <a:chExt cx="1114425" cy="1116013"/>
          </a:xfrm>
        </p:grpSpPr>
        <p:sp>
          <p:nvSpPr>
            <p:cNvPr id="28"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grpSp>
          <p:nvGrpSpPr>
            <p:cNvPr id="29" name="组合 341"/>
            <p:cNvGrpSpPr>
              <a:grpSpLocks/>
            </p:cNvGrpSpPr>
            <p:nvPr/>
          </p:nvGrpSpPr>
          <p:grpSpPr bwMode="auto">
            <a:xfrm>
              <a:off x="649288" y="2289176"/>
              <a:ext cx="561975" cy="769938"/>
              <a:chOff x="649288" y="2289176"/>
              <a:chExt cx="561975" cy="769938"/>
            </a:xfrm>
          </p:grpSpPr>
          <p:sp>
            <p:nvSpPr>
              <p:cNvPr id="30"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31"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32"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33"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34"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sp>
            <p:nvSpPr>
              <p:cNvPr id="35"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sz="2000"/>
              </a:p>
            </p:txBody>
          </p:sp>
        </p:grpSp>
      </p:grpSp>
      <p:sp>
        <p:nvSpPr>
          <p:cNvPr id="36" name="文本框 35"/>
          <p:cNvSpPr txBox="1"/>
          <p:nvPr/>
        </p:nvSpPr>
        <p:spPr>
          <a:xfrm>
            <a:off x="1819120" y="2194028"/>
            <a:ext cx="1005403" cy="584775"/>
          </a:xfrm>
          <a:prstGeom prst="rect">
            <a:avLst/>
          </a:prstGeom>
          <a:noFill/>
        </p:spPr>
        <p:txBody>
          <a:bodyPr wrap="none" rtlCol="0">
            <a:spAutoFit/>
          </a:bodyPr>
          <a:lstStyle/>
          <a:p>
            <a:r>
              <a:rPr lang="zh-CN" altLang="en-US" sz="1600">
                <a:solidFill>
                  <a:srgbClr val="0070C0"/>
                </a:solidFill>
              </a:rPr>
              <a:t>销售用户</a:t>
            </a:r>
            <a:endParaRPr lang="en-US" altLang="zh-CN" sz="1600">
              <a:solidFill>
                <a:srgbClr val="0070C0"/>
              </a:solidFill>
            </a:endParaRPr>
          </a:p>
          <a:p>
            <a:r>
              <a:rPr lang="zh-CN" altLang="en-US" sz="1600">
                <a:solidFill>
                  <a:srgbClr val="0070C0"/>
                </a:solidFill>
              </a:rPr>
              <a:t>安全组</a:t>
            </a:r>
          </a:p>
        </p:txBody>
      </p:sp>
      <p:sp>
        <p:nvSpPr>
          <p:cNvPr id="37" name="文本框 36"/>
          <p:cNvSpPr txBox="1"/>
          <p:nvPr/>
        </p:nvSpPr>
        <p:spPr>
          <a:xfrm>
            <a:off x="3763376" y="2194028"/>
            <a:ext cx="1005403" cy="584775"/>
          </a:xfrm>
          <a:prstGeom prst="rect">
            <a:avLst/>
          </a:prstGeom>
          <a:noFill/>
        </p:spPr>
        <p:txBody>
          <a:bodyPr wrap="none" rtlCol="0">
            <a:spAutoFit/>
          </a:bodyPr>
          <a:lstStyle/>
          <a:p>
            <a:r>
              <a:rPr lang="zh-CN" altLang="en-US" sz="1600">
                <a:solidFill>
                  <a:srgbClr val="0070C0"/>
                </a:solidFill>
              </a:rPr>
              <a:t>研发用户</a:t>
            </a:r>
            <a:endParaRPr lang="en-US" altLang="zh-CN" sz="1600">
              <a:solidFill>
                <a:srgbClr val="0070C0"/>
              </a:solidFill>
            </a:endParaRPr>
          </a:p>
          <a:p>
            <a:r>
              <a:rPr lang="zh-CN" altLang="en-US" sz="1600">
                <a:solidFill>
                  <a:srgbClr val="0070C0"/>
                </a:solidFill>
              </a:rPr>
              <a:t>安全组</a:t>
            </a:r>
          </a:p>
        </p:txBody>
      </p:sp>
      <p:sp>
        <p:nvSpPr>
          <p:cNvPr id="38" name="文本框 37"/>
          <p:cNvSpPr txBox="1"/>
          <p:nvPr/>
        </p:nvSpPr>
        <p:spPr>
          <a:xfrm>
            <a:off x="5536524" y="2194028"/>
            <a:ext cx="1210588" cy="584775"/>
          </a:xfrm>
          <a:prstGeom prst="rect">
            <a:avLst/>
          </a:prstGeom>
          <a:noFill/>
        </p:spPr>
        <p:txBody>
          <a:bodyPr wrap="none" rtlCol="0">
            <a:spAutoFit/>
          </a:bodyPr>
          <a:lstStyle/>
          <a:p>
            <a:r>
              <a:rPr lang="zh-CN" altLang="en-US" sz="1600">
                <a:solidFill>
                  <a:srgbClr val="0070C0"/>
                </a:solidFill>
              </a:rPr>
              <a:t>服务器资源</a:t>
            </a:r>
            <a:endParaRPr lang="en-US" altLang="zh-CN" sz="1600">
              <a:solidFill>
                <a:srgbClr val="0070C0"/>
              </a:solidFill>
            </a:endParaRPr>
          </a:p>
          <a:p>
            <a:r>
              <a:rPr lang="zh-CN" altLang="en-US" sz="1600">
                <a:solidFill>
                  <a:srgbClr val="0070C0"/>
                </a:solidFill>
              </a:rPr>
              <a:t>安全组</a:t>
            </a:r>
          </a:p>
        </p:txBody>
      </p:sp>
      <p:cxnSp>
        <p:nvCxnSpPr>
          <p:cNvPr id="43" name="直接连接符 42"/>
          <p:cNvCxnSpPr>
            <a:stCxn id="41" idx="1"/>
            <a:endCxn id="41" idx="3"/>
          </p:cNvCxnSpPr>
          <p:nvPr/>
        </p:nvCxnSpPr>
        <p:spPr>
          <a:xfrm>
            <a:off x="1016001" y="2831802"/>
            <a:ext cx="5892800" cy="0"/>
          </a:xfrm>
          <a:prstGeom prst="line">
            <a:avLst/>
          </a:prstGeom>
          <a:ln>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grpSp>
        <p:nvGrpSpPr>
          <p:cNvPr id="63" name="组合 362"/>
          <p:cNvGrpSpPr>
            <a:grpSpLocks noChangeAspect="1"/>
          </p:cNvGrpSpPr>
          <p:nvPr/>
        </p:nvGrpSpPr>
        <p:grpSpPr bwMode="auto">
          <a:xfrm>
            <a:off x="2205608" y="5892800"/>
            <a:ext cx="416479" cy="416479"/>
            <a:chOff x="373063" y="2114551"/>
            <a:chExt cx="1114425" cy="1116013"/>
          </a:xfrm>
        </p:grpSpPr>
        <p:sp>
          <p:nvSpPr>
            <p:cNvPr id="64"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grpSp>
          <p:nvGrpSpPr>
            <p:cNvPr id="65" name="组合 341"/>
            <p:cNvGrpSpPr>
              <a:grpSpLocks/>
            </p:cNvGrpSpPr>
            <p:nvPr/>
          </p:nvGrpSpPr>
          <p:grpSpPr bwMode="auto">
            <a:xfrm>
              <a:off x="649288" y="2289176"/>
              <a:ext cx="561975" cy="769938"/>
              <a:chOff x="649288" y="2289176"/>
              <a:chExt cx="561975" cy="769938"/>
            </a:xfrm>
          </p:grpSpPr>
          <p:sp>
            <p:nvSpPr>
              <p:cNvPr id="66"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67"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68"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69"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70"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71"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grpSp>
      </p:grpSp>
      <p:grpSp>
        <p:nvGrpSpPr>
          <p:cNvPr id="72" name="组合 362"/>
          <p:cNvGrpSpPr>
            <a:grpSpLocks noChangeAspect="1"/>
          </p:cNvGrpSpPr>
          <p:nvPr/>
        </p:nvGrpSpPr>
        <p:grpSpPr bwMode="auto">
          <a:xfrm>
            <a:off x="3754161" y="5892800"/>
            <a:ext cx="416479" cy="416479"/>
            <a:chOff x="373063" y="2114551"/>
            <a:chExt cx="1114425" cy="1116013"/>
          </a:xfrm>
        </p:grpSpPr>
        <p:sp>
          <p:nvSpPr>
            <p:cNvPr id="73"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grpSp>
          <p:nvGrpSpPr>
            <p:cNvPr id="74" name="组合 341"/>
            <p:cNvGrpSpPr>
              <a:grpSpLocks/>
            </p:cNvGrpSpPr>
            <p:nvPr/>
          </p:nvGrpSpPr>
          <p:grpSpPr bwMode="auto">
            <a:xfrm>
              <a:off x="649288" y="2289176"/>
              <a:ext cx="561975" cy="769938"/>
              <a:chOff x="649288" y="2289176"/>
              <a:chExt cx="561975" cy="769938"/>
            </a:xfrm>
          </p:grpSpPr>
          <p:sp>
            <p:nvSpPr>
              <p:cNvPr id="75"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76"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77"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78"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79"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80"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grpSp>
      </p:grpSp>
      <p:grpSp>
        <p:nvGrpSpPr>
          <p:cNvPr id="81" name="组合 362"/>
          <p:cNvGrpSpPr>
            <a:grpSpLocks noChangeAspect="1"/>
          </p:cNvGrpSpPr>
          <p:nvPr/>
        </p:nvGrpSpPr>
        <p:grpSpPr bwMode="auto">
          <a:xfrm>
            <a:off x="5302713" y="5892800"/>
            <a:ext cx="416479" cy="416479"/>
            <a:chOff x="373063" y="2114551"/>
            <a:chExt cx="1114425" cy="1116013"/>
          </a:xfrm>
        </p:grpSpPr>
        <p:sp>
          <p:nvSpPr>
            <p:cNvPr id="82"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grpSp>
          <p:nvGrpSpPr>
            <p:cNvPr id="83" name="组合 341"/>
            <p:cNvGrpSpPr>
              <a:grpSpLocks/>
            </p:cNvGrpSpPr>
            <p:nvPr/>
          </p:nvGrpSpPr>
          <p:grpSpPr bwMode="auto">
            <a:xfrm>
              <a:off x="649288" y="2289176"/>
              <a:ext cx="561975" cy="769938"/>
              <a:chOff x="649288" y="2289176"/>
              <a:chExt cx="561975" cy="769938"/>
            </a:xfrm>
          </p:grpSpPr>
          <p:sp>
            <p:nvSpPr>
              <p:cNvPr id="84"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85"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86"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87"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88"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sp>
            <p:nvSpPr>
              <p:cNvPr id="89"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a:endParaRPr lang="zh-CN" altLang="en-US"/>
              </a:p>
            </p:txBody>
          </p:sp>
        </p:grpSp>
      </p:grpSp>
      <p:sp>
        <p:nvSpPr>
          <p:cNvPr id="94" name="Freeform 222"/>
          <p:cNvSpPr/>
          <p:nvPr/>
        </p:nvSpPr>
        <p:spPr>
          <a:xfrm rot="16761088">
            <a:off x="2180414" y="5052470"/>
            <a:ext cx="936838" cy="796839"/>
          </a:xfrm>
          <a:custGeom>
            <a:avLst/>
            <a:gdLst>
              <a:gd name="connsiteX0" fmla="*/ 0 w 2243470"/>
              <a:gd name="connsiteY0" fmla="*/ 0 h 1222744"/>
              <a:gd name="connsiteX1" fmla="*/ 2137144 w 2243470"/>
              <a:gd name="connsiteY1" fmla="*/ 861238 h 1222744"/>
              <a:gd name="connsiteX2" fmla="*/ 2243470 w 2243470"/>
              <a:gd name="connsiteY2" fmla="*/ 701749 h 1222744"/>
              <a:gd name="connsiteX3" fmla="*/ 2232837 w 2243470"/>
              <a:gd name="connsiteY3" fmla="*/ 1169582 h 1222744"/>
              <a:gd name="connsiteX4" fmla="*/ 1903228 w 2243470"/>
              <a:gd name="connsiteY4" fmla="*/ 1222744 h 1222744"/>
              <a:gd name="connsiteX5" fmla="*/ 2041451 w 2243470"/>
              <a:gd name="connsiteY5" fmla="*/ 999461 h 1222744"/>
              <a:gd name="connsiteX6" fmla="*/ 95693 w 2243470"/>
              <a:gd name="connsiteY6" fmla="*/ 712382 h 1222744"/>
              <a:gd name="connsiteX0" fmla="*/ 0 w 2243470"/>
              <a:gd name="connsiteY0" fmla="*/ 0 h 1222744"/>
              <a:gd name="connsiteX1" fmla="*/ 2137144 w 2243470"/>
              <a:gd name="connsiteY1" fmla="*/ 861238 h 1222744"/>
              <a:gd name="connsiteX2" fmla="*/ 2243470 w 2243470"/>
              <a:gd name="connsiteY2" fmla="*/ 701749 h 1222744"/>
              <a:gd name="connsiteX3" fmla="*/ 2232837 w 2243470"/>
              <a:gd name="connsiteY3" fmla="*/ 1169582 h 1222744"/>
              <a:gd name="connsiteX4" fmla="*/ 1903228 w 2243470"/>
              <a:gd name="connsiteY4" fmla="*/ 1222744 h 1222744"/>
              <a:gd name="connsiteX5" fmla="*/ 2041451 w 2243470"/>
              <a:gd name="connsiteY5" fmla="*/ 999461 h 1222744"/>
              <a:gd name="connsiteX6" fmla="*/ 95693 w 2243470"/>
              <a:gd name="connsiteY6" fmla="*/ 712382 h 1222744"/>
              <a:gd name="connsiteX0" fmla="*/ 10140 w 2253610"/>
              <a:gd name="connsiteY0" fmla="*/ 0 h 1222744"/>
              <a:gd name="connsiteX1" fmla="*/ 2147284 w 2253610"/>
              <a:gd name="connsiteY1" fmla="*/ 861238 h 1222744"/>
              <a:gd name="connsiteX2" fmla="*/ 2253610 w 2253610"/>
              <a:gd name="connsiteY2" fmla="*/ 701749 h 1222744"/>
              <a:gd name="connsiteX3" fmla="*/ 2242977 w 2253610"/>
              <a:gd name="connsiteY3" fmla="*/ 1169582 h 1222744"/>
              <a:gd name="connsiteX4" fmla="*/ 1913368 w 2253610"/>
              <a:gd name="connsiteY4" fmla="*/ 1222744 h 1222744"/>
              <a:gd name="connsiteX5" fmla="*/ 2051591 w 2253610"/>
              <a:gd name="connsiteY5" fmla="*/ 999461 h 1222744"/>
              <a:gd name="connsiteX6" fmla="*/ 0 w 2253610"/>
              <a:gd name="connsiteY6" fmla="*/ 780115 h 1222744"/>
              <a:gd name="connsiteX0" fmla="*/ 10140 w 2253610"/>
              <a:gd name="connsiteY0" fmla="*/ 0 h 1222744"/>
              <a:gd name="connsiteX1" fmla="*/ 2147284 w 2253610"/>
              <a:gd name="connsiteY1" fmla="*/ 861238 h 1222744"/>
              <a:gd name="connsiteX2" fmla="*/ 2253610 w 2253610"/>
              <a:gd name="connsiteY2" fmla="*/ 701749 h 1222744"/>
              <a:gd name="connsiteX3" fmla="*/ 2242977 w 2253610"/>
              <a:gd name="connsiteY3" fmla="*/ 1169582 h 1222744"/>
              <a:gd name="connsiteX4" fmla="*/ 1913368 w 2253610"/>
              <a:gd name="connsiteY4" fmla="*/ 1222744 h 1222744"/>
              <a:gd name="connsiteX5" fmla="*/ 2051591 w 2253610"/>
              <a:gd name="connsiteY5" fmla="*/ 999461 h 1222744"/>
              <a:gd name="connsiteX6" fmla="*/ 0 w 2253610"/>
              <a:gd name="connsiteY6" fmla="*/ 780115 h 1222744"/>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084915"/>
              <a:gd name="connsiteX1" fmla="*/ 2264144 w 2370470"/>
              <a:gd name="connsiteY1" fmla="*/ 776571 h 1084915"/>
              <a:gd name="connsiteX2" fmla="*/ 2370470 w 2370470"/>
              <a:gd name="connsiteY2" fmla="*/ 617082 h 1084915"/>
              <a:gd name="connsiteX3" fmla="*/ 2359837 w 2370470"/>
              <a:gd name="connsiteY3" fmla="*/ 1084915 h 1084915"/>
              <a:gd name="connsiteX4" fmla="*/ 1915928 w 2370470"/>
              <a:gd name="connsiteY4" fmla="*/ 1066110 h 1084915"/>
              <a:gd name="connsiteX5" fmla="*/ 2168451 w 2370470"/>
              <a:gd name="connsiteY5" fmla="*/ 914794 h 1084915"/>
              <a:gd name="connsiteX6" fmla="*/ 116860 w 2370470"/>
              <a:gd name="connsiteY6" fmla="*/ 695448 h 1084915"/>
              <a:gd name="connsiteX0" fmla="*/ 0 w 2370470"/>
              <a:gd name="connsiteY0" fmla="*/ 0 h 1144182"/>
              <a:gd name="connsiteX1" fmla="*/ 2264144 w 2370470"/>
              <a:gd name="connsiteY1" fmla="*/ 776571 h 1144182"/>
              <a:gd name="connsiteX2" fmla="*/ 2370470 w 2370470"/>
              <a:gd name="connsiteY2" fmla="*/ 617082 h 1144182"/>
              <a:gd name="connsiteX3" fmla="*/ 2317504 w 2370470"/>
              <a:gd name="connsiteY3" fmla="*/ 1144182 h 1144182"/>
              <a:gd name="connsiteX4" fmla="*/ 1915928 w 2370470"/>
              <a:gd name="connsiteY4" fmla="*/ 1066110 h 1144182"/>
              <a:gd name="connsiteX5" fmla="*/ 2168451 w 2370470"/>
              <a:gd name="connsiteY5" fmla="*/ 914794 h 1144182"/>
              <a:gd name="connsiteX6" fmla="*/ 116860 w 2370470"/>
              <a:gd name="connsiteY6" fmla="*/ 695448 h 1144182"/>
              <a:gd name="connsiteX0" fmla="*/ 0 w 2370470"/>
              <a:gd name="connsiteY0" fmla="*/ 0 h 1144182"/>
              <a:gd name="connsiteX1" fmla="*/ 2238744 w 2370470"/>
              <a:gd name="connsiteY1" fmla="*/ 835838 h 1144182"/>
              <a:gd name="connsiteX2" fmla="*/ 2370470 w 2370470"/>
              <a:gd name="connsiteY2" fmla="*/ 617082 h 1144182"/>
              <a:gd name="connsiteX3" fmla="*/ 2317504 w 2370470"/>
              <a:gd name="connsiteY3" fmla="*/ 1144182 h 1144182"/>
              <a:gd name="connsiteX4" fmla="*/ 1915928 w 2370470"/>
              <a:gd name="connsiteY4" fmla="*/ 1066110 h 1144182"/>
              <a:gd name="connsiteX5" fmla="*/ 2168451 w 2370470"/>
              <a:gd name="connsiteY5" fmla="*/ 914794 h 1144182"/>
              <a:gd name="connsiteX6" fmla="*/ 116860 w 2370470"/>
              <a:gd name="connsiteY6" fmla="*/ 695448 h 1144182"/>
              <a:gd name="connsiteX0" fmla="*/ 0 w 2332370"/>
              <a:gd name="connsiteY0" fmla="*/ 0 h 1144182"/>
              <a:gd name="connsiteX1" fmla="*/ 2238744 w 2332370"/>
              <a:gd name="connsiteY1" fmla="*/ 835838 h 1144182"/>
              <a:gd name="connsiteX2" fmla="*/ 2332370 w 2332370"/>
              <a:gd name="connsiteY2" fmla="*/ 710215 h 1144182"/>
              <a:gd name="connsiteX3" fmla="*/ 2317504 w 2332370"/>
              <a:gd name="connsiteY3" fmla="*/ 1144182 h 1144182"/>
              <a:gd name="connsiteX4" fmla="*/ 1915928 w 2332370"/>
              <a:gd name="connsiteY4" fmla="*/ 1066110 h 1144182"/>
              <a:gd name="connsiteX5" fmla="*/ 2168451 w 2332370"/>
              <a:gd name="connsiteY5" fmla="*/ 914794 h 1144182"/>
              <a:gd name="connsiteX6" fmla="*/ 116860 w 2332370"/>
              <a:gd name="connsiteY6" fmla="*/ 695448 h 1144182"/>
              <a:gd name="connsiteX0" fmla="*/ 0 w 2332370"/>
              <a:gd name="connsiteY0" fmla="*/ 0 h 1144182"/>
              <a:gd name="connsiteX1" fmla="*/ 2238744 w 2332370"/>
              <a:gd name="connsiteY1" fmla="*/ 835838 h 1144182"/>
              <a:gd name="connsiteX2" fmla="*/ 2332370 w 2332370"/>
              <a:gd name="connsiteY2" fmla="*/ 710215 h 1144182"/>
              <a:gd name="connsiteX3" fmla="*/ 2317504 w 2332370"/>
              <a:gd name="connsiteY3" fmla="*/ 1144182 h 1144182"/>
              <a:gd name="connsiteX4" fmla="*/ 2025995 w 2332370"/>
              <a:gd name="connsiteY4" fmla="*/ 1040710 h 1144182"/>
              <a:gd name="connsiteX5" fmla="*/ 2168451 w 2332370"/>
              <a:gd name="connsiteY5" fmla="*/ 914794 h 1144182"/>
              <a:gd name="connsiteX6" fmla="*/ 116860 w 2332370"/>
              <a:gd name="connsiteY6" fmla="*/ 695448 h 1144182"/>
              <a:gd name="connsiteX0" fmla="*/ 0 w 2357770"/>
              <a:gd name="connsiteY0" fmla="*/ 0 h 1144182"/>
              <a:gd name="connsiteX1" fmla="*/ 2238744 w 2357770"/>
              <a:gd name="connsiteY1" fmla="*/ 8358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68451 w 2357770"/>
              <a:gd name="connsiteY5" fmla="*/ 914794 h 1144182"/>
              <a:gd name="connsiteX6" fmla="*/ 116860 w 2357770"/>
              <a:gd name="connsiteY6" fmla="*/ 695448 h 1144182"/>
              <a:gd name="connsiteX0" fmla="*/ 0 w 2357770"/>
              <a:gd name="connsiteY0" fmla="*/ 0 h 1144182"/>
              <a:gd name="connsiteX1" fmla="*/ 2238744 w 2357770"/>
              <a:gd name="connsiteY1" fmla="*/ 8993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68451 w 2357770"/>
              <a:gd name="connsiteY5" fmla="*/ 914794 h 1144182"/>
              <a:gd name="connsiteX6" fmla="*/ 116860 w 2357770"/>
              <a:gd name="connsiteY6" fmla="*/ 695448 h 1144182"/>
              <a:gd name="connsiteX0" fmla="*/ 0 w 2357770"/>
              <a:gd name="connsiteY0" fmla="*/ 0 h 1144182"/>
              <a:gd name="connsiteX1" fmla="*/ 2238744 w 2357770"/>
              <a:gd name="connsiteY1" fmla="*/ 8993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72685 w 2357770"/>
              <a:gd name="connsiteY5" fmla="*/ 935960 h 1144182"/>
              <a:gd name="connsiteX6" fmla="*/ 116860 w 2357770"/>
              <a:gd name="connsiteY6" fmla="*/ 695448 h 1144182"/>
              <a:gd name="connsiteX0" fmla="*/ 0 w 2345070"/>
              <a:gd name="connsiteY0" fmla="*/ 0 h 1144182"/>
              <a:gd name="connsiteX1" fmla="*/ 2238744 w 2345070"/>
              <a:gd name="connsiteY1" fmla="*/ 899338 h 1144182"/>
              <a:gd name="connsiteX2" fmla="*/ 2345070 w 2345070"/>
              <a:gd name="connsiteY2" fmla="*/ 744082 h 1144182"/>
              <a:gd name="connsiteX3" fmla="*/ 2317504 w 2345070"/>
              <a:gd name="connsiteY3" fmla="*/ 1144182 h 1144182"/>
              <a:gd name="connsiteX4" fmla="*/ 2025995 w 2345070"/>
              <a:gd name="connsiteY4" fmla="*/ 1040710 h 1144182"/>
              <a:gd name="connsiteX5" fmla="*/ 2172685 w 2345070"/>
              <a:gd name="connsiteY5" fmla="*/ 935960 h 1144182"/>
              <a:gd name="connsiteX6" fmla="*/ 116860 w 2345070"/>
              <a:gd name="connsiteY6" fmla="*/ 695448 h 1144182"/>
              <a:gd name="connsiteX0" fmla="*/ 0 w 2357770"/>
              <a:gd name="connsiteY0" fmla="*/ 0 h 1144182"/>
              <a:gd name="connsiteX1" fmla="*/ 2238744 w 2357770"/>
              <a:gd name="connsiteY1" fmla="*/ 899338 h 1144182"/>
              <a:gd name="connsiteX2" fmla="*/ 2357770 w 2357770"/>
              <a:gd name="connsiteY2" fmla="*/ 756782 h 1144182"/>
              <a:gd name="connsiteX3" fmla="*/ 2317504 w 2357770"/>
              <a:gd name="connsiteY3" fmla="*/ 1144182 h 1144182"/>
              <a:gd name="connsiteX4" fmla="*/ 2025995 w 2357770"/>
              <a:gd name="connsiteY4" fmla="*/ 1040710 h 1144182"/>
              <a:gd name="connsiteX5" fmla="*/ 2172685 w 2357770"/>
              <a:gd name="connsiteY5" fmla="*/ 935960 h 1144182"/>
              <a:gd name="connsiteX6" fmla="*/ 116860 w 2357770"/>
              <a:gd name="connsiteY6" fmla="*/ 695448 h 1144182"/>
              <a:gd name="connsiteX0" fmla="*/ 0 w 2357770"/>
              <a:gd name="connsiteY0" fmla="*/ 0 h 1118782"/>
              <a:gd name="connsiteX1" fmla="*/ 2238744 w 2357770"/>
              <a:gd name="connsiteY1" fmla="*/ 899338 h 1118782"/>
              <a:gd name="connsiteX2" fmla="*/ 2357770 w 2357770"/>
              <a:gd name="connsiteY2" fmla="*/ 756782 h 1118782"/>
              <a:gd name="connsiteX3" fmla="*/ 2355604 w 2357770"/>
              <a:gd name="connsiteY3" fmla="*/ 1118782 h 1118782"/>
              <a:gd name="connsiteX4" fmla="*/ 2025995 w 2357770"/>
              <a:gd name="connsiteY4" fmla="*/ 1040710 h 1118782"/>
              <a:gd name="connsiteX5" fmla="*/ 2172685 w 2357770"/>
              <a:gd name="connsiteY5" fmla="*/ 935960 h 1118782"/>
              <a:gd name="connsiteX6" fmla="*/ 116860 w 2357770"/>
              <a:gd name="connsiteY6" fmla="*/ 695448 h 1118782"/>
              <a:gd name="connsiteX0" fmla="*/ 0 w 2357770"/>
              <a:gd name="connsiteY0" fmla="*/ 0 h 1135715"/>
              <a:gd name="connsiteX1" fmla="*/ 2238744 w 2357770"/>
              <a:gd name="connsiteY1" fmla="*/ 899338 h 1135715"/>
              <a:gd name="connsiteX2" fmla="*/ 2357770 w 2357770"/>
              <a:gd name="connsiteY2" fmla="*/ 756782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135715"/>
              <a:gd name="connsiteX1" fmla="*/ 2238744 w 2357770"/>
              <a:gd name="connsiteY1" fmla="*/ 899338 h 1135715"/>
              <a:gd name="connsiteX2" fmla="*/ 2357770 w 2357770"/>
              <a:gd name="connsiteY2" fmla="*/ 773715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135715"/>
              <a:gd name="connsiteX1" fmla="*/ 2238744 w 2357770"/>
              <a:gd name="connsiteY1" fmla="*/ 899338 h 1135715"/>
              <a:gd name="connsiteX2" fmla="*/ 2357770 w 2357770"/>
              <a:gd name="connsiteY2" fmla="*/ 814990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094440"/>
              <a:gd name="connsiteX1" fmla="*/ 2238744 w 2357770"/>
              <a:gd name="connsiteY1" fmla="*/ 899338 h 1094440"/>
              <a:gd name="connsiteX2" fmla="*/ 2357770 w 2357770"/>
              <a:gd name="connsiteY2" fmla="*/ 814990 h 1094440"/>
              <a:gd name="connsiteX3" fmla="*/ 2339171 w 2357770"/>
              <a:gd name="connsiteY3" fmla="*/ 1094440 h 1094440"/>
              <a:gd name="connsiteX4" fmla="*/ 2025995 w 2357770"/>
              <a:gd name="connsiteY4" fmla="*/ 1040710 h 1094440"/>
              <a:gd name="connsiteX5" fmla="*/ 2172685 w 2357770"/>
              <a:gd name="connsiteY5" fmla="*/ 935960 h 1094440"/>
              <a:gd name="connsiteX6" fmla="*/ 116860 w 2357770"/>
              <a:gd name="connsiteY6" fmla="*/ 695448 h 1094440"/>
              <a:gd name="connsiteX0" fmla="*/ 0 w 2430790"/>
              <a:gd name="connsiteY0" fmla="*/ 0 h 1132540"/>
              <a:gd name="connsiteX1" fmla="*/ 2238744 w 2430790"/>
              <a:gd name="connsiteY1" fmla="*/ 899338 h 1132540"/>
              <a:gd name="connsiteX2" fmla="*/ 2357770 w 2430790"/>
              <a:gd name="connsiteY2" fmla="*/ 814990 h 1132540"/>
              <a:gd name="connsiteX3" fmla="*/ 2430790 w 2430790"/>
              <a:gd name="connsiteY3" fmla="*/ 1132540 h 1132540"/>
              <a:gd name="connsiteX4" fmla="*/ 2025995 w 2430790"/>
              <a:gd name="connsiteY4" fmla="*/ 1040710 h 1132540"/>
              <a:gd name="connsiteX5" fmla="*/ 2172685 w 2430790"/>
              <a:gd name="connsiteY5" fmla="*/ 935960 h 1132540"/>
              <a:gd name="connsiteX6" fmla="*/ 116860 w 2430790"/>
              <a:gd name="connsiteY6" fmla="*/ 695448 h 1132540"/>
              <a:gd name="connsiteX0" fmla="*/ 0 w 2430790"/>
              <a:gd name="connsiteY0" fmla="*/ 0 h 1132540"/>
              <a:gd name="connsiteX1" fmla="*/ 2238744 w 2430790"/>
              <a:gd name="connsiteY1" fmla="*/ 899338 h 1132540"/>
              <a:gd name="connsiteX2" fmla="*/ 2357770 w 2430790"/>
              <a:gd name="connsiteY2" fmla="*/ 814990 h 1132540"/>
              <a:gd name="connsiteX3" fmla="*/ 2430790 w 2430790"/>
              <a:gd name="connsiteY3" fmla="*/ 1132540 h 1132540"/>
              <a:gd name="connsiteX4" fmla="*/ 2014045 w 2430790"/>
              <a:gd name="connsiteY4" fmla="*/ 1012135 h 1132540"/>
              <a:gd name="connsiteX5" fmla="*/ 2172685 w 2430790"/>
              <a:gd name="connsiteY5" fmla="*/ 935960 h 1132540"/>
              <a:gd name="connsiteX6" fmla="*/ 116860 w 2430790"/>
              <a:gd name="connsiteY6" fmla="*/ 695448 h 1132540"/>
              <a:gd name="connsiteX0" fmla="*/ 0 w 2430790"/>
              <a:gd name="connsiteY0" fmla="*/ 0 h 1132540"/>
              <a:gd name="connsiteX1" fmla="*/ 2238744 w 2430790"/>
              <a:gd name="connsiteY1" fmla="*/ 899338 h 1132540"/>
              <a:gd name="connsiteX2" fmla="*/ 2317936 w 2430790"/>
              <a:gd name="connsiteY2" fmla="*/ 795940 h 1132540"/>
              <a:gd name="connsiteX3" fmla="*/ 2430790 w 2430790"/>
              <a:gd name="connsiteY3" fmla="*/ 1132540 h 1132540"/>
              <a:gd name="connsiteX4" fmla="*/ 2014045 w 2430790"/>
              <a:gd name="connsiteY4" fmla="*/ 1012135 h 1132540"/>
              <a:gd name="connsiteX5" fmla="*/ 2172685 w 2430790"/>
              <a:gd name="connsiteY5" fmla="*/ 935960 h 1132540"/>
              <a:gd name="connsiteX6" fmla="*/ 116860 w 2430790"/>
              <a:gd name="connsiteY6" fmla="*/ 695448 h 1132540"/>
              <a:gd name="connsiteX0" fmla="*/ 0 w 2418840"/>
              <a:gd name="connsiteY0" fmla="*/ 0 h 1119840"/>
              <a:gd name="connsiteX1" fmla="*/ 2238744 w 2418840"/>
              <a:gd name="connsiteY1" fmla="*/ 899338 h 1119840"/>
              <a:gd name="connsiteX2" fmla="*/ 2317936 w 2418840"/>
              <a:gd name="connsiteY2" fmla="*/ 795940 h 1119840"/>
              <a:gd name="connsiteX3" fmla="*/ 2418840 w 2418840"/>
              <a:gd name="connsiteY3" fmla="*/ 1119840 h 1119840"/>
              <a:gd name="connsiteX4" fmla="*/ 2014045 w 2418840"/>
              <a:gd name="connsiteY4" fmla="*/ 1012135 h 1119840"/>
              <a:gd name="connsiteX5" fmla="*/ 2172685 w 2418840"/>
              <a:gd name="connsiteY5" fmla="*/ 935960 h 1119840"/>
              <a:gd name="connsiteX6" fmla="*/ 116860 w 2418840"/>
              <a:gd name="connsiteY6" fmla="*/ 695448 h 11198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418840" h="1119840">
                <a:moveTo>
                  <a:pt x="0" y="0"/>
                </a:moveTo>
                <a:cubicBezTo>
                  <a:pt x="1542115" y="93757"/>
                  <a:pt x="2025896" y="712448"/>
                  <a:pt x="2238744" y="899338"/>
                </a:cubicBezTo>
                <a:lnTo>
                  <a:pt x="2317936" y="795940"/>
                </a:lnTo>
                <a:lnTo>
                  <a:pt x="2418840" y="1119840"/>
                </a:lnTo>
                <a:lnTo>
                  <a:pt x="2014045" y="1012135"/>
                </a:lnTo>
                <a:lnTo>
                  <a:pt x="2172685" y="935960"/>
                </a:lnTo>
                <a:cubicBezTo>
                  <a:pt x="1329367" y="531234"/>
                  <a:pt x="409846" y="668374"/>
                  <a:pt x="116860" y="695448"/>
                </a:cubicBezTo>
              </a:path>
            </a:pathLst>
          </a:custGeom>
          <a:gradFill flip="none" rotWithShape="1">
            <a:gsLst>
              <a:gs pos="15000">
                <a:schemeClr val="accent1">
                  <a:lumMod val="5000"/>
                  <a:lumOff val="95000"/>
                  <a:alpha val="0"/>
                </a:schemeClr>
              </a:gs>
              <a:gs pos="81000">
                <a:schemeClr val="accent2">
                  <a:lumMod val="40000"/>
                  <a:lumOff val="60000"/>
                </a:schemeClr>
              </a:gs>
            </a:gsLst>
            <a:lin ang="0" scaled="1"/>
            <a:tileRect/>
          </a:gradFill>
          <a:ln>
            <a:gradFill flip="none" rotWithShape="1">
              <a:gsLst>
                <a:gs pos="11000">
                  <a:schemeClr val="accent1">
                    <a:lumMod val="0"/>
                    <a:lumOff val="100000"/>
                    <a:alpha val="0"/>
                  </a:schemeClr>
                </a:gs>
                <a:gs pos="67000">
                  <a:srgbClr val="EC7061"/>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95" name="Freeform 222"/>
          <p:cNvSpPr/>
          <p:nvPr/>
        </p:nvSpPr>
        <p:spPr>
          <a:xfrm rot="15742895" flipV="1">
            <a:off x="4719850" y="5145972"/>
            <a:ext cx="936838" cy="713614"/>
          </a:xfrm>
          <a:custGeom>
            <a:avLst/>
            <a:gdLst>
              <a:gd name="connsiteX0" fmla="*/ 0 w 2243470"/>
              <a:gd name="connsiteY0" fmla="*/ 0 h 1222744"/>
              <a:gd name="connsiteX1" fmla="*/ 2137144 w 2243470"/>
              <a:gd name="connsiteY1" fmla="*/ 861238 h 1222744"/>
              <a:gd name="connsiteX2" fmla="*/ 2243470 w 2243470"/>
              <a:gd name="connsiteY2" fmla="*/ 701749 h 1222744"/>
              <a:gd name="connsiteX3" fmla="*/ 2232837 w 2243470"/>
              <a:gd name="connsiteY3" fmla="*/ 1169582 h 1222744"/>
              <a:gd name="connsiteX4" fmla="*/ 1903228 w 2243470"/>
              <a:gd name="connsiteY4" fmla="*/ 1222744 h 1222744"/>
              <a:gd name="connsiteX5" fmla="*/ 2041451 w 2243470"/>
              <a:gd name="connsiteY5" fmla="*/ 999461 h 1222744"/>
              <a:gd name="connsiteX6" fmla="*/ 95693 w 2243470"/>
              <a:gd name="connsiteY6" fmla="*/ 712382 h 1222744"/>
              <a:gd name="connsiteX0" fmla="*/ 0 w 2243470"/>
              <a:gd name="connsiteY0" fmla="*/ 0 h 1222744"/>
              <a:gd name="connsiteX1" fmla="*/ 2137144 w 2243470"/>
              <a:gd name="connsiteY1" fmla="*/ 861238 h 1222744"/>
              <a:gd name="connsiteX2" fmla="*/ 2243470 w 2243470"/>
              <a:gd name="connsiteY2" fmla="*/ 701749 h 1222744"/>
              <a:gd name="connsiteX3" fmla="*/ 2232837 w 2243470"/>
              <a:gd name="connsiteY3" fmla="*/ 1169582 h 1222744"/>
              <a:gd name="connsiteX4" fmla="*/ 1903228 w 2243470"/>
              <a:gd name="connsiteY4" fmla="*/ 1222744 h 1222744"/>
              <a:gd name="connsiteX5" fmla="*/ 2041451 w 2243470"/>
              <a:gd name="connsiteY5" fmla="*/ 999461 h 1222744"/>
              <a:gd name="connsiteX6" fmla="*/ 95693 w 2243470"/>
              <a:gd name="connsiteY6" fmla="*/ 712382 h 1222744"/>
              <a:gd name="connsiteX0" fmla="*/ 10140 w 2253610"/>
              <a:gd name="connsiteY0" fmla="*/ 0 h 1222744"/>
              <a:gd name="connsiteX1" fmla="*/ 2147284 w 2253610"/>
              <a:gd name="connsiteY1" fmla="*/ 861238 h 1222744"/>
              <a:gd name="connsiteX2" fmla="*/ 2253610 w 2253610"/>
              <a:gd name="connsiteY2" fmla="*/ 701749 h 1222744"/>
              <a:gd name="connsiteX3" fmla="*/ 2242977 w 2253610"/>
              <a:gd name="connsiteY3" fmla="*/ 1169582 h 1222744"/>
              <a:gd name="connsiteX4" fmla="*/ 1913368 w 2253610"/>
              <a:gd name="connsiteY4" fmla="*/ 1222744 h 1222744"/>
              <a:gd name="connsiteX5" fmla="*/ 2051591 w 2253610"/>
              <a:gd name="connsiteY5" fmla="*/ 999461 h 1222744"/>
              <a:gd name="connsiteX6" fmla="*/ 0 w 2253610"/>
              <a:gd name="connsiteY6" fmla="*/ 780115 h 1222744"/>
              <a:gd name="connsiteX0" fmla="*/ 10140 w 2253610"/>
              <a:gd name="connsiteY0" fmla="*/ 0 h 1222744"/>
              <a:gd name="connsiteX1" fmla="*/ 2147284 w 2253610"/>
              <a:gd name="connsiteY1" fmla="*/ 861238 h 1222744"/>
              <a:gd name="connsiteX2" fmla="*/ 2253610 w 2253610"/>
              <a:gd name="connsiteY2" fmla="*/ 701749 h 1222744"/>
              <a:gd name="connsiteX3" fmla="*/ 2242977 w 2253610"/>
              <a:gd name="connsiteY3" fmla="*/ 1169582 h 1222744"/>
              <a:gd name="connsiteX4" fmla="*/ 1913368 w 2253610"/>
              <a:gd name="connsiteY4" fmla="*/ 1222744 h 1222744"/>
              <a:gd name="connsiteX5" fmla="*/ 2051591 w 2253610"/>
              <a:gd name="connsiteY5" fmla="*/ 999461 h 1222744"/>
              <a:gd name="connsiteX6" fmla="*/ 0 w 2253610"/>
              <a:gd name="connsiteY6" fmla="*/ 780115 h 1222744"/>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084915"/>
              <a:gd name="connsiteX1" fmla="*/ 2264144 w 2370470"/>
              <a:gd name="connsiteY1" fmla="*/ 776571 h 1084915"/>
              <a:gd name="connsiteX2" fmla="*/ 2370470 w 2370470"/>
              <a:gd name="connsiteY2" fmla="*/ 617082 h 1084915"/>
              <a:gd name="connsiteX3" fmla="*/ 2359837 w 2370470"/>
              <a:gd name="connsiteY3" fmla="*/ 1084915 h 1084915"/>
              <a:gd name="connsiteX4" fmla="*/ 1915928 w 2370470"/>
              <a:gd name="connsiteY4" fmla="*/ 1066110 h 1084915"/>
              <a:gd name="connsiteX5" fmla="*/ 2168451 w 2370470"/>
              <a:gd name="connsiteY5" fmla="*/ 914794 h 1084915"/>
              <a:gd name="connsiteX6" fmla="*/ 116860 w 2370470"/>
              <a:gd name="connsiteY6" fmla="*/ 695448 h 1084915"/>
              <a:gd name="connsiteX0" fmla="*/ 0 w 2370470"/>
              <a:gd name="connsiteY0" fmla="*/ 0 h 1144182"/>
              <a:gd name="connsiteX1" fmla="*/ 2264144 w 2370470"/>
              <a:gd name="connsiteY1" fmla="*/ 776571 h 1144182"/>
              <a:gd name="connsiteX2" fmla="*/ 2370470 w 2370470"/>
              <a:gd name="connsiteY2" fmla="*/ 617082 h 1144182"/>
              <a:gd name="connsiteX3" fmla="*/ 2317504 w 2370470"/>
              <a:gd name="connsiteY3" fmla="*/ 1144182 h 1144182"/>
              <a:gd name="connsiteX4" fmla="*/ 1915928 w 2370470"/>
              <a:gd name="connsiteY4" fmla="*/ 1066110 h 1144182"/>
              <a:gd name="connsiteX5" fmla="*/ 2168451 w 2370470"/>
              <a:gd name="connsiteY5" fmla="*/ 914794 h 1144182"/>
              <a:gd name="connsiteX6" fmla="*/ 116860 w 2370470"/>
              <a:gd name="connsiteY6" fmla="*/ 695448 h 1144182"/>
              <a:gd name="connsiteX0" fmla="*/ 0 w 2370470"/>
              <a:gd name="connsiteY0" fmla="*/ 0 h 1144182"/>
              <a:gd name="connsiteX1" fmla="*/ 2238744 w 2370470"/>
              <a:gd name="connsiteY1" fmla="*/ 835838 h 1144182"/>
              <a:gd name="connsiteX2" fmla="*/ 2370470 w 2370470"/>
              <a:gd name="connsiteY2" fmla="*/ 617082 h 1144182"/>
              <a:gd name="connsiteX3" fmla="*/ 2317504 w 2370470"/>
              <a:gd name="connsiteY3" fmla="*/ 1144182 h 1144182"/>
              <a:gd name="connsiteX4" fmla="*/ 1915928 w 2370470"/>
              <a:gd name="connsiteY4" fmla="*/ 1066110 h 1144182"/>
              <a:gd name="connsiteX5" fmla="*/ 2168451 w 2370470"/>
              <a:gd name="connsiteY5" fmla="*/ 914794 h 1144182"/>
              <a:gd name="connsiteX6" fmla="*/ 116860 w 2370470"/>
              <a:gd name="connsiteY6" fmla="*/ 695448 h 1144182"/>
              <a:gd name="connsiteX0" fmla="*/ 0 w 2332370"/>
              <a:gd name="connsiteY0" fmla="*/ 0 h 1144182"/>
              <a:gd name="connsiteX1" fmla="*/ 2238744 w 2332370"/>
              <a:gd name="connsiteY1" fmla="*/ 835838 h 1144182"/>
              <a:gd name="connsiteX2" fmla="*/ 2332370 w 2332370"/>
              <a:gd name="connsiteY2" fmla="*/ 710215 h 1144182"/>
              <a:gd name="connsiteX3" fmla="*/ 2317504 w 2332370"/>
              <a:gd name="connsiteY3" fmla="*/ 1144182 h 1144182"/>
              <a:gd name="connsiteX4" fmla="*/ 1915928 w 2332370"/>
              <a:gd name="connsiteY4" fmla="*/ 1066110 h 1144182"/>
              <a:gd name="connsiteX5" fmla="*/ 2168451 w 2332370"/>
              <a:gd name="connsiteY5" fmla="*/ 914794 h 1144182"/>
              <a:gd name="connsiteX6" fmla="*/ 116860 w 2332370"/>
              <a:gd name="connsiteY6" fmla="*/ 695448 h 1144182"/>
              <a:gd name="connsiteX0" fmla="*/ 0 w 2332370"/>
              <a:gd name="connsiteY0" fmla="*/ 0 h 1144182"/>
              <a:gd name="connsiteX1" fmla="*/ 2238744 w 2332370"/>
              <a:gd name="connsiteY1" fmla="*/ 835838 h 1144182"/>
              <a:gd name="connsiteX2" fmla="*/ 2332370 w 2332370"/>
              <a:gd name="connsiteY2" fmla="*/ 710215 h 1144182"/>
              <a:gd name="connsiteX3" fmla="*/ 2317504 w 2332370"/>
              <a:gd name="connsiteY3" fmla="*/ 1144182 h 1144182"/>
              <a:gd name="connsiteX4" fmla="*/ 2025995 w 2332370"/>
              <a:gd name="connsiteY4" fmla="*/ 1040710 h 1144182"/>
              <a:gd name="connsiteX5" fmla="*/ 2168451 w 2332370"/>
              <a:gd name="connsiteY5" fmla="*/ 914794 h 1144182"/>
              <a:gd name="connsiteX6" fmla="*/ 116860 w 2332370"/>
              <a:gd name="connsiteY6" fmla="*/ 695448 h 1144182"/>
              <a:gd name="connsiteX0" fmla="*/ 0 w 2357770"/>
              <a:gd name="connsiteY0" fmla="*/ 0 h 1144182"/>
              <a:gd name="connsiteX1" fmla="*/ 2238744 w 2357770"/>
              <a:gd name="connsiteY1" fmla="*/ 8358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68451 w 2357770"/>
              <a:gd name="connsiteY5" fmla="*/ 914794 h 1144182"/>
              <a:gd name="connsiteX6" fmla="*/ 116860 w 2357770"/>
              <a:gd name="connsiteY6" fmla="*/ 695448 h 1144182"/>
              <a:gd name="connsiteX0" fmla="*/ 0 w 2357770"/>
              <a:gd name="connsiteY0" fmla="*/ 0 h 1144182"/>
              <a:gd name="connsiteX1" fmla="*/ 2238744 w 2357770"/>
              <a:gd name="connsiteY1" fmla="*/ 8993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68451 w 2357770"/>
              <a:gd name="connsiteY5" fmla="*/ 914794 h 1144182"/>
              <a:gd name="connsiteX6" fmla="*/ 116860 w 2357770"/>
              <a:gd name="connsiteY6" fmla="*/ 695448 h 1144182"/>
              <a:gd name="connsiteX0" fmla="*/ 0 w 2357770"/>
              <a:gd name="connsiteY0" fmla="*/ 0 h 1144182"/>
              <a:gd name="connsiteX1" fmla="*/ 2238744 w 2357770"/>
              <a:gd name="connsiteY1" fmla="*/ 8993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72685 w 2357770"/>
              <a:gd name="connsiteY5" fmla="*/ 935960 h 1144182"/>
              <a:gd name="connsiteX6" fmla="*/ 116860 w 2357770"/>
              <a:gd name="connsiteY6" fmla="*/ 695448 h 1144182"/>
              <a:gd name="connsiteX0" fmla="*/ 0 w 2345070"/>
              <a:gd name="connsiteY0" fmla="*/ 0 h 1144182"/>
              <a:gd name="connsiteX1" fmla="*/ 2238744 w 2345070"/>
              <a:gd name="connsiteY1" fmla="*/ 899338 h 1144182"/>
              <a:gd name="connsiteX2" fmla="*/ 2345070 w 2345070"/>
              <a:gd name="connsiteY2" fmla="*/ 744082 h 1144182"/>
              <a:gd name="connsiteX3" fmla="*/ 2317504 w 2345070"/>
              <a:gd name="connsiteY3" fmla="*/ 1144182 h 1144182"/>
              <a:gd name="connsiteX4" fmla="*/ 2025995 w 2345070"/>
              <a:gd name="connsiteY4" fmla="*/ 1040710 h 1144182"/>
              <a:gd name="connsiteX5" fmla="*/ 2172685 w 2345070"/>
              <a:gd name="connsiteY5" fmla="*/ 935960 h 1144182"/>
              <a:gd name="connsiteX6" fmla="*/ 116860 w 2345070"/>
              <a:gd name="connsiteY6" fmla="*/ 695448 h 1144182"/>
              <a:gd name="connsiteX0" fmla="*/ 0 w 2357770"/>
              <a:gd name="connsiteY0" fmla="*/ 0 h 1144182"/>
              <a:gd name="connsiteX1" fmla="*/ 2238744 w 2357770"/>
              <a:gd name="connsiteY1" fmla="*/ 899338 h 1144182"/>
              <a:gd name="connsiteX2" fmla="*/ 2357770 w 2357770"/>
              <a:gd name="connsiteY2" fmla="*/ 756782 h 1144182"/>
              <a:gd name="connsiteX3" fmla="*/ 2317504 w 2357770"/>
              <a:gd name="connsiteY3" fmla="*/ 1144182 h 1144182"/>
              <a:gd name="connsiteX4" fmla="*/ 2025995 w 2357770"/>
              <a:gd name="connsiteY4" fmla="*/ 1040710 h 1144182"/>
              <a:gd name="connsiteX5" fmla="*/ 2172685 w 2357770"/>
              <a:gd name="connsiteY5" fmla="*/ 935960 h 1144182"/>
              <a:gd name="connsiteX6" fmla="*/ 116860 w 2357770"/>
              <a:gd name="connsiteY6" fmla="*/ 695448 h 1144182"/>
              <a:gd name="connsiteX0" fmla="*/ 0 w 2357770"/>
              <a:gd name="connsiteY0" fmla="*/ 0 h 1118782"/>
              <a:gd name="connsiteX1" fmla="*/ 2238744 w 2357770"/>
              <a:gd name="connsiteY1" fmla="*/ 899338 h 1118782"/>
              <a:gd name="connsiteX2" fmla="*/ 2357770 w 2357770"/>
              <a:gd name="connsiteY2" fmla="*/ 756782 h 1118782"/>
              <a:gd name="connsiteX3" fmla="*/ 2355604 w 2357770"/>
              <a:gd name="connsiteY3" fmla="*/ 1118782 h 1118782"/>
              <a:gd name="connsiteX4" fmla="*/ 2025995 w 2357770"/>
              <a:gd name="connsiteY4" fmla="*/ 1040710 h 1118782"/>
              <a:gd name="connsiteX5" fmla="*/ 2172685 w 2357770"/>
              <a:gd name="connsiteY5" fmla="*/ 935960 h 1118782"/>
              <a:gd name="connsiteX6" fmla="*/ 116860 w 2357770"/>
              <a:gd name="connsiteY6" fmla="*/ 695448 h 1118782"/>
              <a:gd name="connsiteX0" fmla="*/ 0 w 2357770"/>
              <a:gd name="connsiteY0" fmla="*/ 0 h 1135715"/>
              <a:gd name="connsiteX1" fmla="*/ 2238744 w 2357770"/>
              <a:gd name="connsiteY1" fmla="*/ 899338 h 1135715"/>
              <a:gd name="connsiteX2" fmla="*/ 2357770 w 2357770"/>
              <a:gd name="connsiteY2" fmla="*/ 756782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135715"/>
              <a:gd name="connsiteX1" fmla="*/ 2238744 w 2357770"/>
              <a:gd name="connsiteY1" fmla="*/ 899338 h 1135715"/>
              <a:gd name="connsiteX2" fmla="*/ 2357770 w 2357770"/>
              <a:gd name="connsiteY2" fmla="*/ 773715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135715"/>
              <a:gd name="connsiteX1" fmla="*/ 2238744 w 2357770"/>
              <a:gd name="connsiteY1" fmla="*/ 899338 h 1135715"/>
              <a:gd name="connsiteX2" fmla="*/ 2357770 w 2357770"/>
              <a:gd name="connsiteY2" fmla="*/ 814990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094440"/>
              <a:gd name="connsiteX1" fmla="*/ 2238744 w 2357770"/>
              <a:gd name="connsiteY1" fmla="*/ 899338 h 1094440"/>
              <a:gd name="connsiteX2" fmla="*/ 2357770 w 2357770"/>
              <a:gd name="connsiteY2" fmla="*/ 814990 h 1094440"/>
              <a:gd name="connsiteX3" fmla="*/ 2339171 w 2357770"/>
              <a:gd name="connsiteY3" fmla="*/ 1094440 h 1094440"/>
              <a:gd name="connsiteX4" fmla="*/ 2025995 w 2357770"/>
              <a:gd name="connsiteY4" fmla="*/ 1040710 h 1094440"/>
              <a:gd name="connsiteX5" fmla="*/ 2172685 w 2357770"/>
              <a:gd name="connsiteY5" fmla="*/ 935960 h 1094440"/>
              <a:gd name="connsiteX6" fmla="*/ 116860 w 2357770"/>
              <a:gd name="connsiteY6" fmla="*/ 695448 h 1094440"/>
              <a:gd name="connsiteX0" fmla="*/ 0 w 2430790"/>
              <a:gd name="connsiteY0" fmla="*/ 0 h 1132540"/>
              <a:gd name="connsiteX1" fmla="*/ 2238744 w 2430790"/>
              <a:gd name="connsiteY1" fmla="*/ 899338 h 1132540"/>
              <a:gd name="connsiteX2" fmla="*/ 2357770 w 2430790"/>
              <a:gd name="connsiteY2" fmla="*/ 814990 h 1132540"/>
              <a:gd name="connsiteX3" fmla="*/ 2430790 w 2430790"/>
              <a:gd name="connsiteY3" fmla="*/ 1132540 h 1132540"/>
              <a:gd name="connsiteX4" fmla="*/ 2025995 w 2430790"/>
              <a:gd name="connsiteY4" fmla="*/ 1040710 h 1132540"/>
              <a:gd name="connsiteX5" fmla="*/ 2172685 w 2430790"/>
              <a:gd name="connsiteY5" fmla="*/ 935960 h 1132540"/>
              <a:gd name="connsiteX6" fmla="*/ 116860 w 2430790"/>
              <a:gd name="connsiteY6" fmla="*/ 695448 h 1132540"/>
              <a:gd name="connsiteX0" fmla="*/ 0 w 2430790"/>
              <a:gd name="connsiteY0" fmla="*/ 0 h 1132540"/>
              <a:gd name="connsiteX1" fmla="*/ 2238744 w 2430790"/>
              <a:gd name="connsiteY1" fmla="*/ 899338 h 1132540"/>
              <a:gd name="connsiteX2" fmla="*/ 2357770 w 2430790"/>
              <a:gd name="connsiteY2" fmla="*/ 814990 h 1132540"/>
              <a:gd name="connsiteX3" fmla="*/ 2430790 w 2430790"/>
              <a:gd name="connsiteY3" fmla="*/ 1132540 h 1132540"/>
              <a:gd name="connsiteX4" fmla="*/ 2014045 w 2430790"/>
              <a:gd name="connsiteY4" fmla="*/ 1012135 h 1132540"/>
              <a:gd name="connsiteX5" fmla="*/ 2172685 w 2430790"/>
              <a:gd name="connsiteY5" fmla="*/ 935960 h 1132540"/>
              <a:gd name="connsiteX6" fmla="*/ 116860 w 2430790"/>
              <a:gd name="connsiteY6" fmla="*/ 695448 h 1132540"/>
              <a:gd name="connsiteX0" fmla="*/ 0 w 2430790"/>
              <a:gd name="connsiteY0" fmla="*/ 0 h 1132540"/>
              <a:gd name="connsiteX1" fmla="*/ 2238744 w 2430790"/>
              <a:gd name="connsiteY1" fmla="*/ 899338 h 1132540"/>
              <a:gd name="connsiteX2" fmla="*/ 2317936 w 2430790"/>
              <a:gd name="connsiteY2" fmla="*/ 795940 h 1132540"/>
              <a:gd name="connsiteX3" fmla="*/ 2430790 w 2430790"/>
              <a:gd name="connsiteY3" fmla="*/ 1132540 h 1132540"/>
              <a:gd name="connsiteX4" fmla="*/ 2014045 w 2430790"/>
              <a:gd name="connsiteY4" fmla="*/ 1012135 h 1132540"/>
              <a:gd name="connsiteX5" fmla="*/ 2172685 w 2430790"/>
              <a:gd name="connsiteY5" fmla="*/ 935960 h 1132540"/>
              <a:gd name="connsiteX6" fmla="*/ 116860 w 2430790"/>
              <a:gd name="connsiteY6" fmla="*/ 695448 h 1132540"/>
              <a:gd name="connsiteX0" fmla="*/ 0 w 2418840"/>
              <a:gd name="connsiteY0" fmla="*/ 0 h 1119840"/>
              <a:gd name="connsiteX1" fmla="*/ 2238744 w 2418840"/>
              <a:gd name="connsiteY1" fmla="*/ 899338 h 1119840"/>
              <a:gd name="connsiteX2" fmla="*/ 2317936 w 2418840"/>
              <a:gd name="connsiteY2" fmla="*/ 795940 h 1119840"/>
              <a:gd name="connsiteX3" fmla="*/ 2418840 w 2418840"/>
              <a:gd name="connsiteY3" fmla="*/ 1119840 h 1119840"/>
              <a:gd name="connsiteX4" fmla="*/ 2014045 w 2418840"/>
              <a:gd name="connsiteY4" fmla="*/ 1012135 h 1119840"/>
              <a:gd name="connsiteX5" fmla="*/ 2172685 w 2418840"/>
              <a:gd name="connsiteY5" fmla="*/ 935960 h 1119840"/>
              <a:gd name="connsiteX6" fmla="*/ 116860 w 2418840"/>
              <a:gd name="connsiteY6" fmla="*/ 695448 h 11198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418840" h="1119840">
                <a:moveTo>
                  <a:pt x="0" y="0"/>
                </a:moveTo>
                <a:cubicBezTo>
                  <a:pt x="1542115" y="93757"/>
                  <a:pt x="2025896" y="712448"/>
                  <a:pt x="2238744" y="899338"/>
                </a:cubicBezTo>
                <a:lnTo>
                  <a:pt x="2317936" y="795940"/>
                </a:lnTo>
                <a:lnTo>
                  <a:pt x="2418840" y="1119840"/>
                </a:lnTo>
                <a:lnTo>
                  <a:pt x="2014045" y="1012135"/>
                </a:lnTo>
                <a:lnTo>
                  <a:pt x="2172685" y="935960"/>
                </a:lnTo>
                <a:cubicBezTo>
                  <a:pt x="1329367" y="531234"/>
                  <a:pt x="409846" y="668374"/>
                  <a:pt x="116860" y="695448"/>
                </a:cubicBezTo>
              </a:path>
            </a:pathLst>
          </a:custGeom>
          <a:gradFill flip="none" rotWithShape="1">
            <a:gsLst>
              <a:gs pos="15000">
                <a:schemeClr val="accent1">
                  <a:lumMod val="5000"/>
                  <a:lumOff val="95000"/>
                  <a:alpha val="0"/>
                </a:schemeClr>
              </a:gs>
              <a:gs pos="81000">
                <a:schemeClr val="accent2">
                  <a:lumMod val="40000"/>
                  <a:lumOff val="60000"/>
                </a:schemeClr>
              </a:gs>
            </a:gsLst>
            <a:lin ang="0" scaled="1"/>
            <a:tileRect/>
          </a:gradFill>
          <a:ln>
            <a:gradFill flip="none" rotWithShape="1">
              <a:gsLst>
                <a:gs pos="11000">
                  <a:schemeClr val="accent1">
                    <a:lumMod val="0"/>
                    <a:lumOff val="100000"/>
                    <a:alpha val="0"/>
                  </a:schemeClr>
                </a:gs>
                <a:gs pos="67000">
                  <a:srgbClr val="EC7061"/>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96" name="Right Arrow 158"/>
          <p:cNvSpPr/>
          <p:nvPr/>
        </p:nvSpPr>
        <p:spPr>
          <a:xfrm rot="16200000">
            <a:off x="3555387" y="5009459"/>
            <a:ext cx="845858" cy="1065456"/>
          </a:xfrm>
          <a:custGeom>
            <a:avLst/>
            <a:gdLst>
              <a:gd name="connsiteX0" fmla="*/ 0 w 633403"/>
              <a:gd name="connsiteY0" fmla="*/ 140615 h 494305"/>
              <a:gd name="connsiteX1" fmla="*/ 386251 w 633403"/>
              <a:gd name="connsiteY1" fmla="*/ 140615 h 494305"/>
              <a:gd name="connsiteX2" fmla="*/ 386251 w 633403"/>
              <a:gd name="connsiteY2" fmla="*/ 0 h 494305"/>
              <a:gd name="connsiteX3" fmla="*/ 633403 w 633403"/>
              <a:gd name="connsiteY3" fmla="*/ 247153 h 494305"/>
              <a:gd name="connsiteX4" fmla="*/ 386251 w 633403"/>
              <a:gd name="connsiteY4" fmla="*/ 494305 h 494305"/>
              <a:gd name="connsiteX5" fmla="*/ 386251 w 633403"/>
              <a:gd name="connsiteY5" fmla="*/ 353690 h 494305"/>
              <a:gd name="connsiteX6" fmla="*/ 0 w 633403"/>
              <a:gd name="connsiteY6" fmla="*/ 353690 h 494305"/>
              <a:gd name="connsiteX7" fmla="*/ 0 w 633403"/>
              <a:gd name="connsiteY7" fmla="*/ 140615 h 494305"/>
              <a:gd name="connsiteX0" fmla="*/ 0 w 637213"/>
              <a:gd name="connsiteY0" fmla="*/ 0 h 1016630"/>
              <a:gd name="connsiteX1" fmla="*/ 390061 w 637213"/>
              <a:gd name="connsiteY1" fmla="*/ 662940 h 1016630"/>
              <a:gd name="connsiteX2" fmla="*/ 390061 w 637213"/>
              <a:gd name="connsiteY2" fmla="*/ 522325 h 1016630"/>
              <a:gd name="connsiteX3" fmla="*/ 637213 w 637213"/>
              <a:gd name="connsiteY3" fmla="*/ 769478 h 1016630"/>
              <a:gd name="connsiteX4" fmla="*/ 390061 w 637213"/>
              <a:gd name="connsiteY4" fmla="*/ 1016630 h 1016630"/>
              <a:gd name="connsiteX5" fmla="*/ 390061 w 637213"/>
              <a:gd name="connsiteY5" fmla="*/ 876015 h 1016630"/>
              <a:gd name="connsiteX6" fmla="*/ 3810 w 637213"/>
              <a:gd name="connsiteY6" fmla="*/ 876015 h 1016630"/>
              <a:gd name="connsiteX7" fmla="*/ 0 w 637213"/>
              <a:gd name="connsiteY7" fmla="*/ 0 h 1016630"/>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1 w 1212477"/>
              <a:gd name="connsiteY0" fmla="*/ 0 h 1770281"/>
              <a:gd name="connsiteX1" fmla="*/ 965325 w 1212477"/>
              <a:gd name="connsiteY1" fmla="*/ 898073 h 1770281"/>
              <a:gd name="connsiteX2" fmla="*/ 965325 w 1212477"/>
              <a:gd name="connsiteY2" fmla="*/ 757458 h 1770281"/>
              <a:gd name="connsiteX3" fmla="*/ 1212477 w 1212477"/>
              <a:gd name="connsiteY3" fmla="*/ 1004611 h 1770281"/>
              <a:gd name="connsiteX4" fmla="*/ 965325 w 1212477"/>
              <a:gd name="connsiteY4" fmla="*/ 1251763 h 1770281"/>
              <a:gd name="connsiteX5" fmla="*/ 965325 w 1212477"/>
              <a:gd name="connsiteY5" fmla="*/ 1111148 h 1770281"/>
              <a:gd name="connsiteX6" fmla="*/ 582884 w 1212477"/>
              <a:gd name="connsiteY6" fmla="*/ 1770281 h 1770281"/>
              <a:gd name="connsiteX7" fmla="*/ -1 w 1212477"/>
              <a:gd name="connsiteY7" fmla="*/ 0 h 1770281"/>
              <a:gd name="connsiteX0" fmla="*/ 0 w 1212478"/>
              <a:gd name="connsiteY0" fmla="*/ 0 h 2112676"/>
              <a:gd name="connsiteX1" fmla="*/ 965326 w 1212478"/>
              <a:gd name="connsiteY1" fmla="*/ 898073 h 2112676"/>
              <a:gd name="connsiteX2" fmla="*/ 965326 w 1212478"/>
              <a:gd name="connsiteY2" fmla="*/ 757458 h 2112676"/>
              <a:gd name="connsiteX3" fmla="*/ 1212478 w 1212478"/>
              <a:gd name="connsiteY3" fmla="*/ 1004611 h 2112676"/>
              <a:gd name="connsiteX4" fmla="*/ 965326 w 1212478"/>
              <a:gd name="connsiteY4" fmla="*/ 1251763 h 2112676"/>
              <a:gd name="connsiteX5" fmla="*/ 965326 w 1212478"/>
              <a:gd name="connsiteY5" fmla="*/ 1111148 h 2112676"/>
              <a:gd name="connsiteX6" fmla="*/ 29466 w 1212478"/>
              <a:gd name="connsiteY6" fmla="*/ 2112677 h 2112676"/>
              <a:gd name="connsiteX7" fmla="*/ 0 w 1212478"/>
              <a:gd name="connsiteY7" fmla="*/ 0 h 2112676"/>
              <a:gd name="connsiteX0" fmla="*/ 0 w 1212478"/>
              <a:gd name="connsiteY0" fmla="*/ 0 h 2112678"/>
              <a:gd name="connsiteX1" fmla="*/ 965326 w 1212478"/>
              <a:gd name="connsiteY1" fmla="*/ 898073 h 2112678"/>
              <a:gd name="connsiteX2" fmla="*/ 965326 w 1212478"/>
              <a:gd name="connsiteY2" fmla="*/ 757458 h 2112678"/>
              <a:gd name="connsiteX3" fmla="*/ 1212478 w 1212478"/>
              <a:gd name="connsiteY3" fmla="*/ 1004611 h 2112678"/>
              <a:gd name="connsiteX4" fmla="*/ 965326 w 1212478"/>
              <a:gd name="connsiteY4" fmla="*/ 1251763 h 2112678"/>
              <a:gd name="connsiteX5" fmla="*/ 965326 w 1212478"/>
              <a:gd name="connsiteY5" fmla="*/ 1111148 h 2112678"/>
              <a:gd name="connsiteX6" fmla="*/ 29466 w 1212478"/>
              <a:gd name="connsiteY6" fmla="*/ 2112678 h 2112678"/>
              <a:gd name="connsiteX7" fmla="*/ 0 w 1212478"/>
              <a:gd name="connsiteY7" fmla="*/ 0 h 2112678"/>
              <a:gd name="connsiteX0" fmla="*/ 0 w 1212478"/>
              <a:gd name="connsiteY0" fmla="*/ 0 h 2112678"/>
              <a:gd name="connsiteX1" fmla="*/ 965326 w 1212478"/>
              <a:gd name="connsiteY1" fmla="*/ 898073 h 2112678"/>
              <a:gd name="connsiteX2" fmla="*/ 965326 w 1212478"/>
              <a:gd name="connsiteY2" fmla="*/ 757458 h 2112678"/>
              <a:gd name="connsiteX3" fmla="*/ 1212478 w 1212478"/>
              <a:gd name="connsiteY3" fmla="*/ 1004611 h 2112678"/>
              <a:gd name="connsiteX4" fmla="*/ 965326 w 1212478"/>
              <a:gd name="connsiteY4" fmla="*/ 1251763 h 2112678"/>
              <a:gd name="connsiteX5" fmla="*/ 965326 w 1212478"/>
              <a:gd name="connsiteY5" fmla="*/ 1111148 h 2112678"/>
              <a:gd name="connsiteX6" fmla="*/ 29466 w 1212478"/>
              <a:gd name="connsiteY6" fmla="*/ 2112678 h 2112678"/>
              <a:gd name="connsiteX7" fmla="*/ 0 w 1212478"/>
              <a:gd name="connsiteY7" fmla="*/ 0 h 21126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212478" h="2112678">
                <a:moveTo>
                  <a:pt x="0" y="0"/>
                </a:moveTo>
                <a:cubicBezTo>
                  <a:pt x="76680" y="461013"/>
                  <a:pt x="698146" y="848546"/>
                  <a:pt x="965326" y="898073"/>
                </a:cubicBezTo>
                <a:lnTo>
                  <a:pt x="965326" y="757458"/>
                </a:lnTo>
                <a:lnTo>
                  <a:pt x="1212478" y="1004611"/>
                </a:lnTo>
                <a:lnTo>
                  <a:pt x="965326" y="1251763"/>
                </a:lnTo>
                <a:lnTo>
                  <a:pt x="965326" y="1111148"/>
                </a:lnTo>
                <a:cubicBezTo>
                  <a:pt x="693066" y="1208942"/>
                  <a:pt x="126972" y="1618078"/>
                  <a:pt x="29466" y="2112678"/>
                </a:cubicBezTo>
                <a:lnTo>
                  <a:pt x="0" y="0"/>
                </a:lnTo>
                <a:close/>
              </a:path>
            </a:pathLst>
          </a:custGeom>
          <a:gradFill flip="none" rotWithShape="1">
            <a:gsLst>
              <a:gs pos="15000">
                <a:schemeClr val="accent1">
                  <a:lumMod val="5000"/>
                  <a:lumOff val="95000"/>
                  <a:alpha val="0"/>
                </a:schemeClr>
              </a:gs>
              <a:gs pos="81000">
                <a:schemeClr val="accent2">
                  <a:lumMod val="40000"/>
                  <a:lumOff val="60000"/>
                </a:schemeClr>
              </a:gs>
            </a:gsLst>
            <a:lin ang="0" scaled="1"/>
            <a:tileRect/>
          </a:gradFill>
          <a:ln>
            <a:gradFill flip="none" rotWithShape="1">
              <a:gsLst>
                <a:gs pos="11000">
                  <a:schemeClr val="accent1">
                    <a:lumMod val="0"/>
                    <a:lumOff val="100000"/>
                    <a:alpha val="0"/>
                  </a:schemeClr>
                </a:gs>
                <a:gs pos="67000">
                  <a:srgbClr val="EC7061"/>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04" name="文本框 103"/>
          <p:cNvSpPr txBox="1"/>
          <p:nvPr/>
        </p:nvSpPr>
        <p:spPr>
          <a:xfrm>
            <a:off x="2573605" y="5972920"/>
            <a:ext cx="660758" cy="307777"/>
          </a:xfrm>
          <a:prstGeom prst="rect">
            <a:avLst/>
          </a:prstGeom>
          <a:noFill/>
        </p:spPr>
        <p:txBody>
          <a:bodyPr wrap="none" rtlCol="0">
            <a:spAutoFit/>
          </a:bodyPr>
          <a:lstStyle/>
          <a:p>
            <a:r>
              <a:rPr lang="zh-CN" altLang="en-US" sz="1400">
                <a:solidFill>
                  <a:srgbClr val="0070C0"/>
                </a:solidFill>
              </a:rPr>
              <a:t>用户</a:t>
            </a:r>
            <a:r>
              <a:rPr lang="en-US" altLang="zh-CN" sz="1400">
                <a:solidFill>
                  <a:srgbClr val="0070C0"/>
                </a:solidFill>
              </a:rPr>
              <a:t>A</a:t>
            </a:r>
          </a:p>
        </p:txBody>
      </p:sp>
      <p:sp>
        <p:nvSpPr>
          <p:cNvPr id="105" name="文本框 104"/>
          <p:cNvSpPr txBox="1"/>
          <p:nvPr/>
        </p:nvSpPr>
        <p:spPr>
          <a:xfrm>
            <a:off x="4148999" y="5972920"/>
            <a:ext cx="660758" cy="307777"/>
          </a:xfrm>
          <a:prstGeom prst="rect">
            <a:avLst/>
          </a:prstGeom>
          <a:noFill/>
        </p:spPr>
        <p:txBody>
          <a:bodyPr wrap="none" rtlCol="0">
            <a:spAutoFit/>
          </a:bodyPr>
          <a:lstStyle/>
          <a:p>
            <a:r>
              <a:rPr lang="zh-CN" altLang="en-US" sz="1400">
                <a:solidFill>
                  <a:srgbClr val="0070C0"/>
                </a:solidFill>
              </a:rPr>
              <a:t>用户</a:t>
            </a:r>
            <a:r>
              <a:rPr lang="en-US" altLang="zh-CN" sz="1400">
                <a:solidFill>
                  <a:srgbClr val="0070C0"/>
                </a:solidFill>
              </a:rPr>
              <a:t>B</a:t>
            </a:r>
          </a:p>
        </p:txBody>
      </p:sp>
      <p:sp>
        <p:nvSpPr>
          <p:cNvPr id="106" name="文本框 105"/>
          <p:cNvSpPr txBox="1"/>
          <p:nvPr/>
        </p:nvSpPr>
        <p:spPr>
          <a:xfrm>
            <a:off x="5672384" y="5972920"/>
            <a:ext cx="660758" cy="307777"/>
          </a:xfrm>
          <a:prstGeom prst="rect">
            <a:avLst/>
          </a:prstGeom>
          <a:noFill/>
        </p:spPr>
        <p:txBody>
          <a:bodyPr wrap="none" rtlCol="0">
            <a:spAutoFit/>
          </a:bodyPr>
          <a:lstStyle/>
          <a:p>
            <a:r>
              <a:rPr lang="zh-CN" altLang="en-US" sz="1400">
                <a:solidFill>
                  <a:srgbClr val="0070C0"/>
                </a:solidFill>
              </a:rPr>
              <a:t>用户</a:t>
            </a:r>
            <a:r>
              <a:rPr lang="en-US" altLang="zh-CN" sz="1400">
                <a:solidFill>
                  <a:srgbClr val="0070C0"/>
                </a:solidFill>
              </a:rPr>
              <a:t>C</a:t>
            </a:r>
          </a:p>
        </p:txBody>
      </p:sp>
      <p:sp>
        <p:nvSpPr>
          <p:cNvPr id="108" name="文本框 107"/>
          <p:cNvSpPr txBox="1"/>
          <p:nvPr/>
        </p:nvSpPr>
        <p:spPr>
          <a:xfrm>
            <a:off x="1866146" y="5570662"/>
            <a:ext cx="902811" cy="307777"/>
          </a:xfrm>
          <a:prstGeom prst="rect">
            <a:avLst/>
          </a:prstGeom>
          <a:noFill/>
        </p:spPr>
        <p:txBody>
          <a:bodyPr wrap="none" rtlCol="0">
            <a:spAutoFit/>
          </a:bodyPr>
          <a:lstStyle/>
          <a:p>
            <a:r>
              <a:rPr lang="zh-CN" altLang="en-US" sz="1400">
                <a:solidFill>
                  <a:srgbClr val="EC7061"/>
                </a:solidFill>
              </a:rPr>
              <a:t>准入认证</a:t>
            </a:r>
            <a:endParaRPr lang="en-US" altLang="zh-CN" sz="1400">
              <a:solidFill>
                <a:srgbClr val="EC7061"/>
              </a:solidFill>
            </a:endParaRPr>
          </a:p>
        </p:txBody>
      </p:sp>
      <p:sp>
        <p:nvSpPr>
          <p:cNvPr id="109" name="文本框 108"/>
          <p:cNvSpPr txBox="1"/>
          <p:nvPr/>
        </p:nvSpPr>
        <p:spPr>
          <a:xfrm>
            <a:off x="3525061" y="5570662"/>
            <a:ext cx="902811" cy="307777"/>
          </a:xfrm>
          <a:prstGeom prst="rect">
            <a:avLst/>
          </a:prstGeom>
          <a:noFill/>
        </p:spPr>
        <p:txBody>
          <a:bodyPr wrap="none" rtlCol="0">
            <a:spAutoFit/>
          </a:bodyPr>
          <a:lstStyle/>
          <a:p>
            <a:r>
              <a:rPr lang="zh-CN" altLang="en-US" sz="1400">
                <a:solidFill>
                  <a:srgbClr val="EC7061"/>
                </a:solidFill>
              </a:rPr>
              <a:t>准入认证</a:t>
            </a:r>
            <a:endParaRPr lang="en-US" altLang="zh-CN" sz="1400">
              <a:solidFill>
                <a:srgbClr val="EC7061"/>
              </a:solidFill>
            </a:endParaRPr>
          </a:p>
        </p:txBody>
      </p:sp>
      <p:sp>
        <p:nvSpPr>
          <p:cNvPr id="110" name="文本框 109"/>
          <p:cNvSpPr txBox="1"/>
          <p:nvPr/>
        </p:nvSpPr>
        <p:spPr>
          <a:xfrm>
            <a:off x="5073614" y="5570662"/>
            <a:ext cx="902811" cy="307777"/>
          </a:xfrm>
          <a:prstGeom prst="rect">
            <a:avLst/>
          </a:prstGeom>
          <a:noFill/>
        </p:spPr>
        <p:txBody>
          <a:bodyPr wrap="none" rtlCol="0">
            <a:spAutoFit/>
          </a:bodyPr>
          <a:lstStyle/>
          <a:p>
            <a:r>
              <a:rPr lang="zh-CN" altLang="en-US" sz="1400">
                <a:solidFill>
                  <a:srgbClr val="EC7061"/>
                </a:solidFill>
              </a:rPr>
              <a:t>准入认证</a:t>
            </a:r>
            <a:endParaRPr lang="en-US" altLang="zh-CN" sz="1400">
              <a:solidFill>
                <a:srgbClr val="EC7061"/>
              </a:solidFill>
            </a:endParaRPr>
          </a:p>
        </p:txBody>
      </p:sp>
      <p:sp>
        <p:nvSpPr>
          <p:cNvPr id="111" name="文本框 110"/>
          <p:cNvSpPr txBox="1"/>
          <p:nvPr/>
        </p:nvSpPr>
        <p:spPr>
          <a:xfrm>
            <a:off x="7597234" y="2176862"/>
            <a:ext cx="3838539" cy="584775"/>
          </a:xfrm>
          <a:prstGeom prst="rect">
            <a:avLst/>
          </a:prstGeom>
          <a:noFill/>
        </p:spPr>
        <p:txBody>
          <a:bodyPr wrap="square" rtlCol="0">
            <a:spAutoFit/>
          </a:bodyPr>
          <a:lstStyle/>
          <a:p>
            <a:r>
              <a:rPr lang="zh-CN" altLang="en-US" sz="1600"/>
              <a:t>引入安全组。安全组即拥有相同网络访问策略的一组用户。</a:t>
            </a:r>
          </a:p>
        </p:txBody>
      </p:sp>
      <p:sp>
        <p:nvSpPr>
          <p:cNvPr id="112" name="文本框 111"/>
          <p:cNvSpPr txBox="1"/>
          <p:nvPr/>
        </p:nvSpPr>
        <p:spPr>
          <a:xfrm>
            <a:off x="7597234" y="3002362"/>
            <a:ext cx="3838539" cy="584775"/>
          </a:xfrm>
          <a:prstGeom prst="rect">
            <a:avLst/>
          </a:prstGeom>
          <a:noFill/>
        </p:spPr>
        <p:txBody>
          <a:bodyPr wrap="square" rtlCol="0">
            <a:spAutoFit/>
          </a:bodyPr>
          <a:lstStyle/>
          <a:p>
            <a:r>
              <a:rPr lang="zh-CN" altLang="en-US" sz="1600"/>
              <a:t>定义基于安全组的权限控制策略、用户体验策略，将策略下发到网络设备。</a:t>
            </a:r>
          </a:p>
        </p:txBody>
      </p:sp>
      <p:sp>
        <p:nvSpPr>
          <p:cNvPr id="113" name="文本框 112"/>
          <p:cNvSpPr txBox="1"/>
          <p:nvPr/>
        </p:nvSpPr>
        <p:spPr>
          <a:xfrm>
            <a:off x="7597234" y="5838004"/>
            <a:ext cx="3959766" cy="338554"/>
          </a:xfrm>
          <a:prstGeom prst="rect">
            <a:avLst/>
          </a:prstGeom>
          <a:noFill/>
        </p:spPr>
        <p:txBody>
          <a:bodyPr wrap="square" rtlCol="0">
            <a:spAutoFit/>
          </a:bodyPr>
          <a:lstStyle/>
          <a:p>
            <a:r>
              <a:rPr lang="zh-CN" altLang="en-US" sz="1600"/>
              <a:t>用户执行准入认证后，获得授权的安全组。</a:t>
            </a:r>
          </a:p>
        </p:txBody>
      </p:sp>
      <p:sp>
        <p:nvSpPr>
          <p:cNvPr id="114" name="Oval 4"/>
          <p:cNvSpPr>
            <a:spLocks noChangeAspect="1"/>
          </p:cNvSpPr>
          <p:nvPr/>
        </p:nvSpPr>
        <p:spPr>
          <a:xfrm>
            <a:off x="7257262" y="2324277"/>
            <a:ext cx="256186" cy="256186"/>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600" b="1">
                <a:solidFill>
                  <a:schemeClr val="bg1"/>
                </a:solidFill>
                <a:latin typeface="Huawei Sans" panose="020C0503030203020204" pitchFamily="34" charset="0"/>
                <a:ea typeface="方正兰亭黑简体" panose="02000000000000000000" pitchFamily="2" charset="-122"/>
              </a:rPr>
              <a:t>1</a:t>
            </a:r>
            <a:endParaRPr lang="zh-CN" altLang="en-US" sz="1600" b="1">
              <a:solidFill>
                <a:schemeClr val="bg1"/>
              </a:solidFill>
              <a:latin typeface="Huawei Sans" panose="020C0503030203020204" pitchFamily="34" charset="0"/>
              <a:ea typeface="方正兰亭黑简体" panose="02000000000000000000" pitchFamily="2" charset="-122"/>
            </a:endParaRPr>
          </a:p>
        </p:txBody>
      </p:sp>
      <p:sp>
        <p:nvSpPr>
          <p:cNvPr id="115" name="Oval 4"/>
          <p:cNvSpPr>
            <a:spLocks noChangeAspect="1"/>
          </p:cNvSpPr>
          <p:nvPr/>
        </p:nvSpPr>
        <p:spPr>
          <a:xfrm>
            <a:off x="7257262" y="3155401"/>
            <a:ext cx="256186" cy="256186"/>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600" b="1">
                <a:solidFill>
                  <a:schemeClr val="bg1"/>
                </a:solidFill>
                <a:latin typeface="Huawei Sans" panose="020C0503030203020204" pitchFamily="34" charset="0"/>
                <a:ea typeface="方正兰亭黑简体" panose="02000000000000000000" pitchFamily="2" charset="-122"/>
              </a:rPr>
              <a:t>2</a:t>
            </a:r>
            <a:endParaRPr lang="zh-CN" altLang="en-US" sz="1600" b="1">
              <a:solidFill>
                <a:schemeClr val="bg1"/>
              </a:solidFill>
              <a:latin typeface="Huawei Sans" panose="020C0503030203020204" pitchFamily="34" charset="0"/>
              <a:ea typeface="方正兰亭黑简体" panose="02000000000000000000" pitchFamily="2" charset="-122"/>
            </a:endParaRPr>
          </a:p>
        </p:txBody>
      </p:sp>
      <p:sp>
        <p:nvSpPr>
          <p:cNvPr id="116" name="Oval 4"/>
          <p:cNvSpPr>
            <a:spLocks noChangeAspect="1"/>
          </p:cNvSpPr>
          <p:nvPr/>
        </p:nvSpPr>
        <p:spPr>
          <a:xfrm>
            <a:off x="7257262" y="5858468"/>
            <a:ext cx="256186" cy="256186"/>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600" b="1">
                <a:solidFill>
                  <a:schemeClr val="bg1"/>
                </a:solidFill>
                <a:latin typeface="Huawei Sans" panose="020C0503030203020204" pitchFamily="34" charset="0"/>
                <a:ea typeface="方正兰亭黑简体" panose="02000000000000000000" pitchFamily="2" charset="-122"/>
              </a:rPr>
              <a:t>3</a:t>
            </a:r>
            <a:endParaRPr lang="zh-CN" altLang="en-US" sz="1600" b="1">
              <a:solidFill>
                <a:schemeClr val="bg1"/>
              </a:solidFill>
              <a:latin typeface="Huawei Sans" panose="020C0503030203020204" pitchFamily="34" charset="0"/>
              <a:ea typeface="方正兰亭黑简体" panose="02000000000000000000" pitchFamily="2" charset="-122"/>
            </a:endParaRPr>
          </a:p>
        </p:txBody>
      </p:sp>
      <p:sp>
        <p:nvSpPr>
          <p:cNvPr id="117" name="文本框 116"/>
          <p:cNvSpPr txBox="1"/>
          <p:nvPr/>
        </p:nvSpPr>
        <p:spPr>
          <a:xfrm>
            <a:off x="7597234" y="4432654"/>
            <a:ext cx="3838539" cy="584775"/>
          </a:xfrm>
          <a:prstGeom prst="rect">
            <a:avLst/>
          </a:prstGeom>
          <a:noFill/>
        </p:spPr>
        <p:txBody>
          <a:bodyPr wrap="square" rtlCol="0">
            <a:spAutoFit/>
          </a:bodyPr>
          <a:lstStyle/>
          <a:p>
            <a:r>
              <a:rPr lang="zh-CN" altLang="en-US" sz="1600"/>
              <a:t>用户的流量进入网络后，网络设备根据流量所述的源、目的安全组执行策略。</a:t>
            </a:r>
          </a:p>
        </p:txBody>
      </p:sp>
      <p:sp>
        <p:nvSpPr>
          <p:cNvPr id="118" name="Oval 4"/>
          <p:cNvSpPr>
            <a:spLocks noChangeAspect="1"/>
          </p:cNvSpPr>
          <p:nvPr/>
        </p:nvSpPr>
        <p:spPr>
          <a:xfrm>
            <a:off x="7257262" y="4564850"/>
            <a:ext cx="256186" cy="256186"/>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altLang="zh-CN" sz="1600" b="1">
                <a:solidFill>
                  <a:schemeClr val="bg1"/>
                </a:solidFill>
                <a:latin typeface="Huawei Sans" panose="020C0503030203020204" pitchFamily="34" charset="0"/>
                <a:ea typeface="方正兰亭黑简体" panose="02000000000000000000" pitchFamily="2" charset="-122"/>
              </a:rPr>
              <a:t>4</a:t>
            </a:r>
            <a:endParaRPr lang="zh-CN" altLang="en-US" sz="1600" b="1">
              <a:solidFill>
                <a:schemeClr val="bg1"/>
              </a:solidFill>
              <a:latin typeface="Huawei Sans" panose="020C0503030203020204" pitchFamily="34" charset="0"/>
              <a:ea typeface="方正兰亭黑简体" panose="02000000000000000000" pitchFamily="2" charset="-122"/>
            </a:endParaRPr>
          </a:p>
        </p:txBody>
      </p:sp>
      <p:sp>
        <p:nvSpPr>
          <p:cNvPr id="119" name="Right Arrow 158"/>
          <p:cNvSpPr/>
          <p:nvPr/>
        </p:nvSpPr>
        <p:spPr>
          <a:xfrm rot="16200000" flipH="1">
            <a:off x="3603549" y="1170023"/>
            <a:ext cx="724137" cy="5696725"/>
          </a:xfrm>
          <a:custGeom>
            <a:avLst/>
            <a:gdLst>
              <a:gd name="connsiteX0" fmla="*/ 0 w 633403"/>
              <a:gd name="connsiteY0" fmla="*/ 140615 h 494305"/>
              <a:gd name="connsiteX1" fmla="*/ 386251 w 633403"/>
              <a:gd name="connsiteY1" fmla="*/ 140615 h 494305"/>
              <a:gd name="connsiteX2" fmla="*/ 386251 w 633403"/>
              <a:gd name="connsiteY2" fmla="*/ 0 h 494305"/>
              <a:gd name="connsiteX3" fmla="*/ 633403 w 633403"/>
              <a:gd name="connsiteY3" fmla="*/ 247153 h 494305"/>
              <a:gd name="connsiteX4" fmla="*/ 386251 w 633403"/>
              <a:gd name="connsiteY4" fmla="*/ 494305 h 494305"/>
              <a:gd name="connsiteX5" fmla="*/ 386251 w 633403"/>
              <a:gd name="connsiteY5" fmla="*/ 353690 h 494305"/>
              <a:gd name="connsiteX6" fmla="*/ 0 w 633403"/>
              <a:gd name="connsiteY6" fmla="*/ 353690 h 494305"/>
              <a:gd name="connsiteX7" fmla="*/ 0 w 633403"/>
              <a:gd name="connsiteY7" fmla="*/ 140615 h 494305"/>
              <a:gd name="connsiteX0" fmla="*/ 0 w 637213"/>
              <a:gd name="connsiteY0" fmla="*/ 0 h 1016630"/>
              <a:gd name="connsiteX1" fmla="*/ 390061 w 637213"/>
              <a:gd name="connsiteY1" fmla="*/ 662940 h 1016630"/>
              <a:gd name="connsiteX2" fmla="*/ 390061 w 637213"/>
              <a:gd name="connsiteY2" fmla="*/ 522325 h 1016630"/>
              <a:gd name="connsiteX3" fmla="*/ 637213 w 637213"/>
              <a:gd name="connsiteY3" fmla="*/ 769478 h 1016630"/>
              <a:gd name="connsiteX4" fmla="*/ 390061 w 637213"/>
              <a:gd name="connsiteY4" fmla="*/ 1016630 h 1016630"/>
              <a:gd name="connsiteX5" fmla="*/ 390061 w 637213"/>
              <a:gd name="connsiteY5" fmla="*/ 876015 h 1016630"/>
              <a:gd name="connsiteX6" fmla="*/ 3810 w 637213"/>
              <a:gd name="connsiteY6" fmla="*/ 876015 h 1016630"/>
              <a:gd name="connsiteX7" fmla="*/ 0 w 637213"/>
              <a:gd name="connsiteY7" fmla="*/ 0 h 1016630"/>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1 w 1212477"/>
              <a:gd name="connsiteY0" fmla="*/ 0 h 1770281"/>
              <a:gd name="connsiteX1" fmla="*/ 965325 w 1212477"/>
              <a:gd name="connsiteY1" fmla="*/ 898073 h 1770281"/>
              <a:gd name="connsiteX2" fmla="*/ 965325 w 1212477"/>
              <a:gd name="connsiteY2" fmla="*/ 757458 h 1770281"/>
              <a:gd name="connsiteX3" fmla="*/ 1212477 w 1212477"/>
              <a:gd name="connsiteY3" fmla="*/ 1004611 h 1770281"/>
              <a:gd name="connsiteX4" fmla="*/ 965325 w 1212477"/>
              <a:gd name="connsiteY4" fmla="*/ 1251763 h 1770281"/>
              <a:gd name="connsiteX5" fmla="*/ 965325 w 1212477"/>
              <a:gd name="connsiteY5" fmla="*/ 1111148 h 1770281"/>
              <a:gd name="connsiteX6" fmla="*/ 582884 w 1212477"/>
              <a:gd name="connsiteY6" fmla="*/ 1770281 h 1770281"/>
              <a:gd name="connsiteX7" fmla="*/ -1 w 1212477"/>
              <a:gd name="connsiteY7" fmla="*/ 0 h 1770281"/>
              <a:gd name="connsiteX0" fmla="*/ 0 w 1212478"/>
              <a:gd name="connsiteY0" fmla="*/ 0 h 2112676"/>
              <a:gd name="connsiteX1" fmla="*/ 965326 w 1212478"/>
              <a:gd name="connsiteY1" fmla="*/ 898073 h 2112676"/>
              <a:gd name="connsiteX2" fmla="*/ 965326 w 1212478"/>
              <a:gd name="connsiteY2" fmla="*/ 757458 h 2112676"/>
              <a:gd name="connsiteX3" fmla="*/ 1212478 w 1212478"/>
              <a:gd name="connsiteY3" fmla="*/ 1004611 h 2112676"/>
              <a:gd name="connsiteX4" fmla="*/ 965326 w 1212478"/>
              <a:gd name="connsiteY4" fmla="*/ 1251763 h 2112676"/>
              <a:gd name="connsiteX5" fmla="*/ 965326 w 1212478"/>
              <a:gd name="connsiteY5" fmla="*/ 1111148 h 2112676"/>
              <a:gd name="connsiteX6" fmla="*/ 29466 w 1212478"/>
              <a:gd name="connsiteY6" fmla="*/ 2112677 h 2112676"/>
              <a:gd name="connsiteX7" fmla="*/ 0 w 1212478"/>
              <a:gd name="connsiteY7" fmla="*/ 0 h 2112676"/>
              <a:gd name="connsiteX0" fmla="*/ 0 w 1212478"/>
              <a:gd name="connsiteY0" fmla="*/ 0 h 2112678"/>
              <a:gd name="connsiteX1" fmla="*/ 965326 w 1212478"/>
              <a:gd name="connsiteY1" fmla="*/ 898073 h 2112678"/>
              <a:gd name="connsiteX2" fmla="*/ 965326 w 1212478"/>
              <a:gd name="connsiteY2" fmla="*/ 757458 h 2112678"/>
              <a:gd name="connsiteX3" fmla="*/ 1212478 w 1212478"/>
              <a:gd name="connsiteY3" fmla="*/ 1004611 h 2112678"/>
              <a:gd name="connsiteX4" fmla="*/ 965326 w 1212478"/>
              <a:gd name="connsiteY4" fmla="*/ 1251763 h 2112678"/>
              <a:gd name="connsiteX5" fmla="*/ 965326 w 1212478"/>
              <a:gd name="connsiteY5" fmla="*/ 1111148 h 2112678"/>
              <a:gd name="connsiteX6" fmla="*/ 29466 w 1212478"/>
              <a:gd name="connsiteY6" fmla="*/ 2112678 h 2112678"/>
              <a:gd name="connsiteX7" fmla="*/ 0 w 1212478"/>
              <a:gd name="connsiteY7" fmla="*/ 0 h 2112678"/>
              <a:gd name="connsiteX0" fmla="*/ 0 w 1212478"/>
              <a:gd name="connsiteY0" fmla="*/ 0 h 2112678"/>
              <a:gd name="connsiteX1" fmla="*/ 965326 w 1212478"/>
              <a:gd name="connsiteY1" fmla="*/ 898073 h 2112678"/>
              <a:gd name="connsiteX2" fmla="*/ 965326 w 1212478"/>
              <a:gd name="connsiteY2" fmla="*/ 757458 h 2112678"/>
              <a:gd name="connsiteX3" fmla="*/ 1212478 w 1212478"/>
              <a:gd name="connsiteY3" fmla="*/ 1004611 h 2112678"/>
              <a:gd name="connsiteX4" fmla="*/ 965326 w 1212478"/>
              <a:gd name="connsiteY4" fmla="*/ 1251763 h 2112678"/>
              <a:gd name="connsiteX5" fmla="*/ 965326 w 1212478"/>
              <a:gd name="connsiteY5" fmla="*/ 1111148 h 2112678"/>
              <a:gd name="connsiteX6" fmla="*/ 29466 w 1212478"/>
              <a:gd name="connsiteY6" fmla="*/ 2112678 h 2112678"/>
              <a:gd name="connsiteX7" fmla="*/ 0 w 1212478"/>
              <a:gd name="connsiteY7" fmla="*/ 0 h 2112678"/>
              <a:gd name="connsiteX0" fmla="*/ 316036 w 1183012"/>
              <a:gd name="connsiteY0" fmla="*/ 0 h 6729497"/>
              <a:gd name="connsiteX1" fmla="*/ 935860 w 1183012"/>
              <a:gd name="connsiteY1" fmla="*/ 5514892 h 6729497"/>
              <a:gd name="connsiteX2" fmla="*/ 935860 w 1183012"/>
              <a:gd name="connsiteY2" fmla="*/ 5374277 h 6729497"/>
              <a:gd name="connsiteX3" fmla="*/ 1183012 w 1183012"/>
              <a:gd name="connsiteY3" fmla="*/ 5621430 h 6729497"/>
              <a:gd name="connsiteX4" fmla="*/ 935860 w 1183012"/>
              <a:gd name="connsiteY4" fmla="*/ 5868582 h 6729497"/>
              <a:gd name="connsiteX5" fmla="*/ 935860 w 1183012"/>
              <a:gd name="connsiteY5" fmla="*/ 5727967 h 6729497"/>
              <a:gd name="connsiteX6" fmla="*/ 0 w 1183012"/>
              <a:gd name="connsiteY6" fmla="*/ 6729497 h 6729497"/>
              <a:gd name="connsiteX7" fmla="*/ 316036 w 1183012"/>
              <a:gd name="connsiteY7" fmla="*/ 0 h 6729497"/>
              <a:gd name="connsiteX0" fmla="*/ 45646 w 912622"/>
              <a:gd name="connsiteY0" fmla="*/ 0 h 11295957"/>
              <a:gd name="connsiteX1" fmla="*/ 665470 w 912622"/>
              <a:gd name="connsiteY1" fmla="*/ 5514892 h 11295957"/>
              <a:gd name="connsiteX2" fmla="*/ 665470 w 912622"/>
              <a:gd name="connsiteY2" fmla="*/ 5374277 h 11295957"/>
              <a:gd name="connsiteX3" fmla="*/ 912622 w 912622"/>
              <a:gd name="connsiteY3" fmla="*/ 5621430 h 11295957"/>
              <a:gd name="connsiteX4" fmla="*/ 665470 w 912622"/>
              <a:gd name="connsiteY4" fmla="*/ 5868582 h 11295957"/>
              <a:gd name="connsiteX5" fmla="*/ 665470 w 912622"/>
              <a:gd name="connsiteY5" fmla="*/ 5727967 h 11295957"/>
              <a:gd name="connsiteX6" fmla="*/ 1 w 912622"/>
              <a:gd name="connsiteY6" fmla="*/ 11295956 h 11295957"/>
              <a:gd name="connsiteX7" fmla="*/ 45646 w 912622"/>
              <a:gd name="connsiteY7" fmla="*/ 0 h 11295957"/>
              <a:gd name="connsiteX0" fmla="*/ 45644 w 912620"/>
              <a:gd name="connsiteY0" fmla="*/ 0 h 11295955"/>
              <a:gd name="connsiteX1" fmla="*/ 665468 w 912620"/>
              <a:gd name="connsiteY1" fmla="*/ 5514892 h 11295955"/>
              <a:gd name="connsiteX2" fmla="*/ 665468 w 912620"/>
              <a:gd name="connsiteY2" fmla="*/ 5374277 h 11295955"/>
              <a:gd name="connsiteX3" fmla="*/ 912620 w 912620"/>
              <a:gd name="connsiteY3" fmla="*/ 5621430 h 11295955"/>
              <a:gd name="connsiteX4" fmla="*/ 665468 w 912620"/>
              <a:gd name="connsiteY4" fmla="*/ 5868582 h 11295955"/>
              <a:gd name="connsiteX5" fmla="*/ 665468 w 912620"/>
              <a:gd name="connsiteY5" fmla="*/ 5727967 h 11295955"/>
              <a:gd name="connsiteX6" fmla="*/ -1 w 912620"/>
              <a:gd name="connsiteY6" fmla="*/ 11295956 h 11295955"/>
              <a:gd name="connsiteX7" fmla="*/ 45644 w 912620"/>
              <a:gd name="connsiteY7" fmla="*/ 0 h 11295955"/>
              <a:gd name="connsiteX0" fmla="*/ 45646 w 912622"/>
              <a:gd name="connsiteY0" fmla="*/ 0 h 11295957"/>
              <a:gd name="connsiteX1" fmla="*/ 665470 w 912622"/>
              <a:gd name="connsiteY1" fmla="*/ 5514892 h 11295957"/>
              <a:gd name="connsiteX2" fmla="*/ 665470 w 912622"/>
              <a:gd name="connsiteY2" fmla="*/ 5374277 h 11295957"/>
              <a:gd name="connsiteX3" fmla="*/ 912622 w 912622"/>
              <a:gd name="connsiteY3" fmla="*/ 5621430 h 11295957"/>
              <a:gd name="connsiteX4" fmla="*/ 665470 w 912622"/>
              <a:gd name="connsiteY4" fmla="*/ 5868582 h 11295957"/>
              <a:gd name="connsiteX5" fmla="*/ 665470 w 912622"/>
              <a:gd name="connsiteY5" fmla="*/ 5727967 h 11295957"/>
              <a:gd name="connsiteX6" fmla="*/ 1 w 912622"/>
              <a:gd name="connsiteY6" fmla="*/ 11295956 h 11295957"/>
              <a:gd name="connsiteX7" fmla="*/ 45646 w 912622"/>
              <a:gd name="connsiteY7" fmla="*/ 0 h 112959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912622" h="11295957">
                <a:moveTo>
                  <a:pt x="45646" y="0"/>
                </a:moveTo>
                <a:cubicBezTo>
                  <a:pt x="122326" y="461013"/>
                  <a:pt x="33260" y="5168210"/>
                  <a:pt x="665470" y="5514892"/>
                </a:cubicBezTo>
                <a:lnTo>
                  <a:pt x="665470" y="5374277"/>
                </a:lnTo>
                <a:lnTo>
                  <a:pt x="912622" y="5621430"/>
                </a:lnTo>
                <a:lnTo>
                  <a:pt x="665470" y="5868582"/>
                </a:lnTo>
                <a:lnTo>
                  <a:pt x="665470" y="5727967"/>
                </a:lnTo>
                <a:cubicBezTo>
                  <a:pt x="-48431" y="5855980"/>
                  <a:pt x="97507" y="10801356"/>
                  <a:pt x="1" y="11295956"/>
                </a:cubicBezTo>
                <a:lnTo>
                  <a:pt x="45646" y="0"/>
                </a:lnTo>
                <a:close/>
              </a:path>
            </a:pathLst>
          </a:custGeom>
          <a:gradFill flip="none" rotWithShape="1">
            <a:gsLst>
              <a:gs pos="15000">
                <a:schemeClr val="accent1">
                  <a:lumMod val="5000"/>
                  <a:lumOff val="95000"/>
                  <a:alpha val="0"/>
                </a:schemeClr>
              </a:gs>
              <a:gs pos="81000">
                <a:schemeClr val="accent2">
                  <a:lumMod val="40000"/>
                  <a:lumOff val="60000"/>
                </a:schemeClr>
              </a:gs>
            </a:gsLst>
            <a:lin ang="0" scaled="1"/>
            <a:tileRect/>
          </a:gradFill>
          <a:ln>
            <a:gradFill flip="none" rotWithShape="1">
              <a:gsLst>
                <a:gs pos="11000">
                  <a:schemeClr val="accent1">
                    <a:lumMod val="0"/>
                    <a:lumOff val="100000"/>
                    <a:alpha val="0"/>
                  </a:schemeClr>
                </a:gs>
                <a:gs pos="67000">
                  <a:srgbClr val="EC7061"/>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22" name="文本框 121"/>
          <p:cNvSpPr txBox="1"/>
          <p:nvPr/>
        </p:nvSpPr>
        <p:spPr>
          <a:xfrm>
            <a:off x="3132937" y="3670351"/>
            <a:ext cx="1620957" cy="307777"/>
          </a:xfrm>
          <a:prstGeom prst="rect">
            <a:avLst/>
          </a:prstGeom>
          <a:noFill/>
        </p:spPr>
        <p:txBody>
          <a:bodyPr wrap="none" rtlCol="0">
            <a:spAutoFit/>
          </a:bodyPr>
          <a:lstStyle/>
          <a:p>
            <a:r>
              <a:rPr lang="zh-CN" altLang="en-US" sz="1400">
                <a:solidFill>
                  <a:srgbClr val="EC7061"/>
                </a:solidFill>
              </a:rPr>
              <a:t>安全组及策略下发</a:t>
            </a:r>
            <a:endParaRPr lang="en-US" altLang="zh-CN" sz="1400">
              <a:solidFill>
                <a:srgbClr val="EC7061"/>
              </a:solidFill>
            </a:endParaRPr>
          </a:p>
        </p:txBody>
      </p:sp>
      <p:sp>
        <p:nvSpPr>
          <p:cNvPr id="124" name="文本框 123"/>
          <p:cNvSpPr txBox="1"/>
          <p:nvPr/>
        </p:nvSpPr>
        <p:spPr>
          <a:xfrm>
            <a:off x="2394863" y="3072194"/>
            <a:ext cx="1005403" cy="338554"/>
          </a:xfrm>
          <a:prstGeom prst="rect">
            <a:avLst/>
          </a:prstGeom>
          <a:noFill/>
        </p:spPr>
        <p:txBody>
          <a:bodyPr wrap="none" rtlCol="0">
            <a:spAutoFit/>
          </a:bodyPr>
          <a:lstStyle/>
          <a:p>
            <a:r>
              <a:rPr lang="zh-CN" altLang="en-US" sz="1600">
                <a:solidFill>
                  <a:srgbClr val="0070C0"/>
                </a:solidFill>
              </a:rPr>
              <a:t>权限策略</a:t>
            </a:r>
          </a:p>
        </p:txBody>
      </p:sp>
      <p:sp>
        <p:nvSpPr>
          <p:cNvPr id="125" name="文本框 124"/>
          <p:cNvSpPr txBox="1"/>
          <p:nvPr/>
        </p:nvSpPr>
        <p:spPr>
          <a:xfrm>
            <a:off x="4586844" y="3072194"/>
            <a:ext cx="1005403" cy="338554"/>
          </a:xfrm>
          <a:prstGeom prst="rect">
            <a:avLst/>
          </a:prstGeom>
          <a:noFill/>
        </p:spPr>
        <p:txBody>
          <a:bodyPr wrap="none" rtlCol="0">
            <a:spAutoFit/>
          </a:bodyPr>
          <a:lstStyle/>
          <a:p>
            <a:r>
              <a:rPr lang="zh-CN" altLang="en-US" sz="1600">
                <a:solidFill>
                  <a:srgbClr val="0070C0"/>
                </a:solidFill>
              </a:rPr>
              <a:t>体验策略</a:t>
            </a:r>
          </a:p>
        </p:txBody>
      </p:sp>
      <p:sp>
        <p:nvSpPr>
          <p:cNvPr id="90" name="燕尾形 25">
            <a:extLst>
              <a:ext uri="{FF2B5EF4-FFF2-40B4-BE49-F238E27FC236}">
                <a16:creationId xmlns:a16="http://schemas.microsoft.com/office/drawing/2014/main" xmlns="" id="{325624DC-BF64-44AB-B7C1-70E346440E00}"/>
              </a:ext>
            </a:extLst>
          </p:cNvPr>
          <p:cNvSpPr/>
          <p:nvPr/>
        </p:nvSpPr>
        <p:spPr bwMode="auto">
          <a:xfrm>
            <a:off x="10187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数据中心</a:t>
            </a:r>
            <a:endParaRPr lang="en-US" altLang="zh-CN" sz="1200" kern="0"/>
          </a:p>
        </p:txBody>
      </p:sp>
      <p:sp>
        <p:nvSpPr>
          <p:cNvPr id="91" name="燕尾形 26">
            <a:extLst>
              <a:ext uri="{FF2B5EF4-FFF2-40B4-BE49-F238E27FC236}">
                <a16:creationId xmlns:a16="http://schemas.microsoft.com/office/drawing/2014/main" xmlns="" id="{77170688-3DD0-4E05-AF06-9DD22C2FB121}"/>
              </a:ext>
            </a:extLst>
          </p:cNvPr>
          <p:cNvSpPr/>
          <p:nvPr/>
        </p:nvSpPr>
        <p:spPr bwMode="auto">
          <a:xfrm>
            <a:off x="10996392"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企业园区</a:t>
            </a:r>
            <a:endParaRPr lang="en-US" altLang="zh-CN" sz="1200" b="1" kern="0">
              <a:solidFill>
                <a:srgbClr val="FFFFFF"/>
              </a:solidFill>
            </a:endParaRPr>
          </a:p>
        </p:txBody>
      </p:sp>
    </p:spTree>
    <p:extLst>
      <p:ext uri="{BB962C8B-B14F-4D97-AF65-F5344CB8AC3E}">
        <p14:creationId xmlns:p14="http://schemas.microsoft.com/office/powerpoint/2010/main" val="269888156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关键特性：有线与无线融合</a:t>
            </a:r>
          </a:p>
        </p:txBody>
      </p:sp>
      <p:grpSp>
        <p:nvGrpSpPr>
          <p:cNvPr id="9" name="Group 165"/>
          <p:cNvGrpSpPr/>
          <p:nvPr/>
        </p:nvGrpSpPr>
        <p:grpSpPr>
          <a:xfrm rot="10800000">
            <a:off x="1793713" y="4806657"/>
            <a:ext cx="1159468" cy="758789"/>
            <a:chOff x="-1233037" y="914446"/>
            <a:chExt cx="1573823" cy="778776"/>
          </a:xfrm>
        </p:grpSpPr>
        <p:cxnSp>
          <p:nvCxnSpPr>
            <p:cNvPr id="10" name="Straight Connector 166"/>
            <p:cNvCxnSpPr/>
            <p:nvPr/>
          </p:nvCxnSpPr>
          <p:spPr>
            <a:xfrm flipH="1" flipV="1">
              <a:off x="-1233037" y="914446"/>
              <a:ext cx="786912" cy="778776"/>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 name="Straight Connector 167"/>
            <p:cNvCxnSpPr/>
            <p:nvPr/>
          </p:nvCxnSpPr>
          <p:spPr>
            <a:xfrm flipV="1">
              <a:off x="-446125" y="914446"/>
              <a:ext cx="786911" cy="778776"/>
            </a:xfrm>
            <a:prstGeom prst="line">
              <a:avLst/>
            </a:prstGeom>
            <a:ln w="19050">
              <a:solidFill>
                <a:schemeClr val="tx1"/>
              </a:solidFill>
              <a:prstDash val="solid"/>
            </a:ln>
          </p:spPr>
          <p:style>
            <a:lnRef idx="1">
              <a:schemeClr val="accent1"/>
            </a:lnRef>
            <a:fillRef idx="0">
              <a:schemeClr val="accent1"/>
            </a:fillRef>
            <a:effectRef idx="0">
              <a:schemeClr val="accent1"/>
            </a:effectRef>
            <a:fontRef idx="minor">
              <a:schemeClr val="tx1"/>
            </a:fontRef>
          </p:style>
        </p:cxnSp>
      </p:grpSp>
      <p:pic>
        <p:nvPicPr>
          <p:cNvPr id="12" name="图片 100" descr="汇聚交换机.png"/>
          <p:cNvPicPr>
            <a:picLocks noChangeAspect="1"/>
          </p:cNvPicPr>
          <p:nvPr/>
        </p:nvPicPr>
        <p:blipFill>
          <a:blip r:embed="rId3" cstate="print"/>
          <a:stretch>
            <a:fillRect/>
          </a:stretch>
        </p:blipFill>
        <p:spPr>
          <a:xfrm>
            <a:off x="2155672" y="4767269"/>
            <a:ext cx="446281" cy="365140"/>
          </a:xfrm>
          <a:prstGeom prst="rect">
            <a:avLst/>
          </a:prstGeom>
        </p:spPr>
      </p:pic>
      <p:cxnSp>
        <p:nvCxnSpPr>
          <p:cNvPr id="13" name="直接连接符 12"/>
          <p:cNvCxnSpPr/>
          <p:nvPr/>
        </p:nvCxnSpPr>
        <p:spPr>
          <a:xfrm>
            <a:off x="1991115" y="2191975"/>
            <a:ext cx="693975"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4" name="Group 165"/>
          <p:cNvGrpSpPr/>
          <p:nvPr/>
        </p:nvGrpSpPr>
        <p:grpSpPr>
          <a:xfrm rot="10800000">
            <a:off x="1413403" y="2069600"/>
            <a:ext cx="1159468" cy="758789"/>
            <a:chOff x="-1233037" y="914446"/>
            <a:chExt cx="1573823" cy="778776"/>
          </a:xfrm>
        </p:grpSpPr>
        <p:cxnSp>
          <p:nvCxnSpPr>
            <p:cNvPr id="15" name="Straight Connector 166"/>
            <p:cNvCxnSpPr/>
            <p:nvPr/>
          </p:nvCxnSpPr>
          <p:spPr>
            <a:xfrm flipH="1" flipV="1">
              <a:off x="-1233037" y="914446"/>
              <a:ext cx="786912" cy="778776"/>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Straight Connector 167"/>
            <p:cNvCxnSpPr/>
            <p:nvPr/>
          </p:nvCxnSpPr>
          <p:spPr>
            <a:xfrm flipV="1">
              <a:off x="-446125" y="914446"/>
              <a:ext cx="786911" cy="778776"/>
            </a:xfrm>
            <a:prstGeom prst="line">
              <a:avLst/>
            </a:prstGeom>
            <a:ln w="19050">
              <a:solidFill>
                <a:schemeClr val="tx1"/>
              </a:solidFill>
              <a:prstDash val="solid"/>
            </a:ln>
          </p:spPr>
          <p:style>
            <a:lnRef idx="1">
              <a:schemeClr val="accent1"/>
            </a:lnRef>
            <a:fillRef idx="0">
              <a:schemeClr val="accent1"/>
            </a:fillRef>
            <a:effectRef idx="0">
              <a:schemeClr val="accent1"/>
            </a:effectRef>
            <a:fontRef idx="minor">
              <a:schemeClr val="tx1"/>
            </a:fontRef>
          </p:style>
        </p:cxnSp>
      </p:grpSp>
      <p:sp>
        <p:nvSpPr>
          <p:cNvPr id="17" name="矩形 300"/>
          <p:cNvSpPr/>
          <p:nvPr/>
        </p:nvSpPr>
        <p:spPr>
          <a:xfrm>
            <a:off x="3632659" y="4515304"/>
            <a:ext cx="7534609" cy="1787284"/>
          </a:xfrm>
          <a:prstGeom prst="rect">
            <a:avLst/>
          </a:prstGeom>
        </p:spPr>
        <p:txBody>
          <a:bodyPr wrap="square">
            <a:spAutoFit/>
          </a:bodyPr>
          <a:lstStyle/>
          <a:p>
            <a:pPr algn="just">
              <a:lnSpc>
                <a:spcPts val="2200"/>
              </a:lnSpc>
              <a:spcAft>
                <a:spcPts val="600"/>
              </a:spcAft>
            </a:pPr>
            <a:r>
              <a:rPr lang="zh-CN" altLang="en-US" sz="1400">
                <a:latin typeface="Arial" panose="020B0604020202020204" pitchFamily="34" charset="0"/>
                <a:ea typeface="微软雅黑" panose="020B0503020204020204" pitchFamily="34" charset="-122"/>
                <a:cs typeface="Arial" panose="020B0604020202020204" pitchFamily="34" charset="0"/>
              </a:rPr>
              <a:t>交换机融合</a:t>
            </a:r>
            <a:r>
              <a:rPr lang="en-US" altLang="zh-CN" sz="1400">
                <a:latin typeface="Arial" panose="020B0604020202020204" pitchFamily="34" charset="0"/>
                <a:ea typeface="微软雅黑" panose="020B0503020204020204" pitchFamily="34" charset="-122"/>
                <a:cs typeface="Arial" panose="020B0604020202020204" pitchFamily="34" charset="0"/>
              </a:rPr>
              <a:t>AC</a:t>
            </a:r>
            <a:r>
              <a:rPr lang="zh-CN" altLang="en-US" sz="1400">
                <a:latin typeface="Arial" panose="020B0604020202020204" pitchFamily="34" charset="0"/>
                <a:ea typeface="微软雅黑" panose="020B0503020204020204" pitchFamily="34" charset="-122"/>
                <a:cs typeface="Arial" panose="020B0604020202020204" pitchFamily="34" charset="0"/>
              </a:rPr>
              <a:t>功能，无线流量转发无瓶颈，并且减少故障点，有线无线集中管理：</a:t>
            </a:r>
            <a:endParaRPr lang="en-US" altLang="zh-CN" sz="1400">
              <a:latin typeface="Arial" panose="020B0604020202020204" pitchFamily="34" charset="0"/>
              <a:ea typeface="微软雅黑" panose="020B0503020204020204" pitchFamily="34" charset="-122"/>
              <a:cs typeface="Arial" panose="020B0604020202020204" pitchFamily="34" charset="0"/>
            </a:endParaRPr>
          </a:p>
          <a:p>
            <a:pPr marL="179388" indent="-179388">
              <a:lnSpc>
                <a:spcPts val="2200"/>
              </a:lnSpc>
              <a:spcAft>
                <a:spcPts val="600"/>
              </a:spcAft>
              <a:buFont typeface="Arial" panose="020B0604020202020204" pitchFamily="34" charset="0"/>
              <a:buChar char="•"/>
            </a:pPr>
            <a:r>
              <a:rPr lang="zh-CN" altLang="en-US" sz="1400"/>
              <a:t>有线及无线业务统一管理、融合转发</a:t>
            </a:r>
            <a:endParaRPr lang="en-US" altLang="zh-CN" sz="1400"/>
          </a:p>
          <a:p>
            <a:pPr marL="179388" indent="-179388">
              <a:lnSpc>
                <a:spcPts val="2200"/>
              </a:lnSpc>
              <a:spcAft>
                <a:spcPts val="600"/>
              </a:spcAft>
              <a:buFont typeface="Arial" panose="020B0604020202020204" pitchFamily="34" charset="0"/>
              <a:buChar char="•"/>
            </a:pPr>
            <a:r>
              <a:rPr lang="zh-CN" altLang="en-US" sz="1400"/>
              <a:t>有线及无线用户融合管理、网关融合</a:t>
            </a:r>
          </a:p>
          <a:p>
            <a:pPr marL="179388" indent="-179388">
              <a:lnSpc>
                <a:spcPts val="2200"/>
              </a:lnSpc>
              <a:spcAft>
                <a:spcPts val="600"/>
              </a:spcAft>
              <a:buFont typeface="Arial" panose="020B0604020202020204" pitchFamily="34" charset="0"/>
              <a:buChar char="•"/>
            </a:pPr>
            <a:r>
              <a:rPr lang="zh-CN" altLang="en-US" sz="1400"/>
              <a:t>有线及无线认证点融合</a:t>
            </a:r>
            <a:endParaRPr lang="en-US" altLang="zh-CN" sz="1400"/>
          </a:p>
          <a:p>
            <a:pPr marL="179388" indent="-179388">
              <a:lnSpc>
                <a:spcPts val="2200"/>
              </a:lnSpc>
              <a:spcAft>
                <a:spcPts val="600"/>
              </a:spcAft>
              <a:buFont typeface="Arial" panose="020B0604020202020204" pitchFamily="34" charset="0"/>
              <a:buChar char="•"/>
            </a:pPr>
            <a:r>
              <a:rPr lang="zh-CN" altLang="en-US" sz="1400"/>
              <a:t>有线及无线统一策略执行</a:t>
            </a:r>
            <a:endParaRPr lang="en-US" altLang="zh-CN" sz="1400">
              <a:latin typeface="Arial" panose="020B0604020202020204" pitchFamily="34" charset="0"/>
              <a:ea typeface="微软雅黑" panose="020B0503020204020204" pitchFamily="34" charset="-122"/>
              <a:cs typeface="Arial" panose="020B0604020202020204" pitchFamily="34" charset="0"/>
            </a:endParaRPr>
          </a:p>
        </p:txBody>
      </p:sp>
      <p:sp>
        <p:nvSpPr>
          <p:cNvPr id="18" name="圆角矩形 75"/>
          <p:cNvSpPr/>
          <p:nvPr/>
        </p:nvSpPr>
        <p:spPr>
          <a:xfrm>
            <a:off x="913665" y="4037356"/>
            <a:ext cx="10364670" cy="347579"/>
          </a:xfrm>
          <a:prstGeom prst="roundRect">
            <a:avLst>
              <a:gd name="adj" fmla="val 10919"/>
            </a:avLst>
          </a:prstGeom>
          <a:gradFill>
            <a:gsLst>
              <a:gs pos="0">
                <a:srgbClr val="00B0F0"/>
              </a:gs>
              <a:gs pos="100000">
                <a:srgbClr val="0070C0"/>
              </a:gs>
            </a:gsLst>
            <a:lin ang="5400000" scaled="1"/>
          </a:gradFill>
          <a:ln>
            <a:solidFill>
              <a:srgbClr val="00B0F0"/>
            </a:solidFill>
          </a:ln>
        </p:spPr>
        <p:txBody>
          <a:bodyPr wrap="square" rtlCol="0" anchor="ctr" anchorCtr="0">
            <a:noAutofit/>
          </a:bodyPr>
          <a:lstStyle/>
          <a:p>
            <a:pPr algn="ctr"/>
            <a:r>
              <a:rPr lang="zh-CN" altLang="en-US" sz="1600" b="1">
                <a:solidFill>
                  <a:prstClr val="white"/>
                </a:solidFill>
              </a:rPr>
              <a:t>有线无线融合（随板</a:t>
            </a:r>
            <a:r>
              <a:rPr lang="en-US" altLang="zh-CN" sz="1600" b="1">
                <a:solidFill>
                  <a:prstClr val="white"/>
                </a:solidFill>
              </a:rPr>
              <a:t>AC</a:t>
            </a:r>
            <a:r>
              <a:rPr lang="zh-CN" altLang="en-US" sz="1600" b="1">
                <a:solidFill>
                  <a:prstClr val="white"/>
                </a:solidFill>
              </a:rPr>
              <a:t>，</a:t>
            </a:r>
            <a:r>
              <a:rPr lang="en-US" altLang="zh-CN" sz="1600" b="1">
                <a:solidFill>
                  <a:prstClr val="white"/>
                </a:solidFill>
              </a:rPr>
              <a:t>Native AC</a:t>
            </a:r>
            <a:r>
              <a:rPr lang="zh-CN" altLang="en-US" sz="1600" b="1">
                <a:solidFill>
                  <a:prstClr val="white"/>
                </a:solidFill>
              </a:rPr>
              <a:t>）</a:t>
            </a:r>
          </a:p>
        </p:txBody>
      </p:sp>
      <p:sp>
        <p:nvSpPr>
          <p:cNvPr id="19" name="矩形 300"/>
          <p:cNvSpPr/>
          <p:nvPr/>
        </p:nvSpPr>
        <p:spPr>
          <a:xfrm>
            <a:off x="3320985" y="1975020"/>
            <a:ext cx="2599866" cy="1346522"/>
          </a:xfrm>
          <a:prstGeom prst="rect">
            <a:avLst/>
          </a:prstGeom>
        </p:spPr>
        <p:txBody>
          <a:bodyPr wrap="square">
            <a:spAutoFit/>
          </a:bodyPr>
          <a:lstStyle/>
          <a:p>
            <a:pPr marL="176213" indent="-176213" algn="just">
              <a:lnSpc>
                <a:spcPts val="2200"/>
              </a:lnSpc>
              <a:spcAft>
                <a:spcPts val="600"/>
              </a:spcAft>
              <a:buFont typeface="Arial" panose="020B0604020202020204" pitchFamily="34" charset="0"/>
              <a:buChar char="•"/>
            </a:pPr>
            <a:r>
              <a:rPr lang="zh-CN" altLang="en-US" sz="1400">
                <a:latin typeface="Arial" panose="020B0604020202020204" pitchFamily="34" charset="0"/>
                <a:ea typeface="微软雅黑" panose="020B0503020204020204" pitchFamily="34" charset="-122"/>
                <a:cs typeface="Arial" panose="020B0604020202020204" pitchFamily="34" charset="0"/>
              </a:rPr>
              <a:t>独立</a:t>
            </a:r>
            <a:r>
              <a:rPr lang="en-US" altLang="zh-CN" sz="1400">
                <a:latin typeface="Arial" panose="020B0604020202020204" pitchFamily="34" charset="0"/>
                <a:ea typeface="微软雅黑" panose="020B0503020204020204" pitchFamily="34" charset="-122"/>
                <a:cs typeface="Arial" panose="020B0604020202020204" pitchFamily="34" charset="0"/>
              </a:rPr>
              <a:t>AC</a:t>
            </a:r>
            <a:r>
              <a:rPr lang="zh-CN" altLang="en-US" sz="1400">
                <a:latin typeface="Arial" panose="020B0604020202020204" pitchFamily="34" charset="0"/>
                <a:ea typeface="微软雅黑" panose="020B0503020204020204" pitchFamily="34" charset="-122"/>
                <a:cs typeface="Arial" panose="020B0604020202020204" pitchFamily="34" charset="0"/>
              </a:rPr>
              <a:t>存在无线</a:t>
            </a:r>
            <a:r>
              <a:rPr lang="zh-CN" altLang="en-US" sz="1400" dirty="0">
                <a:latin typeface="Arial" panose="020B0604020202020204" pitchFamily="34" charset="0"/>
                <a:ea typeface="微软雅黑" panose="020B0503020204020204" pitchFamily="34" charset="-122"/>
                <a:cs typeface="Arial" panose="020B0604020202020204" pitchFamily="34" charset="0"/>
              </a:rPr>
              <a:t>流量瓶颈并增加</a:t>
            </a:r>
            <a:r>
              <a:rPr lang="zh-CN" altLang="en-US" sz="1400">
                <a:latin typeface="Arial" panose="020B0604020202020204" pitchFamily="34" charset="0"/>
                <a:ea typeface="微软雅黑" panose="020B0503020204020204" pitchFamily="34" charset="-122"/>
                <a:cs typeface="Arial" panose="020B0604020202020204" pitchFamily="34" charset="0"/>
              </a:rPr>
              <a:t>故障节点；</a:t>
            </a:r>
            <a:endParaRPr lang="en-US" altLang="zh-CN" sz="1400">
              <a:latin typeface="Arial" panose="020B0604020202020204" pitchFamily="34" charset="0"/>
              <a:ea typeface="微软雅黑" panose="020B0503020204020204" pitchFamily="34" charset="-122"/>
              <a:cs typeface="Arial" panose="020B0604020202020204" pitchFamily="34" charset="0"/>
            </a:endParaRPr>
          </a:p>
          <a:p>
            <a:pPr marL="176213" indent="-176213" algn="just">
              <a:lnSpc>
                <a:spcPts val="2200"/>
              </a:lnSpc>
              <a:spcAft>
                <a:spcPts val="600"/>
              </a:spcAft>
              <a:buFont typeface="Arial" panose="020B0604020202020204" pitchFamily="34" charset="0"/>
              <a:buChar char="•"/>
            </a:pPr>
            <a:r>
              <a:rPr lang="zh-CN" altLang="en-US" sz="1400">
                <a:latin typeface="Arial" panose="020B0604020202020204" pitchFamily="34" charset="0"/>
                <a:ea typeface="微软雅黑" panose="020B0503020204020204" pitchFamily="34" charset="-122"/>
                <a:cs typeface="Arial" panose="020B0604020202020204" pitchFamily="34" charset="0"/>
              </a:rPr>
              <a:t>有线及无线管理上独立；</a:t>
            </a:r>
            <a:endParaRPr lang="en-US" altLang="zh-CN" sz="1400">
              <a:latin typeface="Arial" panose="020B0604020202020204" pitchFamily="34" charset="0"/>
              <a:ea typeface="微软雅黑" panose="020B0503020204020204" pitchFamily="34" charset="-122"/>
              <a:cs typeface="Arial" panose="020B0604020202020204" pitchFamily="34" charset="0"/>
            </a:endParaRPr>
          </a:p>
          <a:p>
            <a:pPr marL="176213" indent="-176213" algn="just">
              <a:lnSpc>
                <a:spcPts val="2200"/>
              </a:lnSpc>
              <a:spcAft>
                <a:spcPts val="600"/>
              </a:spcAft>
              <a:buFont typeface="Arial" panose="020B0604020202020204" pitchFamily="34" charset="0"/>
              <a:buChar char="•"/>
            </a:pPr>
            <a:r>
              <a:rPr lang="zh-CN" altLang="en-US" sz="1400">
                <a:latin typeface="Arial" panose="020B0604020202020204" pitchFamily="34" charset="0"/>
                <a:ea typeface="微软雅黑" panose="020B0503020204020204" pitchFamily="34" charset="-122"/>
                <a:cs typeface="Arial" panose="020B0604020202020204" pitchFamily="34" charset="0"/>
              </a:rPr>
              <a:t>有线、无线认证点分离。</a:t>
            </a:r>
            <a:endParaRPr lang="zh-CN" altLang="en-US" sz="1400" dirty="0">
              <a:latin typeface="Arial" panose="020B0604020202020204" pitchFamily="34" charset="0"/>
              <a:ea typeface="微软雅黑" panose="020B0503020204020204" pitchFamily="34" charset="-122"/>
              <a:cs typeface="Arial" panose="020B0604020202020204" pitchFamily="34" charset="0"/>
            </a:endParaRPr>
          </a:p>
        </p:txBody>
      </p:sp>
      <p:sp>
        <p:nvSpPr>
          <p:cNvPr id="20" name="矩形 300"/>
          <p:cNvSpPr/>
          <p:nvPr/>
        </p:nvSpPr>
        <p:spPr>
          <a:xfrm>
            <a:off x="8555342" y="2154556"/>
            <a:ext cx="2611926" cy="987450"/>
          </a:xfrm>
          <a:prstGeom prst="rect">
            <a:avLst/>
          </a:prstGeom>
        </p:spPr>
        <p:txBody>
          <a:bodyPr wrap="square">
            <a:spAutoFit/>
          </a:bodyPr>
          <a:lstStyle/>
          <a:p>
            <a:pPr marL="176213" indent="-176213" algn="just">
              <a:lnSpc>
                <a:spcPts val="2200"/>
              </a:lnSpc>
              <a:spcAft>
                <a:spcPts val="600"/>
              </a:spcAft>
              <a:buFont typeface="Arial" panose="020B0604020202020204" pitchFamily="34" charset="0"/>
              <a:buChar char="•"/>
            </a:pPr>
            <a:r>
              <a:rPr lang="en-US" altLang="zh-CN" sz="1400">
                <a:latin typeface="Arial" panose="020B0604020202020204" pitchFamily="34" charset="0"/>
                <a:ea typeface="微软雅黑" panose="020B0503020204020204" pitchFamily="34" charset="-122"/>
                <a:cs typeface="Arial" panose="020B0604020202020204" pitchFamily="34" charset="0"/>
              </a:rPr>
              <a:t>AC</a:t>
            </a:r>
            <a:r>
              <a:rPr lang="zh-CN" altLang="en-US" sz="1400">
                <a:latin typeface="Arial" panose="020B0604020202020204" pitchFamily="34" charset="0"/>
                <a:ea typeface="微软雅黑" panose="020B0503020204020204" pitchFamily="34" charset="-122"/>
                <a:cs typeface="Arial" panose="020B0604020202020204" pitchFamily="34" charset="0"/>
              </a:rPr>
              <a:t>作为交换机的一块插卡，安装在交换机上；</a:t>
            </a:r>
            <a:endParaRPr lang="en-US" altLang="zh-CN" sz="1400">
              <a:latin typeface="Arial" panose="020B0604020202020204" pitchFamily="34" charset="0"/>
              <a:ea typeface="微软雅黑" panose="020B0503020204020204" pitchFamily="34" charset="-122"/>
              <a:cs typeface="Arial" panose="020B0604020202020204" pitchFamily="34" charset="0"/>
            </a:endParaRPr>
          </a:p>
          <a:p>
            <a:pPr marL="176213" indent="-176213" algn="just">
              <a:lnSpc>
                <a:spcPts val="2200"/>
              </a:lnSpc>
              <a:spcAft>
                <a:spcPts val="600"/>
              </a:spcAft>
              <a:buFont typeface="Arial" panose="020B0604020202020204" pitchFamily="34" charset="0"/>
              <a:buChar char="•"/>
            </a:pPr>
            <a:r>
              <a:rPr lang="zh-CN" altLang="en-US" sz="1400">
                <a:latin typeface="Arial" panose="020B0604020202020204" pitchFamily="34" charset="0"/>
                <a:ea typeface="微软雅黑" panose="020B0503020204020204" pitchFamily="34" charset="-122"/>
                <a:cs typeface="Arial" panose="020B0604020202020204" pitchFamily="34" charset="0"/>
              </a:rPr>
              <a:t>仅仅是硬件层面的融合。</a:t>
            </a:r>
          </a:p>
        </p:txBody>
      </p:sp>
      <p:sp>
        <p:nvSpPr>
          <p:cNvPr id="21" name="圆角矩形 75"/>
          <p:cNvSpPr/>
          <p:nvPr/>
        </p:nvSpPr>
        <p:spPr>
          <a:xfrm>
            <a:off x="913665" y="1250422"/>
            <a:ext cx="5134308" cy="347579"/>
          </a:xfrm>
          <a:prstGeom prst="roundRect">
            <a:avLst>
              <a:gd name="adj" fmla="val 10919"/>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a:r>
              <a:rPr lang="zh-CN" altLang="en-US" sz="1600">
                <a:solidFill>
                  <a:srgbClr val="0070C0"/>
                </a:solidFill>
              </a:rPr>
              <a:t>无线网络构建方式</a:t>
            </a:r>
            <a:r>
              <a:rPr lang="en-US" altLang="zh-CN" sz="1600">
                <a:solidFill>
                  <a:srgbClr val="0070C0"/>
                </a:solidFill>
              </a:rPr>
              <a:t>1</a:t>
            </a:r>
            <a:r>
              <a:rPr lang="zh-CN" altLang="en-US" sz="1600">
                <a:solidFill>
                  <a:srgbClr val="0070C0"/>
                </a:solidFill>
              </a:rPr>
              <a:t>：独立</a:t>
            </a:r>
            <a:r>
              <a:rPr lang="en-US" altLang="zh-CN" sz="1600">
                <a:solidFill>
                  <a:srgbClr val="0070C0"/>
                </a:solidFill>
              </a:rPr>
              <a:t>AC</a:t>
            </a:r>
            <a:endParaRPr lang="zh-CN" altLang="en-US" sz="1600">
              <a:solidFill>
                <a:srgbClr val="0070C0"/>
              </a:solidFill>
            </a:endParaRPr>
          </a:p>
        </p:txBody>
      </p:sp>
      <p:sp>
        <p:nvSpPr>
          <p:cNvPr id="22" name="圆角矩形 75"/>
          <p:cNvSpPr/>
          <p:nvPr/>
        </p:nvSpPr>
        <p:spPr>
          <a:xfrm>
            <a:off x="6144027" y="1254519"/>
            <a:ext cx="5134308" cy="347579"/>
          </a:xfrm>
          <a:prstGeom prst="roundRect">
            <a:avLst>
              <a:gd name="adj" fmla="val 10919"/>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a:r>
              <a:rPr lang="zh-CN" altLang="en-US" sz="1600">
                <a:solidFill>
                  <a:srgbClr val="0070C0"/>
                </a:solidFill>
              </a:rPr>
              <a:t>无线网络构建方式</a:t>
            </a:r>
            <a:r>
              <a:rPr lang="en-US" altLang="zh-CN" sz="1600">
                <a:solidFill>
                  <a:srgbClr val="0070C0"/>
                </a:solidFill>
              </a:rPr>
              <a:t>2</a:t>
            </a:r>
            <a:r>
              <a:rPr lang="zh-CN" altLang="en-US" sz="1600">
                <a:solidFill>
                  <a:srgbClr val="0070C0"/>
                </a:solidFill>
              </a:rPr>
              <a:t>：插卡</a:t>
            </a:r>
            <a:r>
              <a:rPr lang="en-US" altLang="zh-CN" sz="1600">
                <a:solidFill>
                  <a:srgbClr val="0070C0"/>
                </a:solidFill>
              </a:rPr>
              <a:t>AC</a:t>
            </a:r>
            <a:endParaRPr lang="zh-CN" altLang="en-US" sz="1600">
              <a:solidFill>
                <a:srgbClr val="0070C0"/>
              </a:solidFill>
            </a:endParaRPr>
          </a:p>
        </p:txBody>
      </p:sp>
      <p:sp>
        <p:nvSpPr>
          <p:cNvPr id="23" name="圆角矩形 75"/>
          <p:cNvSpPr/>
          <p:nvPr/>
        </p:nvSpPr>
        <p:spPr>
          <a:xfrm>
            <a:off x="913665" y="1652464"/>
            <a:ext cx="5134308" cy="1978633"/>
          </a:xfrm>
          <a:prstGeom prst="roundRect">
            <a:avLst>
              <a:gd name="adj" fmla="val 1534"/>
            </a:avLst>
          </a:prstGeom>
          <a:no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72000" rIns="72000" bIns="72000" rtlCol="0" anchor="t" anchorCtr="0"/>
          <a:lstStyle/>
          <a:p>
            <a:pPr>
              <a:lnSpc>
                <a:spcPts val="2200"/>
              </a:lnSpc>
            </a:pPr>
            <a:endParaRPr lang="zh-CN" altLang="en-US" sz="1400">
              <a:solidFill>
                <a:schemeClr val="tx1">
                  <a:lumMod val="65000"/>
                  <a:lumOff val="35000"/>
                </a:schemeClr>
              </a:solidFill>
              <a:latin typeface="Arial" panose="020B0604020202020204" pitchFamily="34" charset="0"/>
              <a:ea typeface="微软雅黑" panose="020B0503020204020204" pitchFamily="34" charset="-122"/>
              <a:cs typeface="Arial" panose="020B0604020202020204" pitchFamily="34" charset="0"/>
            </a:endParaRPr>
          </a:p>
        </p:txBody>
      </p:sp>
      <p:sp>
        <p:nvSpPr>
          <p:cNvPr id="24" name="圆角矩形 75"/>
          <p:cNvSpPr/>
          <p:nvPr/>
        </p:nvSpPr>
        <p:spPr>
          <a:xfrm>
            <a:off x="6144026" y="1652464"/>
            <a:ext cx="5134308" cy="1978633"/>
          </a:xfrm>
          <a:prstGeom prst="roundRect">
            <a:avLst>
              <a:gd name="adj" fmla="val 1534"/>
            </a:avLst>
          </a:prstGeom>
          <a:no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72000" rIns="72000" bIns="72000" rtlCol="0" anchor="t" anchorCtr="0"/>
          <a:lstStyle/>
          <a:p>
            <a:pPr>
              <a:lnSpc>
                <a:spcPts val="2200"/>
              </a:lnSpc>
            </a:pPr>
            <a:endParaRPr lang="zh-CN" altLang="en-US" sz="1400">
              <a:solidFill>
                <a:schemeClr val="tx1">
                  <a:lumMod val="65000"/>
                  <a:lumOff val="35000"/>
                </a:schemeClr>
              </a:solidFill>
              <a:latin typeface="Arial" panose="020B0604020202020204" pitchFamily="34" charset="0"/>
              <a:ea typeface="微软雅黑" panose="020B0503020204020204" pitchFamily="34" charset="-122"/>
              <a:cs typeface="Arial" panose="020B0604020202020204" pitchFamily="34" charset="0"/>
            </a:endParaRPr>
          </a:p>
        </p:txBody>
      </p:sp>
      <p:sp>
        <p:nvSpPr>
          <p:cNvPr id="25" name="Rectangle 71"/>
          <p:cNvSpPr/>
          <p:nvPr/>
        </p:nvSpPr>
        <p:spPr>
          <a:xfrm>
            <a:off x="913665" y="3686012"/>
            <a:ext cx="10364669" cy="284595"/>
          </a:xfrm>
          <a:prstGeom prst="rect">
            <a:avLst/>
          </a:prstGeom>
          <a:solidFill>
            <a:schemeClr val="accent4"/>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300">
                <a:solidFill>
                  <a:schemeClr val="tx1"/>
                </a:solidFill>
              </a:rPr>
              <a:t>有线及无线认证点分离、策略控制分散、流量转发分离、故障排除困难、管理困难</a:t>
            </a:r>
          </a:p>
        </p:txBody>
      </p:sp>
      <p:sp>
        <p:nvSpPr>
          <p:cNvPr id="26" name="圆角矩形 75"/>
          <p:cNvSpPr/>
          <p:nvPr/>
        </p:nvSpPr>
        <p:spPr>
          <a:xfrm>
            <a:off x="913665" y="4428109"/>
            <a:ext cx="10364669" cy="1953641"/>
          </a:xfrm>
          <a:prstGeom prst="roundRect">
            <a:avLst>
              <a:gd name="adj" fmla="val 1534"/>
            </a:avLst>
          </a:prstGeom>
          <a:no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72000" rIns="72000" bIns="72000" rtlCol="0" anchor="t" anchorCtr="0"/>
          <a:lstStyle/>
          <a:p>
            <a:pPr>
              <a:lnSpc>
                <a:spcPts val="2200"/>
              </a:lnSpc>
            </a:pPr>
            <a:endParaRPr lang="zh-CN" altLang="en-US" sz="1400">
              <a:solidFill>
                <a:schemeClr val="tx1">
                  <a:lumMod val="65000"/>
                  <a:lumOff val="35000"/>
                </a:schemeClr>
              </a:solidFill>
              <a:latin typeface="Arial" panose="020B0604020202020204" pitchFamily="34" charset="0"/>
              <a:ea typeface="微软雅黑" panose="020B0503020204020204" pitchFamily="34" charset="-122"/>
              <a:cs typeface="Arial" panose="020B0604020202020204" pitchFamily="34" charset="0"/>
            </a:endParaRPr>
          </a:p>
        </p:txBody>
      </p:sp>
      <p:pic>
        <p:nvPicPr>
          <p:cNvPr id="27" name="图片 87" descr="汇聚交换机.png"/>
          <p:cNvPicPr>
            <a:picLocks noChangeAspect="1"/>
          </p:cNvPicPr>
          <p:nvPr/>
        </p:nvPicPr>
        <p:blipFill>
          <a:blip r:embed="rId4" cstate="print"/>
          <a:stretch>
            <a:fillRect/>
          </a:stretch>
        </p:blipFill>
        <p:spPr>
          <a:xfrm>
            <a:off x="1767942" y="2005498"/>
            <a:ext cx="446281" cy="365141"/>
          </a:xfrm>
          <a:prstGeom prst="rect">
            <a:avLst/>
          </a:prstGeom>
        </p:spPr>
      </p:pic>
      <p:pic>
        <p:nvPicPr>
          <p:cNvPr id="28" name="图片 76" descr="接入交换机.png"/>
          <p:cNvPicPr>
            <a:picLocks noChangeAspect="1"/>
          </p:cNvPicPr>
          <p:nvPr/>
        </p:nvPicPr>
        <p:blipFill>
          <a:blip r:embed="rId5" cstate="print"/>
          <a:stretch>
            <a:fillRect/>
          </a:stretch>
        </p:blipFill>
        <p:spPr>
          <a:xfrm>
            <a:off x="1255980" y="2791035"/>
            <a:ext cx="368827" cy="301769"/>
          </a:xfrm>
          <a:prstGeom prst="rect">
            <a:avLst/>
          </a:prstGeom>
        </p:spPr>
      </p:pic>
      <p:pic>
        <p:nvPicPr>
          <p:cNvPr id="29" name="图片 105" descr="AP.png"/>
          <p:cNvPicPr>
            <a:picLocks noChangeAspect="1"/>
          </p:cNvPicPr>
          <p:nvPr/>
        </p:nvPicPr>
        <p:blipFill>
          <a:blip r:embed="rId6" cstate="print"/>
          <a:stretch>
            <a:fillRect/>
          </a:stretch>
        </p:blipFill>
        <p:spPr>
          <a:xfrm>
            <a:off x="2357358" y="2791035"/>
            <a:ext cx="368827" cy="301769"/>
          </a:xfrm>
          <a:prstGeom prst="rect">
            <a:avLst/>
          </a:prstGeom>
        </p:spPr>
      </p:pic>
      <p:pic>
        <p:nvPicPr>
          <p:cNvPr id="30" name="图片 102" descr="AC-蓝.png"/>
          <p:cNvPicPr>
            <a:picLocks noChangeAspect="1"/>
          </p:cNvPicPr>
          <p:nvPr/>
        </p:nvPicPr>
        <p:blipFill>
          <a:blip r:embed="rId7" cstate="print"/>
          <a:stretch>
            <a:fillRect/>
          </a:stretch>
        </p:blipFill>
        <p:spPr>
          <a:xfrm>
            <a:off x="2675199" y="2042425"/>
            <a:ext cx="368827" cy="301769"/>
          </a:xfrm>
          <a:prstGeom prst="rect">
            <a:avLst/>
          </a:prstGeom>
        </p:spPr>
      </p:pic>
      <p:pic>
        <p:nvPicPr>
          <p:cNvPr id="31" name="图片 11" descr="开放网络-蓝.png"/>
          <p:cNvPicPr>
            <a:picLocks noChangeAspect="1"/>
          </p:cNvPicPr>
          <p:nvPr/>
        </p:nvPicPr>
        <p:blipFill>
          <a:blip r:embed="rId8" cstate="print"/>
          <a:stretch>
            <a:fillRect/>
          </a:stretch>
        </p:blipFill>
        <p:spPr>
          <a:xfrm>
            <a:off x="1255980" y="3245301"/>
            <a:ext cx="368559" cy="283711"/>
          </a:xfrm>
          <a:prstGeom prst="rect">
            <a:avLst/>
          </a:prstGeom>
        </p:spPr>
      </p:pic>
      <p:pic>
        <p:nvPicPr>
          <p:cNvPr id="32" name="图片 158" descr="SAN网络-蓝.png"/>
          <p:cNvPicPr>
            <a:picLocks noChangeAspect="1"/>
          </p:cNvPicPr>
          <p:nvPr/>
        </p:nvPicPr>
        <p:blipFill>
          <a:blip r:embed="rId9" cstate="print"/>
          <a:stretch>
            <a:fillRect/>
          </a:stretch>
        </p:blipFill>
        <p:spPr>
          <a:xfrm>
            <a:off x="2470267" y="3237470"/>
            <a:ext cx="182733" cy="299373"/>
          </a:xfrm>
          <a:prstGeom prst="rect">
            <a:avLst/>
          </a:prstGeom>
        </p:spPr>
      </p:pic>
      <p:sp>
        <p:nvSpPr>
          <p:cNvPr id="33" name="任意多边形 32"/>
          <p:cNvSpPr/>
          <p:nvPr/>
        </p:nvSpPr>
        <p:spPr>
          <a:xfrm>
            <a:off x="1987774" y="1788257"/>
            <a:ext cx="815788" cy="1460014"/>
          </a:xfrm>
          <a:custGeom>
            <a:avLst/>
            <a:gdLst>
              <a:gd name="connsiteX0" fmla="*/ 537882 w 815788"/>
              <a:gd name="connsiteY0" fmla="*/ 1389529 h 1389529"/>
              <a:gd name="connsiteX1" fmla="*/ 537882 w 815788"/>
              <a:gd name="connsiteY1" fmla="*/ 1147482 h 1389529"/>
              <a:gd name="connsiteX2" fmla="*/ 44824 w 815788"/>
              <a:gd name="connsiteY2" fmla="*/ 510988 h 1389529"/>
              <a:gd name="connsiteX3" fmla="*/ 815788 w 815788"/>
              <a:gd name="connsiteY3" fmla="*/ 510988 h 1389529"/>
              <a:gd name="connsiteX4" fmla="*/ 815788 w 815788"/>
              <a:gd name="connsiteY4" fmla="*/ 304800 h 1389529"/>
              <a:gd name="connsiteX5" fmla="*/ 0 w 815788"/>
              <a:gd name="connsiteY5" fmla="*/ 304800 h 1389529"/>
              <a:gd name="connsiteX6" fmla="*/ 0 w 815788"/>
              <a:gd name="connsiteY6" fmla="*/ 0 h 1389529"/>
              <a:gd name="connsiteX0" fmla="*/ 535977 w 815788"/>
              <a:gd name="connsiteY0" fmla="*/ 1460014 h 1460014"/>
              <a:gd name="connsiteX1" fmla="*/ 537882 w 815788"/>
              <a:gd name="connsiteY1" fmla="*/ 114748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815788" h="1460014">
                <a:moveTo>
                  <a:pt x="535977" y="1460014"/>
                </a:moveTo>
                <a:lnTo>
                  <a:pt x="539787" y="1170342"/>
                </a:lnTo>
                <a:lnTo>
                  <a:pt x="44824" y="510988"/>
                </a:lnTo>
                <a:lnTo>
                  <a:pt x="815788" y="510988"/>
                </a:lnTo>
                <a:lnTo>
                  <a:pt x="815788" y="304800"/>
                </a:lnTo>
                <a:lnTo>
                  <a:pt x="0" y="304800"/>
                </a:lnTo>
                <a:lnTo>
                  <a:pt x="0" y="0"/>
                </a:lnTo>
              </a:path>
            </a:pathLst>
          </a:custGeom>
          <a:noFill/>
          <a:ln w="57150">
            <a:solidFill>
              <a:srgbClr val="EC7061"/>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34" name="Group 165"/>
          <p:cNvGrpSpPr/>
          <p:nvPr/>
        </p:nvGrpSpPr>
        <p:grpSpPr>
          <a:xfrm rot="10800000">
            <a:off x="6670686" y="2069600"/>
            <a:ext cx="1159468" cy="758789"/>
            <a:chOff x="-1233037" y="914446"/>
            <a:chExt cx="1573823" cy="778776"/>
          </a:xfrm>
        </p:grpSpPr>
        <p:cxnSp>
          <p:nvCxnSpPr>
            <p:cNvPr id="35" name="Straight Connector 166"/>
            <p:cNvCxnSpPr/>
            <p:nvPr/>
          </p:nvCxnSpPr>
          <p:spPr>
            <a:xfrm flipH="1" flipV="1">
              <a:off x="-1233037" y="914446"/>
              <a:ext cx="786912" cy="778776"/>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6" name="Straight Connector 167"/>
            <p:cNvCxnSpPr/>
            <p:nvPr/>
          </p:nvCxnSpPr>
          <p:spPr>
            <a:xfrm flipV="1">
              <a:off x="-446125" y="914446"/>
              <a:ext cx="786911" cy="778776"/>
            </a:xfrm>
            <a:prstGeom prst="line">
              <a:avLst/>
            </a:prstGeom>
            <a:ln w="19050">
              <a:solidFill>
                <a:schemeClr val="tx1"/>
              </a:solidFill>
              <a:prstDash val="solid"/>
            </a:ln>
          </p:spPr>
          <p:style>
            <a:lnRef idx="1">
              <a:schemeClr val="accent1"/>
            </a:lnRef>
            <a:fillRef idx="0">
              <a:schemeClr val="accent1"/>
            </a:fillRef>
            <a:effectRef idx="0">
              <a:schemeClr val="accent1"/>
            </a:effectRef>
            <a:fontRef idx="minor">
              <a:schemeClr val="tx1"/>
            </a:fontRef>
          </p:style>
        </p:cxnSp>
      </p:grpSp>
      <p:pic>
        <p:nvPicPr>
          <p:cNvPr id="37" name="图片 87" descr="汇聚交换机.png"/>
          <p:cNvPicPr>
            <a:picLocks noChangeAspect="1"/>
          </p:cNvPicPr>
          <p:nvPr/>
        </p:nvPicPr>
        <p:blipFill>
          <a:blip r:embed="rId4" cstate="print"/>
          <a:stretch>
            <a:fillRect/>
          </a:stretch>
        </p:blipFill>
        <p:spPr>
          <a:xfrm>
            <a:off x="7025225" y="2005498"/>
            <a:ext cx="446281" cy="365141"/>
          </a:xfrm>
          <a:prstGeom prst="rect">
            <a:avLst/>
          </a:prstGeom>
        </p:spPr>
      </p:pic>
      <p:pic>
        <p:nvPicPr>
          <p:cNvPr id="38" name="图片 76" descr="接入交换机.png"/>
          <p:cNvPicPr>
            <a:picLocks noChangeAspect="1"/>
          </p:cNvPicPr>
          <p:nvPr/>
        </p:nvPicPr>
        <p:blipFill>
          <a:blip r:embed="rId5" cstate="print"/>
          <a:stretch>
            <a:fillRect/>
          </a:stretch>
        </p:blipFill>
        <p:spPr>
          <a:xfrm>
            <a:off x="6513263" y="2791035"/>
            <a:ext cx="368827" cy="301769"/>
          </a:xfrm>
          <a:prstGeom prst="rect">
            <a:avLst/>
          </a:prstGeom>
        </p:spPr>
      </p:pic>
      <p:pic>
        <p:nvPicPr>
          <p:cNvPr id="39" name="图片 105" descr="AP.png"/>
          <p:cNvPicPr>
            <a:picLocks noChangeAspect="1"/>
          </p:cNvPicPr>
          <p:nvPr/>
        </p:nvPicPr>
        <p:blipFill>
          <a:blip r:embed="rId6" cstate="print"/>
          <a:stretch>
            <a:fillRect/>
          </a:stretch>
        </p:blipFill>
        <p:spPr>
          <a:xfrm>
            <a:off x="7614641" y="2791035"/>
            <a:ext cx="368827" cy="301769"/>
          </a:xfrm>
          <a:prstGeom prst="rect">
            <a:avLst/>
          </a:prstGeom>
        </p:spPr>
      </p:pic>
      <p:pic>
        <p:nvPicPr>
          <p:cNvPr id="40" name="图片 11" descr="开放网络-蓝.png"/>
          <p:cNvPicPr>
            <a:picLocks noChangeAspect="1"/>
          </p:cNvPicPr>
          <p:nvPr/>
        </p:nvPicPr>
        <p:blipFill>
          <a:blip r:embed="rId8" cstate="print"/>
          <a:stretch>
            <a:fillRect/>
          </a:stretch>
        </p:blipFill>
        <p:spPr>
          <a:xfrm>
            <a:off x="6513263" y="3245301"/>
            <a:ext cx="368559" cy="283711"/>
          </a:xfrm>
          <a:prstGeom prst="rect">
            <a:avLst/>
          </a:prstGeom>
        </p:spPr>
      </p:pic>
      <p:pic>
        <p:nvPicPr>
          <p:cNvPr id="41" name="图片 158" descr="SAN网络-蓝.png"/>
          <p:cNvPicPr>
            <a:picLocks noChangeAspect="1"/>
          </p:cNvPicPr>
          <p:nvPr/>
        </p:nvPicPr>
        <p:blipFill>
          <a:blip r:embed="rId9" cstate="print"/>
          <a:stretch>
            <a:fillRect/>
          </a:stretch>
        </p:blipFill>
        <p:spPr>
          <a:xfrm>
            <a:off x="7727550" y="3237470"/>
            <a:ext cx="182733" cy="299373"/>
          </a:xfrm>
          <a:prstGeom prst="rect">
            <a:avLst/>
          </a:prstGeom>
        </p:spPr>
      </p:pic>
      <p:sp>
        <p:nvSpPr>
          <p:cNvPr id="42" name="圆角矩形 41"/>
          <p:cNvSpPr/>
          <p:nvPr/>
        </p:nvSpPr>
        <p:spPr>
          <a:xfrm>
            <a:off x="7373635" y="2094664"/>
            <a:ext cx="285872" cy="192797"/>
          </a:xfrm>
          <a:prstGeom prst="roundRect">
            <a:avLst>
              <a:gd name="adj" fmla="val 10738"/>
            </a:avLst>
          </a:prstGeom>
          <a:solidFill>
            <a:srgbClr val="FFC0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3" name="任意多边形 42"/>
          <p:cNvSpPr/>
          <p:nvPr/>
        </p:nvSpPr>
        <p:spPr>
          <a:xfrm>
            <a:off x="7242935" y="1788257"/>
            <a:ext cx="539787" cy="1460014"/>
          </a:xfrm>
          <a:custGeom>
            <a:avLst/>
            <a:gdLst>
              <a:gd name="connsiteX0" fmla="*/ 537882 w 815788"/>
              <a:gd name="connsiteY0" fmla="*/ 1389529 h 1389529"/>
              <a:gd name="connsiteX1" fmla="*/ 537882 w 815788"/>
              <a:gd name="connsiteY1" fmla="*/ 1147482 h 1389529"/>
              <a:gd name="connsiteX2" fmla="*/ 44824 w 815788"/>
              <a:gd name="connsiteY2" fmla="*/ 510988 h 1389529"/>
              <a:gd name="connsiteX3" fmla="*/ 815788 w 815788"/>
              <a:gd name="connsiteY3" fmla="*/ 510988 h 1389529"/>
              <a:gd name="connsiteX4" fmla="*/ 815788 w 815788"/>
              <a:gd name="connsiteY4" fmla="*/ 304800 h 1389529"/>
              <a:gd name="connsiteX5" fmla="*/ 0 w 815788"/>
              <a:gd name="connsiteY5" fmla="*/ 304800 h 1389529"/>
              <a:gd name="connsiteX6" fmla="*/ 0 w 815788"/>
              <a:gd name="connsiteY6" fmla="*/ 0 h 1389529"/>
              <a:gd name="connsiteX0" fmla="*/ 535977 w 815788"/>
              <a:gd name="connsiteY0" fmla="*/ 1460014 h 1460014"/>
              <a:gd name="connsiteX1" fmla="*/ 537882 w 815788"/>
              <a:gd name="connsiteY1" fmla="*/ 114748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267148 w 815788"/>
              <a:gd name="connsiteY3" fmla="*/ 514798 h 1460014"/>
              <a:gd name="connsiteX4" fmla="*/ 815788 w 815788"/>
              <a:gd name="connsiteY4" fmla="*/ 304800 h 1460014"/>
              <a:gd name="connsiteX5" fmla="*/ 0 w 815788"/>
              <a:gd name="connsiteY5" fmla="*/ 304800 h 1460014"/>
              <a:gd name="connsiteX6" fmla="*/ 0 w 815788"/>
              <a:gd name="connsiteY6"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267148 w 539787"/>
              <a:gd name="connsiteY3" fmla="*/ 514798 h 1460014"/>
              <a:gd name="connsiteX4" fmla="*/ 272863 w 539787"/>
              <a:gd name="connsiteY4" fmla="*/ 308610 h 1460014"/>
              <a:gd name="connsiteX5" fmla="*/ 0 w 539787"/>
              <a:gd name="connsiteY5" fmla="*/ 304800 h 1460014"/>
              <a:gd name="connsiteX6" fmla="*/ 0 w 539787"/>
              <a:gd name="connsiteY6"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267148 w 539787"/>
              <a:gd name="connsiteY3" fmla="*/ 514798 h 1460014"/>
              <a:gd name="connsiteX4" fmla="*/ 0 w 539787"/>
              <a:gd name="connsiteY4" fmla="*/ 304800 h 1460014"/>
              <a:gd name="connsiteX5" fmla="*/ 0 w 539787"/>
              <a:gd name="connsiteY5"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297628 w 539787"/>
              <a:gd name="connsiteY3" fmla="*/ 404308 h 1460014"/>
              <a:gd name="connsiteX4" fmla="*/ 0 w 539787"/>
              <a:gd name="connsiteY4" fmla="*/ 304800 h 1460014"/>
              <a:gd name="connsiteX5" fmla="*/ 0 w 539787"/>
              <a:gd name="connsiteY5"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263338 w 539787"/>
              <a:gd name="connsiteY3" fmla="*/ 394783 h 1460014"/>
              <a:gd name="connsiteX4" fmla="*/ 0 w 539787"/>
              <a:gd name="connsiteY4" fmla="*/ 304800 h 1460014"/>
              <a:gd name="connsiteX5" fmla="*/ 0 w 539787"/>
              <a:gd name="connsiteY5" fmla="*/ 0 h 14600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39787" h="1460014">
                <a:moveTo>
                  <a:pt x="535977" y="1460014"/>
                </a:moveTo>
                <a:lnTo>
                  <a:pt x="539787" y="1170342"/>
                </a:lnTo>
                <a:lnTo>
                  <a:pt x="44824" y="510988"/>
                </a:lnTo>
                <a:lnTo>
                  <a:pt x="263338" y="394783"/>
                </a:lnTo>
                <a:lnTo>
                  <a:pt x="0" y="304800"/>
                </a:lnTo>
                <a:lnTo>
                  <a:pt x="0" y="0"/>
                </a:lnTo>
              </a:path>
            </a:pathLst>
          </a:custGeom>
          <a:noFill/>
          <a:ln w="57150">
            <a:solidFill>
              <a:srgbClr val="EC7061"/>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4" name="矩形 2"/>
          <p:cNvSpPr/>
          <p:nvPr/>
        </p:nvSpPr>
        <p:spPr>
          <a:xfrm>
            <a:off x="2669832" y="2433284"/>
            <a:ext cx="580325" cy="211114"/>
          </a:xfrm>
          <a:prstGeom prst="rect">
            <a:avLst/>
          </a:prstGeom>
          <a:solidFill>
            <a:srgbClr val="EC7061"/>
          </a:solidFill>
          <a:ln>
            <a:solidFill>
              <a:srgbClr val="EC7061"/>
            </a:solidFill>
          </a:ln>
        </p:spPr>
        <p:txBody>
          <a:bodyPr wrap="none" lIns="0" tIns="0" rIns="0" bIns="0" anchor="ctr" anchorCtr="0">
            <a:noAutofit/>
          </a:bodyPr>
          <a:lstStyle/>
          <a:p>
            <a:pPr algn="ctr"/>
            <a:r>
              <a:rPr lang="zh-CN" altLang="en-US" sz="1200" b="1">
                <a:solidFill>
                  <a:schemeClr val="bg1"/>
                </a:solidFill>
                <a:latin typeface="Arial" pitchFamily="34" charset="0"/>
                <a:ea typeface="微软雅黑" pitchFamily="34" charset="-122"/>
              </a:rPr>
              <a:t>独立</a:t>
            </a:r>
            <a:r>
              <a:rPr lang="en-US" altLang="zh-CN" sz="1200" b="1">
                <a:solidFill>
                  <a:schemeClr val="bg1"/>
                </a:solidFill>
                <a:latin typeface="Arial" pitchFamily="34" charset="0"/>
                <a:ea typeface="微软雅黑" pitchFamily="34" charset="-122"/>
              </a:rPr>
              <a:t>AC</a:t>
            </a:r>
          </a:p>
        </p:txBody>
      </p:sp>
      <p:sp>
        <p:nvSpPr>
          <p:cNvPr id="45" name="矩形 2"/>
          <p:cNvSpPr/>
          <p:nvPr/>
        </p:nvSpPr>
        <p:spPr>
          <a:xfrm>
            <a:off x="7754262" y="2082362"/>
            <a:ext cx="580325" cy="211114"/>
          </a:xfrm>
          <a:prstGeom prst="rect">
            <a:avLst/>
          </a:prstGeom>
          <a:solidFill>
            <a:srgbClr val="EC7061"/>
          </a:solidFill>
          <a:ln>
            <a:solidFill>
              <a:srgbClr val="EC7061"/>
            </a:solidFill>
          </a:ln>
        </p:spPr>
        <p:txBody>
          <a:bodyPr wrap="none" lIns="0" tIns="0" rIns="0" bIns="0" anchor="ctr" anchorCtr="0">
            <a:noAutofit/>
          </a:bodyPr>
          <a:lstStyle/>
          <a:p>
            <a:pPr algn="ctr"/>
            <a:r>
              <a:rPr lang="zh-CN" altLang="en-US" sz="1200" b="1">
                <a:solidFill>
                  <a:schemeClr val="bg1"/>
                </a:solidFill>
                <a:latin typeface="Arial" pitchFamily="34" charset="0"/>
                <a:ea typeface="微软雅黑" pitchFamily="34" charset="-122"/>
              </a:rPr>
              <a:t>插卡</a:t>
            </a:r>
            <a:r>
              <a:rPr lang="en-US" altLang="zh-CN" sz="1200" b="1">
                <a:solidFill>
                  <a:schemeClr val="bg1"/>
                </a:solidFill>
                <a:latin typeface="Arial" pitchFamily="34" charset="0"/>
                <a:ea typeface="微软雅黑" pitchFamily="34" charset="-122"/>
              </a:rPr>
              <a:t>AC</a:t>
            </a:r>
          </a:p>
        </p:txBody>
      </p:sp>
      <p:sp>
        <p:nvSpPr>
          <p:cNvPr id="46" name="矩形 2"/>
          <p:cNvSpPr/>
          <p:nvPr/>
        </p:nvSpPr>
        <p:spPr>
          <a:xfrm>
            <a:off x="2688113" y="4806657"/>
            <a:ext cx="580325" cy="211114"/>
          </a:xfrm>
          <a:prstGeom prst="rect">
            <a:avLst/>
          </a:prstGeom>
          <a:solidFill>
            <a:srgbClr val="EC7061"/>
          </a:solidFill>
        </p:spPr>
        <p:txBody>
          <a:bodyPr wrap="none" lIns="0" tIns="0" rIns="0" bIns="0" anchor="ctr" anchorCtr="0">
            <a:noAutofit/>
          </a:bodyPr>
          <a:lstStyle/>
          <a:p>
            <a:pPr algn="ctr"/>
            <a:r>
              <a:rPr lang="zh-CN" altLang="en-US" sz="1200" b="1">
                <a:solidFill>
                  <a:schemeClr val="bg1"/>
                </a:solidFill>
                <a:latin typeface="Arial" pitchFamily="34" charset="0"/>
                <a:ea typeface="微软雅黑" pitchFamily="34" charset="-122"/>
              </a:rPr>
              <a:t>随板</a:t>
            </a:r>
            <a:r>
              <a:rPr lang="en-US" altLang="zh-CN" sz="1200" b="1">
                <a:solidFill>
                  <a:schemeClr val="bg1"/>
                </a:solidFill>
                <a:latin typeface="Arial" pitchFamily="34" charset="0"/>
                <a:ea typeface="微软雅黑" pitchFamily="34" charset="-122"/>
              </a:rPr>
              <a:t>AC</a:t>
            </a:r>
          </a:p>
        </p:txBody>
      </p:sp>
      <p:pic>
        <p:nvPicPr>
          <p:cNvPr id="47" name="图片 76" descr="接入交换机.png"/>
          <p:cNvPicPr>
            <a:picLocks noChangeAspect="1"/>
          </p:cNvPicPr>
          <p:nvPr/>
        </p:nvPicPr>
        <p:blipFill>
          <a:blip r:embed="rId5" cstate="print"/>
          <a:stretch>
            <a:fillRect/>
          </a:stretch>
        </p:blipFill>
        <p:spPr>
          <a:xfrm>
            <a:off x="1636290" y="5528092"/>
            <a:ext cx="368827" cy="301769"/>
          </a:xfrm>
          <a:prstGeom prst="rect">
            <a:avLst/>
          </a:prstGeom>
        </p:spPr>
      </p:pic>
      <p:pic>
        <p:nvPicPr>
          <p:cNvPr id="48" name="图片 105" descr="AP.png"/>
          <p:cNvPicPr>
            <a:picLocks noChangeAspect="1"/>
          </p:cNvPicPr>
          <p:nvPr/>
        </p:nvPicPr>
        <p:blipFill>
          <a:blip r:embed="rId6" cstate="print"/>
          <a:stretch>
            <a:fillRect/>
          </a:stretch>
        </p:blipFill>
        <p:spPr>
          <a:xfrm>
            <a:off x="2737668" y="5528092"/>
            <a:ext cx="368827" cy="301769"/>
          </a:xfrm>
          <a:prstGeom prst="rect">
            <a:avLst/>
          </a:prstGeom>
        </p:spPr>
      </p:pic>
      <p:pic>
        <p:nvPicPr>
          <p:cNvPr id="49" name="图片 11" descr="开放网络-蓝.png"/>
          <p:cNvPicPr>
            <a:picLocks noChangeAspect="1"/>
          </p:cNvPicPr>
          <p:nvPr/>
        </p:nvPicPr>
        <p:blipFill>
          <a:blip r:embed="rId8" cstate="print"/>
          <a:stretch>
            <a:fillRect/>
          </a:stretch>
        </p:blipFill>
        <p:spPr>
          <a:xfrm>
            <a:off x="1636290" y="5982358"/>
            <a:ext cx="368559" cy="283711"/>
          </a:xfrm>
          <a:prstGeom prst="rect">
            <a:avLst/>
          </a:prstGeom>
        </p:spPr>
      </p:pic>
      <p:pic>
        <p:nvPicPr>
          <p:cNvPr id="50" name="图片 158" descr="SAN网络-蓝.png"/>
          <p:cNvPicPr>
            <a:picLocks noChangeAspect="1"/>
          </p:cNvPicPr>
          <p:nvPr/>
        </p:nvPicPr>
        <p:blipFill>
          <a:blip r:embed="rId9" cstate="print"/>
          <a:stretch>
            <a:fillRect/>
          </a:stretch>
        </p:blipFill>
        <p:spPr>
          <a:xfrm>
            <a:off x="2850577" y="5974527"/>
            <a:ext cx="182733" cy="299373"/>
          </a:xfrm>
          <a:prstGeom prst="rect">
            <a:avLst/>
          </a:prstGeom>
        </p:spPr>
      </p:pic>
      <p:sp>
        <p:nvSpPr>
          <p:cNvPr id="51" name="任意多边形 50"/>
          <p:cNvSpPr/>
          <p:nvPr/>
        </p:nvSpPr>
        <p:spPr>
          <a:xfrm>
            <a:off x="2368082" y="4525314"/>
            <a:ext cx="539787" cy="1460014"/>
          </a:xfrm>
          <a:custGeom>
            <a:avLst/>
            <a:gdLst>
              <a:gd name="connsiteX0" fmla="*/ 537882 w 815788"/>
              <a:gd name="connsiteY0" fmla="*/ 1389529 h 1389529"/>
              <a:gd name="connsiteX1" fmla="*/ 537882 w 815788"/>
              <a:gd name="connsiteY1" fmla="*/ 1147482 h 1389529"/>
              <a:gd name="connsiteX2" fmla="*/ 44824 w 815788"/>
              <a:gd name="connsiteY2" fmla="*/ 510988 h 1389529"/>
              <a:gd name="connsiteX3" fmla="*/ 815788 w 815788"/>
              <a:gd name="connsiteY3" fmla="*/ 510988 h 1389529"/>
              <a:gd name="connsiteX4" fmla="*/ 815788 w 815788"/>
              <a:gd name="connsiteY4" fmla="*/ 304800 h 1389529"/>
              <a:gd name="connsiteX5" fmla="*/ 0 w 815788"/>
              <a:gd name="connsiteY5" fmla="*/ 304800 h 1389529"/>
              <a:gd name="connsiteX6" fmla="*/ 0 w 815788"/>
              <a:gd name="connsiteY6" fmla="*/ 0 h 1389529"/>
              <a:gd name="connsiteX0" fmla="*/ 535977 w 815788"/>
              <a:gd name="connsiteY0" fmla="*/ 1460014 h 1460014"/>
              <a:gd name="connsiteX1" fmla="*/ 537882 w 815788"/>
              <a:gd name="connsiteY1" fmla="*/ 114748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815788 w 815788"/>
              <a:gd name="connsiteY3" fmla="*/ 510988 h 1460014"/>
              <a:gd name="connsiteX4" fmla="*/ 0 w 815788"/>
              <a:gd name="connsiteY4" fmla="*/ 304800 h 1460014"/>
              <a:gd name="connsiteX5" fmla="*/ 0 w 815788"/>
              <a:gd name="connsiteY5"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0 w 539787"/>
              <a:gd name="connsiteY3" fmla="*/ 304800 h 1460014"/>
              <a:gd name="connsiteX4" fmla="*/ 0 w 539787"/>
              <a:gd name="connsiteY4" fmla="*/ 0 h 1460014"/>
              <a:gd name="connsiteX0" fmla="*/ 535977 w 539787"/>
              <a:gd name="connsiteY0" fmla="*/ 1460014 h 1460014"/>
              <a:gd name="connsiteX1" fmla="*/ 539787 w 539787"/>
              <a:gd name="connsiteY1" fmla="*/ 1170342 h 1460014"/>
              <a:gd name="connsiteX2" fmla="*/ 0 w 539787"/>
              <a:gd name="connsiteY2" fmla="*/ 304800 h 1460014"/>
              <a:gd name="connsiteX3" fmla="*/ 0 w 539787"/>
              <a:gd name="connsiteY3" fmla="*/ 0 h 1460014"/>
              <a:gd name="connsiteX0" fmla="*/ 537882 w 541692"/>
              <a:gd name="connsiteY0" fmla="*/ 1460014 h 1460014"/>
              <a:gd name="connsiteX1" fmla="*/ 541692 w 541692"/>
              <a:gd name="connsiteY1" fmla="*/ 1170342 h 1460014"/>
              <a:gd name="connsiteX2" fmla="*/ 0 w 541692"/>
              <a:gd name="connsiteY2" fmla="*/ 501015 h 1460014"/>
              <a:gd name="connsiteX3" fmla="*/ 1905 w 541692"/>
              <a:gd name="connsiteY3" fmla="*/ 0 h 1460014"/>
              <a:gd name="connsiteX0" fmla="*/ 539787 w 543597"/>
              <a:gd name="connsiteY0" fmla="*/ 1460014 h 1460014"/>
              <a:gd name="connsiteX1" fmla="*/ 543597 w 543597"/>
              <a:gd name="connsiteY1" fmla="*/ 1170342 h 1460014"/>
              <a:gd name="connsiteX2" fmla="*/ 0 w 543597"/>
              <a:gd name="connsiteY2" fmla="*/ 466725 h 1460014"/>
              <a:gd name="connsiteX3" fmla="*/ 3810 w 543597"/>
              <a:gd name="connsiteY3" fmla="*/ 0 h 1460014"/>
              <a:gd name="connsiteX0" fmla="*/ 535977 w 539787"/>
              <a:gd name="connsiteY0" fmla="*/ 1460014 h 1460014"/>
              <a:gd name="connsiteX1" fmla="*/ 539787 w 539787"/>
              <a:gd name="connsiteY1" fmla="*/ 1170342 h 1460014"/>
              <a:gd name="connsiteX2" fmla="*/ 3810 w 539787"/>
              <a:gd name="connsiteY2" fmla="*/ 466725 h 1460014"/>
              <a:gd name="connsiteX3" fmla="*/ 0 w 539787"/>
              <a:gd name="connsiteY3" fmla="*/ 0 h 1460014"/>
            </a:gdLst>
            <a:ahLst/>
            <a:cxnLst>
              <a:cxn ang="0">
                <a:pos x="connsiteX0" y="connsiteY0"/>
              </a:cxn>
              <a:cxn ang="0">
                <a:pos x="connsiteX1" y="connsiteY1"/>
              </a:cxn>
              <a:cxn ang="0">
                <a:pos x="connsiteX2" y="connsiteY2"/>
              </a:cxn>
              <a:cxn ang="0">
                <a:pos x="connsiteX3" y="connsiteY3"/>
              </a:cxn>
            </a:cxnLst>
            <a:rect l="l" t="t" r="r" b="b"/>
            <a:pathLst>
              <a:path w="539787" h="1460014">
                <a:moveTo>
                  <a:pt x="535977" y="1460014"/>
                </a:moveTo>
                <a:lnTo>
                  <a:pt x="539787" y="1170342"/>
                </a:lnTo>
                <a:lnTo>
                  <a:pt x="3810" y="466725"/>
                </a:lnTo>
                <a:lnTo>
                  <a:pt x="0" y="0"/>
                </a:lnTo>
              </a:path>
            </a:pathLst>
          </a:custGeom>
          <a:noFill/>
          <a:ln w="57150">
            <a:solidFill>
              <a:srgbClr val="EC7061"/>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2" name="燕尾形 25">
            <a:extLst>
              <a:ext uri="{FF2B5EF4-FFF2-40B4-BE49-F238E27FC236}">
                <a16:creationId xmlns:a16="http://schemas.microsoft.com/office/drawing/2014/main" xmlns="" id="{25F297C8-E8E4-4197-9501-727EAC405CC9}"/>
              </a:ext>
            </a:extLst>
          </p:cNvPr>
          <p:cNvSpPr/>
          <p:nvPr/>
        </p:nvSpPr>
        <p:spPr bwMode="auto">
          <a:xfrm>
            <a:off x="10187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数据中心</a:t>
            </a:r>
            <a:endParaRPr lang="en-US" altLang="zh-CN" sz="1200" kern="0"/>
          </a:p>
        </p:txBody>
      </p:sp>
      <p:sp>
        <p:nvSpPr>
          <p:cNvPr id="53" name="燕尾形 26">
            <a:extLst>
              <a:ext uri="{FF2B5EF4-FFF2-40B4-BE49-F238E27FC236}">
                <a16:creationId xmlns:a16="http://schemas.microsoft.com/office/drawing/2014/main" xmlns="" id="{3E9910A5-6D4E-49F9-A12B-94F97EDDE1A8}"/>
              </a:ext>
            </a:extLst>
          </p:cNvPr>
          <p:cNvSpPr/>
          <p:nvPr/>
        </p:nvSpPr>
        <p:spPr bwMode="auto">
          <a:xfrm>
            <a:off x="10996392"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企业园区</a:t>
            </a:r>
            <a:endParaRPr lang="en-US" altLang="zh-CN" sz="1200" b="1" kern="0">
              <a:solidFill>
                <a:srgbClr val="FFFFFF"/>
              </a:solidFill>
            </a:endParaRPr>
          </a:p>
        </p:txBody>
      </p:sp>
    </p:spTree>
    <p:extLst>
      <p:ext uri="{BB962C8B-B14F-4D97-AF65-F5344CB8AC3E}">
        <p14:creationId xmlns:p14="http://schemas.microsoft.com/office/powerpoint/2010/main" val="220520248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3ED336C1-BC8E-455E-A418-066A31386C49}"/>
              </a:ext>
            </a:extLst>
          </p:cNvPr>
          <p:cNvSpPr>
            <a:spLocks noGrp="1"/>
          </p:cNvSpPr>
          <p:nvPr>
            <p:ph type="title"/>
          </p:nvPr>
        </p:nvSpPr>
        <p:spPr/>
        <p:txBody>
          <a:bodyPr/>
          <a:lstStyle/>
          <a:p>
            <a:r>
              <a:rPr lang="zh-CN" altLang="en-US"/>
              <a:t>关键特性：终端智能识别，安全接入</a:t>
            </a:r>
          </a:p>
        </p:txBody>
      </p:sp>
      <p:grpSp>
        <p:nvGrpSpPr>
          <p:cNvPr id="3" name="组合 190">
            <a:extLst>
              <a:ext uri="{FF2B5EF4-FFF2-40B4-BE49-F238E27FC236}">
                <a16:creationId xmlns:a16="http://schemas.microsoft.com/office/drawing/2014/main" xmlns="" id="{18CE3D02-F674-447A-B7D0-B3051B0859EB}"/>
              </a:ext>
            </a:extLst>
          </p:cNvPr>
          <p:cNvGrpSpPr>
            <a:grpSpLocks/>
          </p:cNvGrpSpPr>
          <p:nvPr/>
        </p:nvGrpSpPr>
        <p:grpSpPr bwMode="auto">
          <a:xfrm>
            <a:off x="6234533" y="1533196"/>
            <a:ext cx="412750" cy="731838"/>
            <a:chOff x="4500563" y="3594100"/>
            <a:chExt cx="368300" cy="654050"/>
          </a:xfrm>
        </p:grpSpPr>
        <p:sp>
          <p:nvSpPr>
            <p:cNvPr id="4" name="Freeform 159">
              <a:extLst>
                <a:ext uri="{FF2B5EF4-FFF2-40B4-BE49-F238E27FC236}">
                  <a16:creationId xmlns:a16="http://schemas.microsoft.com/office/drawing/2014/main" xmlns="" id="{F7E2391A-71CC-4BDF-9D72-9E267E167AC1}"/>
                </a:ext>
              </a:extLst>
            </p:cNvPr>
            <p:cNvSpPr>
              <a:spLocks/>
            </p:cNvSpPr>
            <p:nvPr/>
          </p:nvSpPr>
          <p:spPr bwMode="auto">
            <a:xfrm>
              <a:off x="4500563" y="3594100"/>
              <a:ext cx="368300" cy="654050"/>
            </a:xfrm>
            <a:custGeom>
              <a:avLst/>
              <a:gdLst>
                <a:gd name="T0" fmla="*/ 2147483646 w 877"/>
                <a:gd name="T1" fmla="*/ 0 h 1560"/>
                <a:gd name="T2" fmla="*/ 2147483646 w 877"/>
                <a:gd name="T3" fmla="*/ 0 h 1560"/>
                <a:gd name="T4" fmla="*/ 2147483646 w 877"/>
                <a:gd name="T5" fmla="*/ 0 h 1560"/>
                <a:gd name="T6" fmla="*/ 0 w 877"/>
                <a:gd name="T7" fmla="*/ 2147483646 h 1560"/>
                <a:gd name="T8" fmla="*/ 0 w 877"/>
                <a:gd name="T9" fmla="*/ 2147483646 h 1560"/>
                <a:gd name="T10" fmla="*/ 2147483646 w 877"/>
                <a:gd name="T11" fmla="*/ 2147483646 h 1560"/>
                <a:gd name="T12" fmla="*/ 2147483646 w 877"/>
                <a:gd name="T13" fmla="*/ 2147483646 h 1560"/>
                <a:gd name="T14" fmla="*/ 2147483646 w 877"/>
                <a:gd name="T15" fmla="*/ 2147483646 h 1560"/>
                <a:gd name="T16" fmla="*/ 2147483646 w 877"/>
                <a:gd name="T17" fmla="*/ 2147483646 h 1560"/>
                <a:gd name="T18" fmla="*/ 2147483646 w 877"/>
                <a:gd name="T19" fmla="*/ 2147483646 h 1560"/>
                <a:gd name="T20" fmla="*/ 2147483646 w 877"/>
                <a:gd name="T21" fmla="*/ 2147483646 h 1560"/>
                <a:gd name="T22" fmla="*/ 2147483646 w 877"/>
                <a:gd name="T23" fmla="*/ 2147483646 h 1560"/>
                <a:gd name="T24" fmla="*/ 2147483646 w 877"/>
                <a:gd name="T25" fmla="*/ 2147483646 h 1560"/>
                <a:gd name="T26" fmla="*/ 2147483646 w 877"/>
                <a:gd name="T27" fmla="*/ 2147483646 h 1560"/>
                <a:gd name="T28" fmla="*/ 2147483646 w 877"/>
                <a:gd name="T29" fmla="*/ 2147483646 h 1560"/>
                <a:gd name="T30" fmla="*/ 2147483646 w 877"/>
                <a:gd name="T31" fmla="*/ 2147483646 h 1560"/>
                <a:gd name="T32" fmla="*/ 2147483646 w 877"/>
                <a:gd name="T33" fmla="*/ 2147483646 h 1560"/>
                <a:gd name="T34" fmla="*/ 2147483646 w 877"/>
                <a:gd name="T35" fmla="*/ 2147483646 h 1560"/>
                <a:gd name="T36" fmla="*/ 2147483646 w 877"/>
                <a:gd name="T37" fmla="*/ 2147483646 h 1560"/>
                <a:gd name="T38" fmla="*/ 2147483646 w 877"/>
                <a:gd name="T39" fmla="*/ 2147483646 h 1560"/>
                <a:gd name="T40" fmla="*/ 2147483646 w 877"/>
                <a:gd name="T41" fmla="*/ 2147483646 h 1560"/>
                <a:gd name="T42" fmla="*/ 2147483646 w 877"/>
                <a:gd name="T43" fmla="*/ 2147483646 h 1560"/>
                <a:gd name="T44" fmla="*/ 2147483646 w 877"/>
                <a:gd name="T45" fmla="*/ 2147483646 h 1560"/>
                <a:gd name="T46" fmla="*/ 2147483646 w 877"/>
                <a:gd name="T47" fmla="*/ 2147483646 h 1560"/>
                <a:gd name="T48" fmla="*/ 2147483646 w 877"/>
                <a:gd name="T49" fmla="*/ 2147483646 h 1560"/>
                <a:gd name="T50" fmla="*/ 2147483646 w 877"/>
                <a:gd name="T51" fmla="*/ 2147483646 h 1560"/>
                <a:gd name="T52" fmla="*/ 2147483646 w 877"/>
                <a:gd name="T53" fmla="*/ 2147483646 h 1560"/>
                <a:gd name="T54" fmla="*/ 2147483646 w 877"/>
                <a:gd name="T55" fmla="*/ 0 h 1560"/>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w 877"/>
                <a:gd name="T85" fmla="*/ 0 h 1560"/>
                <a:gd name="T86" fmla="*/ 877 w 877"/>
                <a:gd name="T87" fmla="*/ 1560 h 1560"/>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T84" t="T85" r="T86" b="T87"/>
              <a:pathLst>
                <a:path w="877" h="1560">
                  <a:moveTo>
                    <a:pt x="745" y="0"/>
                  </a:moveTo>
                  <a:lnTo>
                    <a:pt x="745" y="0"/>
                  </a:lnTo>
                  <a:lnTo>
                    <a:pt x="132" y="0"/>
                  </a:lnTo>
                  <a:cubicBezTo>
                    <a:pt x="59" y="0"/>
                    <a:pt x="0" y="60"/>
                    <a:pt x="0" y="132"/>
                  </a:cubicBezTo>
                  <a:lnTo>
                    <a:pt x="0" y="1392"/>
                  </a:lnTo>
                  <a:cubicBezTo>
                    <a:pt x="0" y="1465"/>
                    <a:pt x="59" y="1524"/>
                    <a:pt x="132" y="1524"/>
                  </a:cubicBezTo>
                  <a:lnTo>
                    <a:pt x="272" y="1524"/>
                  </a:lnTo>
                  <a:cubicBezTo>
                    <a:pt x="283" y="1545"/>
                    <a:pt x="306" y="1560"/>
                    <a:pt x="332" y="1560"/>
                  </a:cubicBezTo>
                  <a:cubicBezTo>
                    <a:pt x="371" y="1560"/>
                    <a:pt x="402" y="1529"/>
                    <a:pt x="402" y="1491"/>
                  </a:cubicBezTo>
                  <a:cubicBezTo>
                    <a:pt x="402" y="1452"/>
                    <a:pt x="371" y="1421"/>
                    <a:pt x="332" y="1421"/>
                  </a:cubicBezTo>
                  <a:cubicBezTo>
                    <a:pt x="306" y="1421"/>
                    <a:pt x="283" y="1436"/>
                    <a:pt x="272" y="1457"/>
                  </a:cubicBezTo>
                  <a:lnTo>
                    <a:pt x="132" y="1457"/>
                  </a:lnTo>
                  <a:cubicBezTo>
                    <a:pt x="96" y="1457"/>
                    <a:pt x="67" y="1428"/>
                    <a:pt x="67" y="1392"/>
                  </a:cubicBezTo>
                  <a:lnTo>
                    <a:pt x="67" y="132"/>
                  </a:lnTo>
                  <a:cubicBezTo>
                    <a:pt x="67" y="96"/>
                    <a:pt x="96" y="67"/>
                    <a:pt x="132" y="67"/>
                  </a:cubicBezTo>
                  <a:lnTo>
                    <a:pt x="745" y="67"/>
                  </a:lnTo>
                  <a:cubicBezTo>
                    <a:pt x="781" y="67"/>
                    <a:pt x="810" y="96"/>
                    <a:pt x="810" y="132"/>
                  </a:cubicBezTo>
                  <a:lnTo>
                    <a:pt x="810" y="1392"/>
                  </a:lnTo>
                  <a:cubicBezTo>
                    <a:pt x="810" y="1428"/>
                    <a:pt x="781" y="1457"/>
                    <a:pt x="745" y="1457"/>
                  </a:cubicBezTo>
                  <a:lnTo>
                    <a:pt x="606" y="1457"/>
                  </a:lnTo>
                  <a:cubicBezTo>
                    <a:pt x="594" y="1436"/>
                    <a:pt x="571" y="1421"/>
                    <a:pt x="545" y="1421"/>
                  </a:cubicBezTo>
                  <a:cubicBezTo>
                    <a:pt x="507" y="1421"/>
                    <a:pt x="476" y="1452"/>
                    <a:pt x="476" y="1491"/>
                  </a:cubicBezTo>
                  <a:cubicBezTo>
                    <a:pt x="476" y="1529"/>
                    <a:pt x="507" y="1560"/>
                    <a:pt x="545" y="1560"/>
                  </a:cubicBezTo>
                  <a:cubicBezTo>
                    <a:pt x="571" y="1560"/>
                    <a:pt x="594" y="1545"/>
                    <a:pt x="606" y="1524"/>
                  </a:cubicBezTo>
                  <a:lnTo>
                    <a:pt x="745" y="1524"/>
                  </a:lnTo>
                  <a:cubicBezTo>
                    <a:pt x="818" y="1524"/>
                    <a:pt x="877" y="1465"/>
                    <a:pt x="877" y="1392"/>
                  </a:cubicBezTo>
                  <a:lnTo>
                    <a:pt x="877" y="132"/>
                  </a:lnTo>
                  <a:cubicBezTo>
                    <a:pt x="877" y="60"/>
                    <a:pt x="818" y="0"/>
                    <a:pt x="745"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 name="Freeform 160">
              <a:extLst>
                <a:ext uri="{FF2B5EF4-FFF2-40B4-BE49-F238E27FC236}">
                  <a16:creationId xmlns:a16="http://schemas.microsoft.com/office/drawing/2014/main" xmlns="" id="{BDB09050-6DA8-4754-9D53-B2D592CE6930}"/>
                </a:ext>
              </a:extLst>
            </p:cNvPr>
            <p:cNvSpPr>
              <a:spLocks noEditPoints="1"/>
            </p:cNvSpPr>
            <p:nvPr/>
          </p:nvSpPr>
          <p:spPr bwMode="auto">
            <a:xfrm>
              <a:off x="4556125" y="3667125"/>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2147483646 w 613"/>
                <a:gd name="T13" fmla="*/ 2147483646 h 208"/>
                <a:gd name="T14" fmla="*/ 2147483646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0 h 208"/>
                <a:gd name="T24" fmla="*/ 2147483646 w 613"/>
                <a:gd name="T25" fmla="*/ 0 h 208"/>
                <a:gd name="T26" fmla="*/ 0 w 613"/>
                <a:gd name="T27" fmla="*/ 2147483646 h 208"/>
                <a:gd name="T28" fmla="*/ 0 w 613"/>
                <a:gd name="T29" fmla="*/ 2147483646 h 208"/>
                <a:gd name="T30" fmla="*/ 2147483646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4"/>
                  </a:moveTo>
                  <a:lnTo>
                    <a:pt x="54" y="54"/>
                  </a:lnTo>
                  <a:lnTo>
                    <a:pt x="560" y="54"/>
                  </a:lnTo>
                  <a:lnTo>
                    <a:pt x="560" y="155"/>
                  </a:lnTo>
                  <a:lnTo>
                    <a:pt x="54" y="155"/>
                  </a:lnTo>
                  <a:lnTo>
                    <a:pt x="54" y="54"/>
                  </a:lnTo>
                  <a:close/>
                  <a:moveTo>
                    <a:pt x="27" y="208"/>
                  </a:moveTo>
                  <a:lnTo>
                    <a:pt x="27" y="208"/>
                  </a:lnTo>
                  <a:lnTo>
                    <a:pt x="586" y="208"/>
                  </a:lnTo>
                  <a:cubicBezTo>
                    <a:pt x="601" y="208"/>
                    <a:pt x="613" y="196"/>
                    <a:pt x="613" y="182"/>
                  </a:cubicBezTo>
                  <a:lnTo>
                    <a:pt x="613" y="27"/>
                  </a:lnTo>
                  <a:cubicBezTo>
                    <a:pt x="613" y="12"/>
                    <a:pt x="601" y="0"/>
                    <a:pt x="586" y="0"/>
                  </a:cubicBezTo>
                  <a:lnTo>
                    <a:pt x="27" y="0"/>
                  </a:lnTo>
                  <a:cubicBezTo>
                    <a:pt x="12" y="0"/>
                    <a:pt x="0" y="12"/>
                    <a:pt x="0" y="27"/>
                  </a:cubicBezTo>
                  <a:lnTo>
                    <a:pt x="0" y="182"/>
                  </a:lnTo>
                  <a:cubicBezTo>
                    <a:pt x="0" y="196"/>
                    <a:pt x="12" y="208"/>
                    <a:pt x="27" y="20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 name="Freeform 161">
              <a:extLst>
                <a:ext uri="{FF2B5EF4-FFF2-40B4-BE49-F238E27FC236}">
                  <a16:creationId xmlns:a16="http://schemas.microsoft.com/office/drawing/2014/main" xmlns="" id="{33AC206A-37B9-4E20-82CE-D221784018CF}"/>
                </a:ext>
              </a:extLst>
            </p:cNvPr>
            <p:cNvSpPr>
              <a:spLocks/>
            </p:cNvSpPr>
            <p:nvPr/>
          </p:nvSpPr>
          <p:spPr bwMode="auto">
            <a:xfrm>
              <a:off x="4745038" y="3698875"/>
              <a:ext cx="25400" cy="25400"/>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3"/>
                    <a:pt x="0" y="30"/>
                  </a:cubicBezTo>
                  <a:cubicBezTo>
                    <a:pt x="0" y="47"/>
                    <a:pt x="13" y="61"/>
                    <a:pt x="30" y="61"/>
                  </a:cubicBezTo>
                  <a:cubicBezTo>
                    <a:pt x="47" y="61"/>
                    <a:pt x="61" y="47"/>
                    <a:pt x="61" y="30"/>
                  </a:cubicBezTo>
                  <a:cubicBezTo>
                    <a:pt x="61" y="13"/>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 name="Freeform 162">
              <a:extLst>
                <a:ext uri="{FF2B5EF4-FFF2-40B4-BE49-F238E27FC236}">
                  <a16:creationId xmlns:a16="http://schemas.microsoft.com/office/drawing/2014/main" xmlns="" id="{D6029105-D885-4B1F-A629-CDB09C0AC819}"/>
                </a:ext>
              </a:extLst>
            </p:cNvPr>
            <p:cNvSpPr>
              <a:spLocks noEditPoints="1"/>
            </p:cNvSpPr>
            <p:nvPr/>
          </p:nvSpPr>
          <p:spPr bwMode="auto">
            <a:xfrm>
              <a:off x="4556125" y="3765550"/>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0 w 613"/>
                <a:gd name="T13" fmla="*/ 2147483646 h 208"/>
                <a:gd name="T14" fmla="*/ 0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2147483646 h 208"/>
                <a:gd name="T24" fmla="*/ 2147483646 w 613"/>
                <a:gd name="T25" fmla="*/ 0 h 208"/>
                <a:gd name="T26" fmla="*/ 2147483646 w 613"/>
                <a:gd name="T27" fmla="*/ 0 h 208"/>
                <a:gd name="T28" fmla="*/ 0 w 613"/>
                <a:gd name="T29" fmla="*/ 2147483646 h 208"/>
                <a:gd name="T30" fmla="*/ 0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3"/>
                  </a:moveTo>
                  <a:lnTo>
                    <a:pt x="54" y="53"/>
                  </a:lnTo>
                  <a:lnTo>
                    <a:pt x="560" y="53"/>
                  </a:lnTo>
                  <a:lnTo>
                    <a:pt x="560" y="155"/>
                  </a:lnTo>
                  <a:lnTo>
                    <a:pt x="54" y="155"/>
                  </a:lnTo>
                  <a:lnTo>
                    <a:pt x="54" y="53"/>
                  </a:lnTo>
                  <a:close/>
                  <a:moveTo>
                    <a:pt x="0" y="181"/>
                  </a:moveTo>
                  <a:lnTo>
                    <a:pt x="0" y="181"/>
                  </a:lnTo>
                  <a:cubicBezTo>
                    <a:pt x="0" y="196"/>
                    <a:pt x="12" y="208"/>
                    <a:pt x="27" y="208"/>
                  </a:cubicBezTo>
                  <a:lnTo>
                    <a:pt x="586" y="208"/>
                  </a:lnTo>
                  <a:cubicBezTo>
                    <a:pt x="601" y="208"/>
                    <a:pt x="613" y="196"/>
                    <a:pt x="613" y="181"/>
                  </a:cubicBezTo>
                  <a:lnTo>
                    <a:pt x="613" y="27"/>
                  </a:lnTo>
                  <a:cubicBezTo>
                    <a:pt x="613" y="12"/>
                    <a:pt x="601" y="0"/>
                    <a:pt x="586" y="0"/>
                  </a:cubicBezTo>
                  <a:lnTo>
                    <a:pt x="27" y="0"/>
                  </a:lnTo>
                  <a:cubicBezTo>
                    <a:pt x="12" y="0"/>
                    <a:pt x="0" y="12"/>
                    <a:pt x="0" y="27"/>
                  </a:cubicBezTo>
                  <a:lnTo>
                    <a:pt x="0" y="18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8" name="Freeform 163">
              <a:extLst>
                <a:ext uri="{FF2B5EF4-FFF2-40B4-BE49-F238E27FC236}">
                  <a16:creationId xmlns:a16="http://schemas.microsoft.com/office/drawing/2014/main" xmlns="" id="{03BD0DE6-9B41-47F3-A3D7-E4A6209C3637}"/>
                </a:ext>
              </a:extLst>
            </p:cNvPr>
            <p:cNvSpPr>
              <a:spLocks/>
            </p:cNvSpPr>
            <p:nvPr/>
          </p:nvSpPr>
          <p:spPr bwMode="auto">
            <a:xfrm>
              <a:off x="4745038" y="3795713"/>
              <a:ext cx="25400" cy="25400"/>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4"/>
                    <a:pt x="0" y="31"/>
                  </a:cubicBezTo>
                  <a:cubicBezTo>
                    <a:pt x="0" y="48"/>
                    <a:pt x="13" y="61"/>
                    <a:pt x="30" y="61"/>
                  </a:cubicBezTo>
                  <a:cubicBezTo>
                    <a:pt x="47" y="61"/>
                    <a:pt x="61" y="48"/>
                    <a:pt x="61" y="31"/>
                  </a:cubicBezTo>
                  <a:cubicBezTo>
                    <a:pt x="61" y="14"/>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9" name="Freeform 164">
              <a:extLst>
                <a:ext uri="{FF2B5EF4-FFF2-40B4-BE49-F238E27FC236}">
                  <a16:creationId xmlns:a16="http://schemas.microsoft.com/office/drawing/2014/main" xmlns="" id="{084CCBF3-8CE7-4F70-BFD6-A5834A5EA4A9}"/>
                </a:ext>
              </a:extLst>
            </p:cNvPr>
            <p:cNvSpPr>
              <a:spLocks noEditPoints="1"/>
            </p:cNvSpPr>
            <p:nvPr/>
          </p:nvSpPr>
          <p:spPr bwMode="auto">
            <a:xfrm>
              <a:off x="4556125" y="3862388"/>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0 w 613"/>
                <a:gd name="T13" fmla="*/ 2147483646 h 208"/>
                <a:gd name="T14" fmla="*/ 0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2147483646 h 208"/>
                <a:gd name="T24" fmla="*/ 2147483646 w 613"/>
                <a:gd name="T25" fmla="*/ 0 h 208"/>
                <a:gd name="T26" fmla="*/ 2147483646 w 613"/>
                <a:gd name="T27" fmla="*/ 0 h 208"/>
                <a:gd name="T28" fmla="*/ 0 w 613"/>
                <a:gd name="T29" fmla="*/ 2147483646 h 208"/>
                <a:gd name="T30" fmla="*/ 0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3"/>
                  </a:moveTo>
                  <a:lnTo>
                    <a:pt x="54" y="53"/>
                  </a:lnTo>
                  <a:lnTo>
                    <a:pt x="560" y="53"/>
                  </a:lnTo>
                  <a:lnTo>
                    <a:pt x="560" y="154"/>
                  </a:lnTo>
                  <a:lnTo>
                    <a:pt x="54" y="154"/>
                  </a:lnTo>
                  <a:lnTo>
                    <a:pt x="54" y="53"/>
                  </a:lnTo>
                  <a:close/>
                  <a:moveTo>
                    <a:pt x="0" y="181"/>
                  </a:moveTo>
                  <a:lnTo>
                    <a:pt x="0" y="181"/>
                  </a:lnTo>
                  <a:cubicBezTo>
                    <a:pt x="0" y="196"/>
                    <a:pt x="12" y="208"/>
                    <a:pt x="27" y="208"/>
                  </a:cubicBezTo>
                  <a:lnTo>
                    <a:pt x="586" y="208"/>
                  </a:lnTo>
                  <a:cubicBezTo>
                    <a:pt x="601" y="208"/>
                    <a:pt x="613" y="196"/>
                    <a:pt x="613" y="181"/>
                  </a:cubicBezTo>
                  <a:lnTo>
                    <a:pt x="613" y="26"/>
                  </a:lnTo>
                  <a:cubicBezTo>
                    <a:pt x="613" y="12"/>
                    <a:pt x="601" y="0"/>
                    <a:pt x="586" y="0"/>
                  </a:cubicBezTo>
                  <a:lnTo>
                    <a:pt x="27" y="0"/>
                  </a:lnTo>
                  <a:cubicBezTo>
                    <a:pt x="12" y="0"/>
                    <a:pt x="0" y="12"/>
                    <a:pt x="0" y="26"/>
                  </a:cubicBezTo>
                  <a:lnTo>
                    <a:pt x="0" y="18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0" name="Freeform 165">
              <a:extLst>
                <a:ext uri="{FF2B5EF4-FFF2-40B4-BE49-F238E27FC236}">
                  <a16:creationId xmlns:a16="http://schemas.microsoft.com/office/drawing/2014/main" xmlns="" id="{27CACC33-E4ED-4F10-B911-19E337A878F9}"/>
                </a:ext>
              </a:extLst>
            </p:cNvPr>
            <p:cNvSpPr>
              <a:spLocks/>
            </p:cNvSpPr>
            <p:nvPr/>
          </p:nvSpPr>
          <p:spPr bwMode="auto">
            <a:xfrm>
              <a:off x="4745038" y="3894138"/>
              <a:ext cx="25400" cy="25400"/>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4"/>
                    <a:pt x="0" y="31"/>
                  </a:cubicBezTo>
                  <a:cubicBezTo>
                    <a:pt x="0" y="47"/>
                    <a:pt x="13" y="61"/>
                    <a:pt x="30" y="61"/>
                  </a:cubicBezTo>
                  <a:cubicBezTo>
                    <a:pt x="47" y="61"/>
                    <a:pt x="61" y="47"/>
                    <a:pt x="61" y="31"/>
                  </a:cubicBezTo>
                  <a:cubicBezTo>
                    <a:pt x="61" y="14"/>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1" name="Freeform 166">
              <a:extLst>
                <a:ext uri="{FF2B5EF4-FFF2-40B4-BE49-F238E27FC236}">
                  <a16:creationId xmlns:a16="http://schemas.microsoft.com/office/drawing/2014/main" xmlns="" id="{EC9EF16E-D839-4E80-A660-4AED06EB7D1A}"/>
                </a:ext>
              </a:extLst>
            </p:cNvPr>
            <p:cNvSpPr>
              <a:spLocks noEditPoints="1"/>
            </p:cNvSpPr>
            <p:nvPr/>
          </p:nvSpPr>
          <p:spPr bwMode="auto">
            <a:xfrm>
              <a:off x="4556125" y="3960813"/>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0 w 613"/>
                <a:gd name="T13" fmla="*/ 2147483646 h 208"/>
                <a:gd name="T14" fmla="*/ 0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2147483646 h 208"/>
                <a:gd name="T24" fmla="*/ 2147483646 w 613"/>
                <a:gd name="T25" fmla="*/ 0 h 208"/>
                <a:gd name="T26" fmla="*/ 2147483646 w 613"/>
                <a:gd name="T27" fmla="*/ 0 h 208"/>
                <a:gd name="T28" fmla="*/ 0 w 613"/>
                <a:gd name="T29" fmla="*/ 2147483646 h 208"/>
                <a:gd name="T30" fmla="*/ 0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4"/>
                  </a:moveTo>
                  <a:lnTo>
                    <a:pt x="54" y="54"/>
                  </a:lnTo>
                  <a:lnTo>
                    <a:pt x="560" y="54"/>
                  </a:lnTo>
                  <a:lnTo>
                    <a:pt x="560" y="155"/>
                  </a:lnTo>
                  <a:lnTo>
                    <a:pt x="54" y="155"/>
                  </a:lnTo>
                  <a:lnTo>
                    <a:pt x="54" y="54"/>
                  </a:lnTo>
                  <a:close/>
                  <a:moveTo>
                    <a:pt x="0" y="182"/>
                  </a:moveTo>
                  <a:lnTo>
                    <a:pt x="0" y="182"/>
                  </a:lnTo>
                  <a:cubicBezTo>
                    <a:pt x="0" y="196"/>
                    <a:pt x="12" y="208"/>
                    <a:pt x="27" y="208"/>
                  </a:cubicBezTo>
                  <a:lnTo>
                    <a:pt x="586" y="208"/>
                  </a:lnTo>
                  <a:cubicBezTo>
                    <a:pt x="601" y="208"/>
                    <a:pt x="613" y="196"/>
                    <a:pt x="613" y="182"/>
                  </a:cubicBezTo>
                  <a:lnTo>
                    <a:pt x="613" y="27"/>
                  </a:lnTo>
                  <a:cubicBezTo>
                    <a:pt x="613" y="12"/>
                    <a:pt x="601" y="0"/>
                    <a:pt x="586" y="0"/>
                  </a:cubicBezTo>
                  <a:lnTo>
                    <a:pt x="27" y="0"/>
                  </a:lnTo>
                  <a:cubicBezTo>
                    <a:pt x="12" y="0"/>
                    <a:pt x="0" y="12"/>
                    <a:pt x="0" y="27"/>
                  </a:cubicBezTo>
                  <a:lnTo>
                    <a:pt x="0" y="18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2" name="Freeform 167">
              <a:extLst>
                <a:ext uri="{FF2B5EF4-FFF2-40B4-BE49-F238E27FC236}">
                  <a16:creationId xmlns:a16="http://schemas.microsoft.com/office/drawing/2014/main" xmlns="" id="{2357B5F4-FE1A-4BCE-B464-48C6F42B774D}"/>
                </a:ext>
              </a:extLst>
            </p:cNvPr>
            <p:cNvSpPr>
              <a:spLocks/>
            </p:cNvSpPr>
            <p:nvPr/>
          </p:nvSpPr>
          <p:spPr bwMode="auto">
            <a:xfrm>
              <a:off x="4745038" y="3990975"/>
              <a:ext cx="25400" cy="25400"/>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3"/>
                    <a:pt x="0" y="30"/>
                  </a:cubicBezTo>
                  <a:cubicBezTo>
                    <a:pt x="0" y="47"/>
                    <a:pt x="13" y="61"/>
                    <a:pt x="30" y="61"/>
                  </a:cubicBezTo>
                  <a:cubicBezTo>
                    <a:pt x="47" y="61"/>
                    <a:pt x="61" y="47"/>
                    <a:pt x="61" y="30"/>
                  </a:cubicBezTo>
                  <a:cubicBezTo>
                    <a:pt x="61" y="13"/>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3" name="Freeform 168">
              <a:extLst>
                <a:ext uri="{FF2B5EF4-FFF2-40B4-BE49-F238E27FC236}">
                  <a16:creationId xmlns:a16="http://schemas.microsoft.com/office/drawing/2014/main" xmlns="" id="{E5EB2992-6F93-4201-AF04-3FC7DB8AD34B}"/>
                </a:ext>
              </a:extLst>
            </p:cNvPr>
            <p:cNvSpPr>
              <a:spLocks noEditPoints="1"/>
            </p:cNvSpPr>
            <p:nvPr/>
          </p:nvSpPr>
          <p:spPr bwMode="auto">
            <a:xfrm>
              <a:off x="4556125" y="4057650"/>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0 w 613"/>
                <a:gd name="T13" fmla="*/ 2147483646 h 208"/>
                <a:gd name="T14" fmla="*/ 0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2147483646 h 208"/>
                <a:gd name="T24" fmla="*/ 2147483646 w 613"/>
                <a:gd name="T25" fmla="*/ 0 h 208"/>
                <a:gd name="T26" fmla="*/ 2147483646 w 613"/>
                <a:gd name="T27" fmla="*/ 0 h 208"/>
                <a:gd name="T28" fmla="*/ 0 w 613"/>
                <a:gd name="T29" fmla="*/ 2147483646 h 208"/>
                <a:gd name="T30" fmla="*/ 0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3"/>
                  </a:moveTo>
                  <a:lnTo>
                    <a:pt x="54" y="53"/>
                  </a:lnTo>
                  <a:lnTo>
                    <a:pt x="560" y="53"/>
                  </a:lnTo>
                  <a:lnTo>
                    <a:pt x="560" y="154"/>
                  </a:lnTo>
                  <a:lnTo>
                    <a:pt x="54" y="154"/>
                  </a:lnTo>
                  <a:lnTo>
                    <a:pt x="54" y="53"/>
                  </a:lnTo>
                  <a:close/>
                  <a:moveTo>
                    <a:pt x="0" y="181"/>
                  </a:moveTo>
                  <a:lnTo>
                    <a:pt x="0" y="181"/>
                  </a:lnTo>
                  <a:cubicBezTo>
                    <a:pt x="0" y="196"/>
                    <a:pt x="12" y="208"/>
                    <a:pt x="27" y="208"/>
                  </a:cubicBezTo>
                  <a:lnTo>
                    <a:pt x="586" y="208"/>
                  </a:lnTo>
                  <a:cubicBezTo>
                    <a:pt x="601" y="208"/>
                    <a:pt x="613" y="196"/>
                    <a:pt x="613" y="181"/>
                  </a:cubicBezTo>
                  <a:lnTo>
                    <a:pt x="613" y="27"/>
                  </a:lnTo>
                  <a:cubicBezTo>
                    <a:pt x="613" y="12"/>
                    <a:pt x="601" y="0"/>
                    <a:pt x="586" y="0"/>
                  </a:cubicBezTo>
                  <a:lnTo>
                    <a:pt x="27" y="0"/>
                  </a:lnTo>
                  <a:cubicBezTo>
                    <a:pt x="12" y="0"/>
                    <a:pt x="0" y="12"/>
                    <a:pt x="0" y="27"/>
                  </a:cubicBezTo>
                  <a:lnTo>
                    <a:pt x="0" y="18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4" name="Freeform 169">
              <a:extLst>
                <a:ext uri="{FF2B5EF4-FFF2-40B4-BE49-F238E27FC236}">
                  <a16:creationId xmlns:a16="http://schemas.microsoft.com/office/drawing/2014/main" xmlns="" id="{156766C3-38FC-4182-9DF8-2D11A8E8E8D4}"/>
                </a:ext>
              </a:extLst>
            </p:cNvPr>
            <p:cNvSpPr>
              <a:spLocks/>
            </p:cNvSpPr>
            <p:nvPr/>
          </p:nvSpPr>
          <p:spPr bwMode="auto">
            <a:xfrm>
              <a:off x="4745038" y="4087813"/>
              <a:ext cx="25400" cy="26988"/>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4"/>
                    <a:pt x="0" y="31"/>
                  </a:cubicBezTo>
                  <a:cubicBezTo>
                    <a:pt x="0" y="48"/>
                    <a:pt x="13" y="61"/>
                    <a:pt x="30" y="61"/>
                  </a:cubicBezTo>
                  <a:cubicBezTo>
                    <a:pt x="47" y="61"/>
                    <a:pt x="61" y="48"/>
                    <a:pt x="61" y="31"/>
                  </a:cubicBezTo>
                  <a:cubicBezTo>
                    <a:pt x="61" y="14"/>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grpSp>
      <p:cxnSp>
        <p:nvCxnSpPr>
          <p:cNvPr id="15" name="直接连接符 14">
            <a:extLst>
              <a:ext uri="{FF2B5EF4-FFF2-40B4-BE49-F238E27FC236}">
                <a16:creationId xmlns:a16="http://schemas.microsoft.com/office/drawing/2014/main" xmlns="" id="{3D5012B2-9D91-4AD8-9BBF-A5FA6FACB9EE}"/>
              </a:ext>
            </a:extLst>
          </p:cNvPr>
          <p:cNvCxnSpPr/>
          <p:nvPr/>
        </p:nvCxnSpPr>
        <p:spPr bwMode="auto">
          <a:xfrm flipH="1">
            <a:off x="5765179" y="2880107"/>
            <a:ext cx="2056168" cy="468151"/>
          </a:xfrm>
          <a:prstGeom prst="line">
            <a:avLst/>
          </a:prstGeom>
          <a:noFill/>
          <a:ln w="12700" cap="flat" cmpd="sng" algn="ctr">
            <a:solidFill>
              <a:schemeClr val="tx1"/>
            </a:solidFill>
            <a:prstDash val="solid"/>
            <a:round/>
            <a:headEnd type="none" w="med" len="med"/>
            <a:tailEnd type="none" w="med" len="med"/>
          </a:ln>
          <a:effectLst/>
        </p:spPr>
      </p:cxnSp>
      <p:cxnSp>
        <p:nvCxnSpPr>
          <p:cNvPr id="16" name="直接连接符 15">
            <a:extLst>
              <a:ext uri="{FF2B5EF4-FFF2-40B4-BE49-F238E27FC236}">
                <a16:creationId xmlns:a16="http://schemas.microsoft.com/office/drawing/2014/main" xmlns="" id="{32348A9F-D02A-431E-8727-676FB5CC4880}"/>
              </a:ext>
            </a:extLst>
          </p:cNvPr>
          <p:cNvCxnSpPr/>
          <p:nvPr/>
        </p:nvCxnSpPr>
        <p:spPr bwMode="auto">
          <a:xfrm>
            <a:off x="7927359" y="2880728"/>
            <a:ext cx="2039111" cy="437138"/>
          </a:xfrm>
          <a:prstGeom prst="line">
            <a:avLst/>
          </a:prstGeom>
          <a:noFill/>
          <a:ln w="12700" cap="flat" cmpd="sng" algn="ctr">
            <a:solidFill>
              <a:schemeClr val="tx1"/>
            </a:solidFill>
            <a:prstDash val="solid"/>
            <a:round/>
            <a:headEnd type="none" w="med" len="med"/>
            <a:tailEnd type="none" w="med" len="med"/>
          </a:ln>
          <a:effectLst/>
        </p:spPr>
      </p:cxnSp>
      <p:cxnSp>
        <p:nvCxnSpPr>
          <p:cNvPr id="17" name="直接连接符 16">
            <a:extLst>
              <a:ext uri="{FF2B5EF4-FFF2-40B4-BE49-F238E27FC236}">
                <a16:creationId xmlns:a16="http://schemas.microsoft.com/office/drawing/2014/main" xmlns="" id="{271F6D08-CA98-4CA3-BBF2-7F1138BEF342}"/>
              </a:ext>
            </a:extLst>
          </p:cNvPr>
          <p:cNvCxnSpPr/>
          <p:nvPr/>
        </p:nvCxnSpPr>
        <p:spPr bwMode="auto">
          <a:xfrm flipH="1">
            <a:off x="6702597" y="1845678"/>
            <a:ext cx="702161" cy="401"/>
          </a:xfrm>
          <a:prstGeom prst="line">
            <a:avLst/>
          </a:prstGeom>
          <a:noFill/>
          <a:ln w="12700" cap="flat" cmpd="sng" algn="ctr">
            <a:solidFill>
              <a:schemeClr val="tx1"/>
            </a:solidFill>
            <a:prstDash val="solid"/>
            <a:round/>
            <a:headEnd type="none" w="med" len="med"/>
            <a:tailEnd type="none" w="med" len="med"/>
          </a:ln>
          <a:effectLst/>
        </p:spPr>
      </p:cxnSp>
      <p:grpSp>
        <p:nvGrpSpPr>
          <p:cNvPr id="18" name="组合 314">
            <a:extLst>
              <a:ext uri="{FF2B5EF4-FFF2-40B4-BE49-F238E27FC236}">
                <a16:creationId xmlns:a16="http://schemas.microsoft.com/office/drawing/2014/main" xmlns="" id="{89BFCE7D-E46B-4A75-A154-32751B9685F8}"/>
              </a:ext>
            </a:extLst>
          </p:cNvPr>
          <p:cNvGrpSpPr>
            <a:grpSpLocks/>
          </p:cNvGrpSpPr>
          <p:nvPr/>
        </p:nvGrpSpPr>
        <p:grpSpPr bwMode="auto">
          <a:xfrm>
            <a:off x="7514405" y="1455409"/>
            <a:ext cx="746125" cy="809625"/>
            <a:chOff x="1789113" y="906463"/>
            <a:chExt cx="665163" cy="723900"/>
          </a:xfrm>
        </p:grpSpPr>
        <p:sp>
          <p:nvSpPr>
            <p:cNvPr id="19" name="Freeform 252">
              <a:extLst>
                <a:ext uri="{FF2B5EF4-FFF2-40B4-BE49-F238E27FC236}">
                  <a16:creationId xmlns:a16="http://schemas.microsoft.com/office/drawing/2014/main" xmlns="" id="{A1D86D7C-8186-4D84-9CA9-505513942DF3}"/>
                </a:ext>
              </a:extLst>
            </p:cNvPr>
            <p:cNvSpPr>
              <a:spLocks/>
            </p:cNvSpPr>
            <p:nvPr/>
          </p:nvSpPr>
          <p:spPr bwMode="auto">
            <a:xfrm>
              <a:off x="2243138" y="1571625"/>
              <a:ext cx="57150"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0" name="Freeform 253">
              <a:extLst>
                <a:ext uri="{FF2B5EF4-FFF2-40B4-BE49-F238E27FC236}">
                  <a16:creationId xmlns:a16="http://schemas.microsoft.com/office/drawing/2014/main" xmlns="" id="{B375D966-83BA-4D0C-B8F1-B19A22CE7666}"/>
                </a:ext>
              </a:extLst>
            </p:cNvPr>
            <p:cNvSpPr>
              <a:spLocks/>
            </p:cNvSpPr>
            <p:nvPr/>
          </p:nvSpPr>
          <p:spPr bwMode="auto">
            <a:xfrm>
              <a:off x="2332038" y="157162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 name="Freeform 254">
              <a:extLst>
                <a:ext uri="{FF2B5EF4-FFF2-40B4-BE49-F238E27FC236}">
                  <a16:creationId xmlns:a16="http://schemas.microsoft.com/office/drawing/2014/main" xmlns="" id="{43BDF7AB-79F2-4953-9D19-7C4FDE7A1963}"/>
                </a:ext>
              </a:extLst>
            </p:cNvPr>
            <p:cNvSpPr>
              <a:spLocks/>
            </p:cNvSpPr>
            <p:nvPr/>
          </p:nvSpPr>
          <p:spPr bwMode="auto">
            <a:xfrm>
              <a:off x="1789113" y="906463"/>
              <a:ext cx="665163" cy="142875"/>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2" name="Freeform 255">
              <a:extLst>
                <a:ext uri="{FF2B5EF4-FFF2-40B4-BE49-F238E27FC236}">
                  <a16:creationId xmlns:a16="http://schemas.microsoft.com/office/drawing/2014/main" xmlns="" id="{16493889-EEBA-40D7-B333-0E32F4830262}"/>
                </a:ext>
              </a:extLst>
            </p:cNvPr>
            <p:cNvSpPr>
              <a:spLocks/>
            </p:cNvSpPr>
            <p:nvPr/>
          </p:nvSpPr>
          <p:spPr bwMode="auto">
            <a:xfrm>
              <a:off x="1857375" y="955675"/>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3" name="Freeform 256">
              <a:extLst>
                <a:ext uri="{FF2B5EF4-FFF2-40B4-BE49-F238E27FC236}">
                  <a16:creationId xmlns:a16="http://schemas.microsoft.com/office/drawing/2014/main" xmlns="" id="{B7A1D507-1A2E-4BB7-BE24-7F0434071D42}"/>
                </a:ext>
              </a:extLst>
            </p:cNvPr>
            <p:cNvSpPr>
              <a:spLocks/>
            </p:cNvSpPr>
            <p:nvPr/>
          </p:nvSpPr>
          <p:spPr bwMode="auto">
            <a:xfrm>
              <a:off x="1928813" y="955675"/>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4" name="Freeform 257">
              <a:extLst>
                <a:ext uri="{FF2B5EF4-FFF2-40B4-BE49-F238E27FC236}">
                  <a16:creationId xmlns:a16="http://schemas.microsoft.com/office/drawing/2014/main" xmlns="" id="{5AF71207-0ECB-412D-9749-F873A26D48BF}"/>
                </a:ext>
              </a:extLst>
            </p:cNvPr>
            <p:cNvSpPr>
              <a:spLocks/>
            </p:cNvSpPr>
            <p:nvPr/>
          </p:nvSpPr>
          <p:spPr bwMode="auto">
            <a:xfrm>
              <a:off x="2000250" y="955675"/>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5" name="Freeform 258">
              <a:extLst>
                <a:ext uri="{FF2B5EF4-FFF2-40B4-BE49-F238E27FC236}">
                  <a16:creationId xmlns:a16="http://schemas.microsoft.com/office/drawing/2014/main" xmlns="" id="{6C49D48F-D9F0-47C8-9B25-A546911A7ABE}"/>
                </a:ext>
              </a:extLst>
            </p:cNvPr>
            <p:cNvSpPr>
              <a:spLocks/>
            </p:cNvSpPr>
            <p:nvPr/>
          </p:nvSpPr>
          <p:spPr bwMode="auto">
            <a:xfrm>
              <a:off x="2073275" y="955675"/>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6" name="Freeform 259">
              <a:extLst>
                <a:ext uri="{FF2B5EF4-FFF2-40B4-BE49-F238E27FC236}">
                  <a16:creationId xmlns:a16="http://schemas.microsoft.com/office/drawing/2014/main" xmlns="" id="{94863845-5276-47D8-A0AA-474B743FFDB1}"/>
                </a:ext>
              </a:extLst>
            </p:cNvPr>
            <p:cNvSpPr>
              <a:spLocks/>
            </p:cNvSpPr>
            <p:nvPr/>
          </p:nvSpPr>
          <p:spPr bwMode="auto">
            <a:xfrm>
              <a:off x="2144713" y="955675"/>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7" name="Freeform 260">
              <a:extLst>
                <a:ext uri="{FF2B5EF4-FFF2-40B4-BE49-F238E27FC236}">
                  <a16:creationId xmlns:a16="http://schemas.microsoft.com/office/drawing/2014/main" xmlns="" id="{A1CE6A2C-4DA3-4C6C-9AA2-422EDB6EA7B7}"/>
                </a:ext>
              </a:extLst>
            </p:cNvPr>
            <p:cNvSpPr>
              <a:spLocks/>
            </p:cNvSpPr>
            <p:nvPr/>
          </p:nvSpPr>
          <p:spPr bwMode="auto">
            <a:xfrm>
              <a:off x="2271713" y="947738"/>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8" name="Freeform 261">
              <a:extLst>
                <a:ext uri="{FF2B5EF4-FFF2-40B4-BE49-F238E27FC236}">
                  <a16:creationId xmlns:a16="http://schemas.microsoft.com/office/drawing/2014/main" xmlns="" id="{E6828F61-464E-42F9-98BC-05D733FB9171}"/>
                </a:ext>
              </a:extLst>
            </p:cNvPr>
            <p:cNvSpPr>
              <a:spLocks/>
            </p:cNvSpPr>
            <p:nvPr/>
          </p:nvSpPr>
          <p:spPr bwMode="auto">
            <a:xfrm>
              <a:off x="2271713" y="977900"/>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9" name="Freeform 262">
              <a:extLst>
                <a:ext uri="{FF2B5EF4-FFF2-40B4-BE49-F238E27FC236}">
                  <a16:creationId xmlns:a16="http://schemas.microsoft.com/office/drawing/2014/main" xmlns="" id="{D0D657A0-905A-4892-A7BB-BEB7A081D0B7}"/>
                </a:ext>
              </a:extLst>
            </p:cNvPr>
            <p:cNvSpPr>
              <a:spLocks/>
            </p:cNvSpPr>
            <p:nvPr/>
          </p:nvSpPr>
          <p:spPr bwMode="auto">
            <a:xfrm>
              <a:off x="2305050" y="977900"/>
              <a:ext cx="22225"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0" name="Freeform 263">
              <a:extLst>
                <a:ext uri="{FF2B5EF4-FFF2-40B4-BE49-F238E27FC236}">
                  <a16:creationId xmlns:a16="http://schemas.microsoft.com/office/drawing/2014/main" xmlns="" id="{B7214289-4ABC-48E8-AAE6-A317B3F22AC4}"/>
                </a:ext>
              </a:extLst>
            </p:cNvPr>
            <p:cNvSpPr>
              <a:spLocks/>
            </p:cNvSpPr>
            <p:nvPr/>
          </p:nvSpPr>
          <p:spPr bwMode="auto">
            <a:xfrm>
              <a:off x="2339975" y="977900"/>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1" name="Freeform 264">
              <a:extLst>
                <a:ext uri="{FF2B5EF4-FFF2-40B4-BE49-F238E27FC236}">
                  <a16:creationId xmlns:a16="http://schemas.microsoft.com/office/drawing/2014/main" xmlns="" id="{B8BF6A18-EFBA-480E-9C6E-07FDDE995E27}"/>
                </a:ext>
              </a:extLst>
            </p:cNvPr>
            <p:cNvSpPr>
              <a:spLocks/>
            </p:cNvSpPr>
            <p:nvPr/>
          </p:nvSpPr>
          <p:spPr bwMode="auto">
            <a:xfrm>
              <a:off x="1789113" y="1020763"/>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2" name="Freeform 265">
              <a:extLst>
                <a:ext uri="{FF2B5EF4-FFF2-40B4-BE49-F238E27FC236}">
                  <a16:creationId xmlns:a16="http://schemas.microsoft.com/office/drawing/2014/main" xmlns="" id="{42D0E795-575F-4985-B220-4EBC0AA3B57E}"/>
                </a:ext>
              </a:extLst>
            </p:cNvPr>
            <p:cNvSpPr>
              <a:spLocks/>
            </p:cNvSpPr>
            <p:nvPr/>
          </p:nvSpPr>
          <p:spPr bwMode="auto">
            <a:xfrm>
              <a:off x="1857375" y="10683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3" name="Freeform 266">
              <a:extLst>
                <a:ext uri="{FF2B5EF4-FFF2-40B4-BE49-F238E27FC236}">
                  <a16:creationId xmlns:a16="http://schemas.microsoft.com/office/drawing/2014/main" xmlns="" id="{B0A78ABE-E58C-426A-8707-E3E2B8A0F905}"/>
                </a:ext>
              </a:extLst>
            </p:cNvPr>
            <p:cNvSpPr>
              <a:spLocks/>
            </p:cNvSpPr>
            <p:nvPr/>
          </p:nvSpPr>
          <p:spPr bwMode="auto">
            <a:xfrm>
              <a:off x="1928813" y="10683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4" name="Freeform 267">
              <a:extLst>
                <a:ext uri="{FF2B5EF4-FFF2-40B4-BE49-F238E27FC236}">
                  <a16:creationId xmlns:a16="http://schemas.microsoft.com/office/drawing/2014/main" xmlns="" id="{9ECABB2E-4E31-4051-9E07-9EA86453DFE3}"/>
                </a:ext>
              </a:extLst>
            </p:cNvPr>
            <p:cNvSpPr>
              <a:spLocks/>
            </p:cNvSpPr>
            <p:nvPr/>
          </p:nvSpPr>
          <p:spPr bwMode="auto">
            <a:xfrm>
              <a:off x="2000250" y="1068388"/>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5" name="Freeform 268">
              <a:extLst>
                <a:ext uri="{FF2B5EF4-FFF2-40B4-BE49-F238E27FC236}">
                  <a16:creationId xmlns:a16="http://schemas.microsoft.com/office/drawing/2014/main" xmlns="" id="{71BAB846-B933-4564-B2F0-E40B51C05017}"/>
                </a:ext>
              </a:extLst>
            </p:cNvPr>
            <p:cNvSpPr>
              <a:spLocks/>
            </p:cNvSpPr>
            <p:nvPr/>
          </p:nvSpPr>
          <p:spPr bwMode="auto">
            <a:xfrm>
              <a:off x="2073275" y="10683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6" name="Freeform 269">
              <a:extLst>
                <a:ext uri="{FF2B5EF4-FFF2-40B4-BE49-F238E27FC236}">
                  <a16:creationId xmlns:a16="http://schemas.microsoft.com/office/drawing/2014/main" xmlns="" id="{E355CE43-36E6-42D4-B66E-17CCB6CEBB0B}"/>
                </a:ext>
              </a:extLst>
            </p:cNvPr>
            <p:cNvSpPr>
              <a:spLocks/>
            </p:cNvSpPr>
            <p:nvPr/>
          </p:nvSpPr>
          <p:spPr bwMode="auto">
            <a:xfrm>
              <a:off x="2144713" y="10683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7" name="Freeform 270">
              <a:extLst>
                <a:ext uri="{FF2B5EF4-FFF2-40B4-BE49-F238E27FC236}">
                  <a16:creationId xmlns:a16="http://schemas.microsoft.com/office/drawing/2014/main" xmlns="" id="{4035EC34-1D90-4F0F-A3AC-16E446A7113B}"/>
                </a:ext>
              </a:extLst>
            </p:cNvPr>
            <p:cNvSpPr>
              <a:spLocks/>
            </p:cNvSpPr>
            <p:nvPr/>
          </p:nvSpPr>
          <p:spPr bwMode="auto">
            <a:xfrm>
              <a:off x="2271713" y="1062038"/>
              <a:ext cx="88900" cy="20638"/>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8" name="Freeform 271">
              <a:extLst>
                <a:ext uri="{FF2B5EF4-FFF2-40B4-BE49-F238E27FC236}">
                  <a16:creationId xmlns:a16="http://schemas.microsoft.com/office/drawing/2014/main" xmlns="" id="{BCC24F0E-7EFC-4CCD-9EF3-56CD2BF29042}"/>
                </a:ext>
              </a:extLst>
            </p:cNvPr>
            <p:cNvSpPr>
              <a:spLocks/>
            </p:cNvSpPr>
            <p:nvPr/>
          </p:nvSpPr>
          <p:spPr bwMode="auto">
            <a:xfrm>
              <a:off x="2271713" y="1090613"/>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39" name="Freeform 272">
              <a:extLst>
                <a:ext uri="{FF2B5EF4-FFF2-40B4-BE49-F238E27FC236}">
                  <a16:creationId xmlns:a16="http://schemas.microsoft.com/office/drawing/2014/main" xmlns="" id="{B7D39240-77D3-4AA0-BCC8-90E8B4E40A79}"/>
                </a:ext>
              </a:extLst>
            </p:cNvPr>
            <p:cNvSpPr>
              <a:spLocks/>
            </p:cNvSpPr>
            <p:nvPr/>
          </p:nvSpPr>
          <p:spPr bwMode="auto">
            <a:xfrm>
              <a:off x="2305050" y="1090613"/>
              <a:ext cx="22225"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0" name="Freeform 273">
              <a:extLst>
                <a:ext uri="{FF2B5EF4-FFF2-40B4-BE49-F238E27FC236}">
                  <a16:creationId xmlns:a16="http://schemas.microsoft.com/office/drawing/2014/main" xmlns="" id="{2BE52FA7-7603-4712-8715-BEE853DB3DBC}"/>
                </a:ext>
              </a:extLst>
            </p:cNvPr>
            <p:cNvSpPr>
              <a:spLocks/>
            </p:cNvSpPr>
            <p:nvPr/>
          </p:nvSpPr>
          <p:spPr bwMode="auto">
            <a:xfrm>
              <a:off x="2339975" y="1090613"/>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1" name="Freeform 274">
              <a:extLst>
                <a:ext uri="{FF2B5EF4-FFF2-40B4-BE49-F238E27FC236}">
                  <a16:creationId xmlns:a16="http://schemas.microsoft.com/office/drawing/2014/main" xmlns="" id="{1957334E-AE69-4AA5-ADB8-2C22C8E52A29}"/>
                </a:ext>
              </a:extLst>
            </p:cNvPr>
            <p:cNvSpPr>
              <a:spLocks/>
            </p:cNvSpPr>
            <p:nvPr/>
          </p:nvSpPr>
          <p:spPr bwMode="auto">
            <a:xfrm>
              <a:off x="1789113" y="1133475"/>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2" name="Freeform 275">
              <a:extLst>
                <a:ext uri="{FF2B5EF4-FFF2-40B4-BE49-F238E27FC236}">
                  <a16:creationId xmlns:a16="http://schemas.microsoft.com/office/drawing/2014/main" xmlns="" id="{B52AA695-2525-4738-8F3C-082261CF9ED6}"/>
                </a:ext>
              </a:extLst>
            </p:cNvPr>
            <p:cNvSpPr>
              <a:spLocks/>
            </p:cNvSpPr>
            <p:nvPr/>
          </p:nvSpPr>
          <p:spPr bwMode="auto">
            <a:xfrm>
              <a:off x="1857375" y="11826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3" name="Freeform 276">
              <a:extLst>
                <a:ext uri="{FF2B5EF4-FFF2-40B4-BE49-F238E27FC236}">
                  <a16:creationId xmlns:a16="http://schemas.microsoft.com/office/drawing/2014/main" xmlns="" id="{F1C75647-1CF0-4317-A671-B23A4778DD6B}"/>
                </a:ext>
              </a:extLst>
            </p:cNvPr>
            <p:cNvSpPr>
              <a:spLocks/>
            </p:cNvSpPr>
            <p:nvPr/>
          </p:nvSpPr>
          <p:spPr bwMode="auto">
            <a:xfrm>
              <a:off x="1928813" y="11826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4" name="Freeform 277">
              <a:extLst>
                <a:ext uri="{FF2B5EF4-FFF2-40B4-BE49-F238E27FC236}">
                  <a16:creationId xmlns:a16="http://schemas.microsoft.com/office/drawing/2014/main" xmlns="" id="{E54E63AC-9641-4713-B75C-8B28C892F9D9}"/>
                </a:ext>
              </a:extLst>
            </p:cNvPr>
            <p:cNvSpPr>
              <a:spLocks/>
            </p:cNvSpPr>
            <p:nvPr/>
          </p:nvSpPr>
          <p:spPr bwMode="auto">
            <a:xfrm>
              <a:off x="2000250" y="1182688"/>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5" name="Freeform 278">
              <a:extLst>
                <a:ext uri="{FF2B5EF4-FFF2-40B4-BE49-F238E27FC236}">
                  <a16:creationId xmlns:a16="http://schemas.microsoft.com/office/drawing/2014/main" xmlns="" id="{442E915F-26DD-486A-B71D-AE3ED8C294E5}"/>
                </a:ext>
              </a:extLst>
            </p:cNvPr>
            <p:cNvSpPr>
              <a:spLocks/>
            </p:cNvSpPr>
            <p:nvPr/>
          </p:nvSpPr>
          <p:spPr bwMode="auto">
            <a:xfrm>
              <a:off x="2073275" y="11826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6" name="Freeform 279">
              <a:extLst>
                <a:ext uri="{FF2B5EF4-FFF2-40B4-BE49-F238E27FC236}">
                  <a16:creationId xmlns:a16="http://schemas.microsoft.com/office/drawing/2014/main" xmlns="" id="{9D45A515-EDF8-40CF-85F5-DD7CD707EA28}"/>
                </a:ext>
              </a:extLst>
            </p:cNvPr>
            <p:cNvSpPr>
              <a:spLocks/>
            </p:cNvSpPr>
            <p:nvPr/>
          </p:nvSpPr>
          <p:spPr bwMode="auto">
            <a:xfrm>
              <a:off x="2144713" y="11826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7" name="Freeform 280">
              <a:extLst>
                <a:ext uri="{FF2B5EF4-FFF2-40B4-BE49-F238E27FC236}">
                  <a16:creationId xmlns:a16="http://schemas.microsoft.com/office/drawing/2014/main" xmlns="" id="{9C8C5807-BD82-4562-8567-EB8C2AA79AD0}"/>
                </a:ext>
              </a:extLst>
            </p:cNvPr>
            <p:cNvSpPr>
              <a:spLocks/>
            </p:cNvSpPr>
            <p:nvPr/>
          </p:nvSpPr>
          <p:spPr bwMode="auto">
            <a:xfrm>
              <a:off x="2271713" y="1174750"/>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8" name="Freeform 281">
              <a:extLst>
                <a:ext uri="{FF2B5EF4-FFF2-40B4-BE49-F238E27FC236}">
                  <a16:creationId xmlns:a16="http://schemas.microsoft.com/office/drawing/2014/main" xmlns="" id="{BB4AFCE2-05E4-4823-BB5A-B3EDF1F9A12F}"/>
                </a:ext>
              </a:extLst>
            </p:cNvPr>
            <p:cNvSpPr>
              <a:spLocks/>
            </p:cNvSpPr>
            <p:nvPr/>
          </p:nvSpPr>
          <p:spPr bwMode="auto">
            <a:xfrm>
              <a:off x="2271713" y="1204913"/>
              <a:ext cx="20638" cy="20638"/>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49" name="Freeform 282">
              <a:extLst>
                <a:ext uri="{FF2B5EF4-FFF2-40B4-BE49-F238E27FC236}">
                  <a16:creationId xmlns:a16="http://schemas.microsoft.com/office/drawing/2014/main" xmlns="" id="{D33ED69C-6FF7-49D2-B213-6AD48CC66589}"/>
                </a:ext>
              </a:extLst>
            </p:cNvPr>
            <p:cNvSpPr>
              <a:spLocks/>
            </p:cNvSpPr>
            <p:nvPr/>
          </p:nvSpPr>
          <p:spPr bwMode="auto">
            <a:xfrm>
              <a:off x="2305050" y="1204913"/>
              <a:ext cx="22225" cy="20638"/>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0" name="Freeform 283">
              <a:extLst>
                <a:ext uri="{FF2B5EF4-FFF2-40B4-BE49-F238E27FC236}">
                  <a16:creationId xmlns:a16="http://schemas.microsoft.com/office/drawing/2014/main" xmlns="" id="{54E1500F-6E32-4EBB-AAC4-E735CFD1D41B}"/>
                </a:ext>
              </a:extLst>
            </p:cNvPr>
            <p:cNvSpPr>
              <a:spLocks/>
            </p:cNvSpPr>
            <p:nvPr/>
          </p:nvSpPr>
          <p:spPr bwMode="auto">
            <a:xfrm>
              <a:off x="2339975" y="1204913"/>
              <a:ext cx="20638" cy="20638"/>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1" name="Freeform 284">
              <a:extLst>
                <a:ext uri="{FF2B5EF4-FFF2-40B4-BE49-F238E27FC236}">
                  <a16:creationId xmlns:a16="http://schemas.microsoft.com/office/drawing/2014/main" xmlns="" id="{46A6F924-341C-4FF8-B55A-AF6CAD7536E4}"/>
                </a:ext>
              </a:extLst>
            </p:cNvPr>
            <p:cNvSpPr>
              <a:spLocks/>
            </p:cNvSpPr>
            <p:nvPr/>
          </p:nvSpPr>
          <p:spPr bwMode="auto">
            <a:xfrm>
              <a:off x="1789113" y="1247775"/>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2" name="Freeform 285">
              <a:extLst>
                <a:ext uri="{FF2B5EF4-FFF2-40B4-BE49-F238E27FC236}">
                  <a16:creationId xmlns:a16="http://schemas.microsoft.com/office/drawing/2014/main" xmlns="" id="{2CA4DECB-B5EA-4110-9078-4837488C2062}"/>
                </a:ext>
              </a:extLst>
            </p:cNvPr>
            <p:cNvSpPr>
              <a:spLocks/>
            </p:cNvSpPr>
            <p:nvPr/>
          </p:nvSpPr>
          <p:spPr bwMode="auto">
            <a:xfrm>
              <a:off x="1857375" y="1295400"/>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3" name="Freeform 286">
              <a:extLst>
                <a:ext uri="{FF2B5EF4-FFF2-40B4-BE49-F238E27FC236}">
                  <a16:creationId xmlns:a16="http://schemas.microsoft.com/office/drawing/2014/main" xmlns="" id="{DF37A204-FE99-44AC-A616-31D89D1DA5FF}"/>
                </a:ext>
              </a:extLst>
            </p:cNvPr>
            <p:cNvSpPr>
              <a:spLocks/>
            </p:cNvSpPr>
            <p:nvPr/>
          </p:nvSpPr>
          <p:spPr bwMode="auto">
            <a:xfrm>
              <a:off x="1928813" y="1295400"/>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4" name="Freeform 287">
              <a:extLst>
                <a:ext uri="{FF2B5EF4-FFF2-40B4-BE49-F238E27FC236}">
                  <a16:creationId xmlns:a16="http://schemas.microsoft.com/office/drawing/2014/main" xmlns="" id="{CC3C1F0B-D96A-4B4F-83CA-7629AC560B0B}"/>
                </a:ext>
              </a:extLst>
            </p:cNvPr>
            <p:cNvSpPr>
              <a:spLocks/>
            </p:cNvSpPr>
            <p:nvPr/>
          </p:nvSpPr>
          <p:spPr bwMode="auto">
            <a:xfrm>
              <a:off x="2000250" y="1295400"/>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5" name="Freeform 288">
              <a:extLst>
                <a:ext uri="{FF2B5EF4-FFF2-40B4-BE49-F238E27FC236}">
                  <a16:creationId xmlns:a16="http://schemas.microsoft.com/office/drawing/2014/main" xmlns="" id="{728BBDEF-E98F-4A6D-AF19-E476F22E3AFE}"/>
                </a:ext>
              </a:extLst>
            </p:cNvPr>
            <p:cNvSpPr>
              <a:spLocks/>
            </p:cNvSpPr>
            <p:nvPr/>
          </p:nvSpPr>
          <p:spPr bwMode="auto">
            <a:xfrm>
              <a:off x="2073275" y="1295400"/>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6" name="Freeform 289">
              <a:extLst>
                <a:ext uri="{FF2B5EF4-FFF2-40B4-BE49-F238E27FC236}">
                  <a16:creationId xmlns:a16="http://schemas.microsoft.com/office/drawing/2014/main" xmlns="" id="{358D30FF-390E-417A-9B93-4849499A4EA3}"/>
                </a:ext>
              </a:extLst>
            </p:cNvPr>
            <p:cNvSpPr>
              <a:spLocks/>
            </p:cNvSpPr>
            <p:nvPr/>
          </p:nvSpPr>
          <p:spPr bwMode="auto">
            <a:xfrm>
              <a:off x="2144713" y="1295400"/>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7" name="Freeform 290">
              <a:extLst>
                <a:ext uri="{FF2B5EF4-FFF2-40B4-BE49-F238E27FC236}">
                  <a16:creationId xmlns:a16="http://schemas.microsoft.com/office/drawing/2014/main" xmlns="" id="{3E74CA84-3415-4EF6-9956-E92E01926280}"/>
                </a:ext>
              </a:extLst>
            </p:cNvPr>
            <p:cNvSpPr>
              <a:spLocks/>
            </p:cNvSpPr>
            <p:nvPr/>
          </p:nvSpPr>
          <p:spPr bwMode="auto">
            <a:xfrm>
              <a:off x="2271713" y="1289050"/>
              <a:ext cx="88900" cy="20638"/>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8" name="Freeform 291">
              <a:extLst>
                <a:ext uri="{FF2B5EF4-FFF2-40B4-BE49-F238E27FC236}">
                  <a16:creationId xmlns:a16="http://schemas.microsoft.com/office/drawing/2014/main" xmlns="" id="{30CE9EDE-BA6A-417E-9F89-4618DF323A05}"/>
                </a:ext>
              </a:extLst>
            </p:cNvPr>
            <p:cNvSpPr>
              <a:spLocks/>
            </p:cNvSpPr>
            <p:nvPr/>
          </p:nvSpPr>
          <p:spPr bwMode="auto">
            <a:xfrm>
              <a:off x="2271713" y="1317625"/>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59" name="Freeform 292">
              <a:extLst>
                <a:ext uri="{FF2B5EF4-FFF2-40B4-BE49-F238E27FC236}">
                  <a16:creationId xmlns:a16="http://schemas.microsoft.com/office/drawing/2014/main" xmlns="" id="{CF288387-E28A-4161-9A38-B771BEFAEA83}"/>
                </a:ext>
              </a:extLst>
            </p:cNvPr>
            <p:cNvSpPr>
              <a:spLocks/>
            </p:cNvSpPr>
            <p:nvPr/>
          </p:nvSpPr>
          <p:spPr bwMode="auto">
            <a:xfrm>
              <a:off x="2305050" y="1317625"/>
              <a:ext cx="22225"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0" name="Freeform 293">
              <a:extLst>
                <a:ext uri="{FF2B5EF4-FFF2-40B4-BE49-F238E27FC236}">
                  <a16:creationId xmlns:a16="http://schemas.microsoft.com/office/drawing/2014/main" xmlns="" id="{DF8FE66F-3BCD-49FD-9071-B08BF5F75CC6}"/>
                </a:ext>
              </a:extLst>
            </p:cNvPr>
            <p:cNvSpPr>
              <a:spLocks/>
            </p:cNvSpPr>
            <p:nvPr/>
          </p:nvSpPr>
          <p:spPr bwMode="auto">
            <a:xfrm>
              <a:off x="2339975" y="1317625"/>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1" name="Freeform 294">
              <a:extLst>
                <a:ext uri="{FF2B5EF4-FFF2-40B4-BE49-F238E27FC236}">
                  <a16:creationId xmlns:a16="http://schemas.microsoft.com/office/drawing/2014/main" xmlns="" id="{8A1F4891-2196-42C5-8592-DD7EBFF2DDC3}"/>
                </a:ext>
              </a:extLst>
            </p:cNvPr>
            <p:cNvSpPr>
              <a:spLocks/>
            </p:cNvSpPr>
            <p:nvPr/>
          </p:nvSpPr>
          <p:spPr bwMode="auto">
            <a:xfrm>
              <a:off x="1789113" y="1360488"/>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2" name="Freeform 295">
              <a:extLst>
                <a:ext uri="{FF2B5EF4-FFF2-40B4-BE49-F238E27FC236}">
                  <a16:creationId xmlns:a16="http://schemas.microsoft.com/office/drawing/2014/main" xmlns="" id="{B1476885-AE82-4C8A-BC0F-2F3E45D370F7}"/>
                </a:ext>
              </a:extLst>
            </p:cNvPr>
            <p:cNvSpPr>
              <a:spLocks/>
            </p:cNvSpPr>
            <p:nvPr/>
          </p:nvSpPr>
          <p:spPr bwMode="auto">
            <a:xfrm>
              <a:off x="1857375" y="1408113"/>
              <a:ext cx="47625" cy="38100"/>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3" name="Freeform 296">
              <a:extLst>
                <a:ext uri="{FF2B5EF4-FFF2-40B4-BE49-F238E27FC236}">
                  <a16:creationId xmlns:a16="http://schemas.microsoft.com/office/drawing/2014/main" xmlns="" id="{15C53CDE-B9B9-4698-81F3-3B3FEC872DD6}"/>
                </a:ext>
              </a:extLst>
            </p:cNvPr>
            <p:cNvSpPr>
              <a:spLocks/>
            </p:cNvSpPr>
            <p:nvPr/>
          </p:nvSpPr>
          <p:spPr bwMode="auto">
            <a:xfrm>
              <a:off x="1928813" y="1408113"/>
              <a:ext cx="47625" cy="38100"/>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4" name="Freeform 297">
              <a:extLst>
                <a:ext uri="{FF2B5EF4-FFF2-40B4-BE49-F238E27FC236}">
                  <a16:creationId xmlns:a16="http://schemas.microsoft.com/office/drawing/2014/main" xmlns="" id="{7F6980B9-6E82-410E-AC10-15BA7B9F9F0E}"/>
                </a:ext>
              </a:extLst>
            </p:cNvPr>
            <p:cNvSpPr>
              <a:spLocks/>
            </p:cNvSpPr>
            <p:nvPr/>
          </p:nvSpPr>
          <p:spPr bwMode="auto">
            <a:xfrm>
              <a:off x="2000250" y="1408113"/>
              <a:ext cx="49213" cy="38100"/>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5" name="Freeform 298">
              <a:extLst>
                <a:ext uri="{FF2B5EF4-FFF2-40B4-BE49-F238E27FC236}">
                  <a16:creationId xmlns:a16="http://schemas.microsoft.com/office/drawing/2014/main" xmlns="" id="{7200717E-C96C-4F1C-8BD1-501018066D8C}"/>
                </a:ext>
              </a:extLst>
            </p:cNvPr>
            <p:cNvSpPr>
              <a:spLocks/>
            </p:cNvSpPr>
            <p:nvPr/>
          </p:nvSpPr>
          <p:spPr bwMode="auto">
            <a:xfrm>
              <a:off x="2073275" y="1408113"/>
              <a:ext cx="47625" cy="38100"/>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6" name="Freeform 299">
              <a:extLst>
                <a:ext uri="{FF2B5EF4-FFF2-40B4-BE49-F238E27FC236}">
                  <a16:creationId xmlns:a16="http://schemas.microsoft.com/office/drawing/2014/main" xmlns="" id="{B97A9F4B-69B6-47CB-99A7-4EC01D3A57A8}"/>
                </a:ext>
              </a:extLst>
            </p:cNvPr>
            <p:cNvSpPr>
              <a:spLocks/>
            </p:cNvSpPr>
            <p:nvPr/>
          </p:nvSpPr>
          <p:spPr bwMode="auto">
            <a:xfrm>
              <a:off x="2144713" y="1408113"/>
              <a:ext cx="47625" cy="38100"/>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7" name="Freeform 300">
              <a:extLst>
                <a:ext uri="{FF2B5EF4-FFF2-40B4-BE49-F238E27FC236}">
                  <a16:creationId xmlns:a16="http://schemas.microsoft.com/office/drawing/2014/main" xmlns="" id="{726E3EF4-B117-4912-BBAB-9CDFCC5215CB}"/>
                </a:ext>
              </a:extLst>
            </p:cNvPr>
            <p:cNvSpPr>
              <a:spLocks/>
            </p:cNvSpPr>
            <p:nvPr/>
          </p:nvSpPr>
          <p:spPr bwMode="auto">
            <a:xfrm>
              <a:off x="2271713" y="1401763"/>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8" name="Freeform 301">
              <a:extLst>
                <a:ext uri="{FF2B5EF4-FFF2-40B4-BE49-F238E27FC236}">
                  <a16:creationId xmlns:a16="http://schemas.microsoft.com/office/drawing/2014/main" xmlns="" id="{8C5B0130-8E63-4978-B94B-92689F00B481}"/>
                </a:ext>
              </a:extLst>
            </p:cNvPr>
            <p:cNvSpPr>
              <a:spLocks/>
            </p:cNvSpPr>
            <p:nvPr/>
          </p:nvSpPr>
          <p:spPr bwMode="auto">
            <a:xfrm>
              <a:off x="2271713" y="14303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69" name="Freeform 302">
              <a:extLst>
                <a:ext uri="{FF2B5EF4-FFF2-40B4-BE49-F238E27FC236}">
                  <a16:creationId xmlns:a16="http://schemas.microsoft.com/office/drawing/2014/main" xmlns="" id="{EBDCDDFC-AC6E-4D36-8E7B-DB6B0F7C8667}"/>
                </a:ext>
              </a:extLst>
            </p:cNvPr>
            <p:cNvSpPr>
              <a:spLocks/>
            </p:cNvSpPr>
            <p:nvPr/>
          </p:nvSpPr>
          <p:spPr bwMode="auto">
            <a:xfrm>
              <a:off x="2305050" y="1430338"/>
              <a:ext cx="22225"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0" name="Freeform 303">
              <a:extLst>
                <a:ext uri="{FF2B5EF4-FFF2-40B4-BE49-F238E27FC236}">
                  <a16:creationId xmlns:a16="http://schemas.microsoft.com/office/drawing/2014/main" xmlns="" id="{430E65A5-C8FB-4233-8942-123DB8323083}"/>
                </a:ext>
              </a:extLst>
            </p:cNvPr>
            <p:cNvSpPr>
              <a:spLocks/>
            </p:cNvSpPr>
            <p:nvPr/>
          </p:nvSpPr>
          <p:spPr bwMode="auto">
            <a:xfrm>
              <a:off x="2339975" y="14303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1" name="Freeform 304">
              <a:extLst>
                <a:ext uri="{FF2B5EF4-FFF2-40B4-BE49-F238E27FC236}">
                  <a16:creationId xmlns:a16="http://schemas.microsoft.com/office/drawing/2014/main" xmlns="" id="{A443A789-0E27-437E-9B46-9ABF3B5B0888}"/>
                </a:ext>
              </a:extLst>
            </p:cNvPr>
            <p:cNvSpPr>
              <a:spLocks/>
            </p:cNvSpPr>
            <p:nvPr/>
          </p:nvSpPr>
          <p:spPr bwMode="auto">
            <a:xfrm>
              <a:off x="1789113" y="1473200"/>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2" name="Freeform 305">
              <a:extLst>
                <a:ext uri="{FF2B5EF4-FFF2-40B4-BE49-F238E27FC236}">
                  <a16:creationId xmlns:a16="http://schemas.microsoft.com/office/drawing/2014/main" xmlns="" id="{56B8D26B-B947-4D34-9757-DBED5A7A1D5F}"/>
                </a:ext>
              </a:extLst>
            </p:cNvPr>
            <p:cNvSpPr>
              <a:spLocks/>
            </p:cNvSpPr>
            <p:nvPr/>
          </p:nvSpPr>
          <p:spPr bwMode="auto">
            <a:xfrm>
              <a:off x="1857375" y="1522413"/>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3" name="Freeform 306">
              <a:extLst>
                <a:ext uri="{FF2B5EF4-FFF2-40B4-BE49-F238E27FC236}">
                  <a16:creationId xmlns:a16="http://schemas.microsoft.com/office/drawing/2014/main" xmlns="" id="{3D296EEA-49D6-4FC2-B743-30534177BE84}"/>
                </a:ext>
              </a:extLst>
            </p:cNvPr>
            <p:cNvSpPr>
              <a:spLocks/>
            </p:cNvSpPr>
            <p:nvPr/>
          </p:nvSpPr>
          <p:spPr bwMode="auto">
            <a:xfrm>
              <a:off x="1928813" y="1522413"/>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4" name="Freeform 307">
              <a:extLst>
                <a:ext uri="{FF2B5EF4-FFF2-40B4-BE49-F238E27FC236}">
                  <a16:creationId xmlns:a16="http://schemas.microsoft.com/office/drawing/2014/main" xmlns="" id="{1237E71E-6CAA-4A64-BD21-B1F634FB4096}"/>
                </a:ext>
              </a:extLst>
            </p:cNvPr>
            <p:cNvSpPr>
              <a:spLocks/>
            </p:cNvSpPr>
            <p:nvPr/>
          </p:nvSpPr>
          <p:spPr bwMode="auto">
            <a:xfrm>
              <a:off x="2000250" y="1522413"/>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5" name="Freeform 308">
              <a:extLst>
                <a:ext uri="{FF2B5EF4-FFF2-40B4-BE49-F238E27FC236}">
                  <a16:creationId xmlns:a16="http://schemas.microsoft.com/office/drawing/2014/main" xmlns="" id="{68C2B20B-5498-45B5-A4EB-51F703733B13}"/>
                </a:ext>
              </a:extLst>
            </p:cNvPr>
            <p:cNvSpPr>
              <a:spLocks/>
            </p:cNvSpPr>
            <p:nvPr/>
          </p:nvSpPr>
          <p:spPr bwMode="auto">
            <a:xfrm>
              <a:off x="2073275" y="1522413"/>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6" name="Freeform 309">
              <a:extLst>
                <a:ext uri="{FF2B5EF4-FFF2-40B4-BE49-F238E27FC236}">
                  <a16:creationId xmlns:a16="http://schemas.microsoft.com/office/drawing/2014/main" xmlns="" id="{2D58287D-68A9-43E1-92AC-A797423408B3}"/>
                </a:ext>
              </a:extLst>
            </p:cNvPr>
            <p:cNvSpPr>
              <a:spLocks/>
            </p:cNvSpPr>
            <p:nvPr/>
          </p:nvSpPr>
          <p:spPr bwMode="auto">
            <a:xfrm>
              <a:off x="2144713" y="1522413"/>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7" name="Freeform 310">
              <a:extLst>
                <a:ext uri="{FF2B5EF4-FFF2-40B4-BE49-F238E27FC236}">
                  <a16:creationId xmlns:a16="http://schemas.microsoft.com/office/drawing/2014/main" xmlns="" id="{40E45362-BCC6-4647-AFEB-4D3396C2C1AE}"/>
                </a:ext>
              </a:extLst>
            </p:cNvPr>
            <p:cNvSpPr>
              <a:spLocks/>
            </p:cNvSpPr>
            <p:nvPr/>
          </p:nvSpPr>
          <p:spPr bwMode="auto">
            <a:xfrm>
              <a:off x="2271713" y="1514475"/>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8" name="Freeform 311">
              <a:extLst>
                <a:ext uri="{FF2B5EF4-FFF2-40B4-BE49-F238E27FC236}">
                  <a16:creationId xmlns:a16="http://schemas.microsoft.com/office/drawing/2014/main" xmlns="" id="{75B280B4-84FB-49F8-8633-C744CBED21AB}"/>
                </a:ext>
              </a:extLst>
            </p:cNvPr>
            <p:cNvSpPr>
              <a:spLocks/>
            </p:cNvSpPr>
            <p:nvPr/>
          </p:nvSpPr>
          <p:spPr bwMode="auto">
            <a:xfrm>
              <a:off x="2271713" y="15446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79" name="Freeform 312">
              <a:extLst>
                <a:ext uri="{FF2B5EF4-FFF2-40B4-BE49-F238E27FC236}">
                  <a16:creationId xmlns:a16="http://schemas.microsoft.com/office/drawing/2014/main" xmlns="" id="{26E3CBF3-C6C2-4608-9C85-F0F33B787DC6}"/>
                </a:ext>
              </a:extLst>
            </p:cNvPr>
            <p:cNvSpPr>
              <a:spLocks/>
            </p:cNvSpPr>
            <p:nvPr/>
          </p:nvSpPr>
          <p:spPr bwMode="auto">
            <a:xfrm>
              <a:off x="2305050" y="1544638"/>
              <a:ext cx="22225"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80" name="Freeform 313">
              <a:extLst>
                <a:ext uri="{FF2B5EF4-FFF2-40B4-BE49-F238E27FC236}">
                  <a16:creationId xmlns:a16="http://schemas.microsoft.com/office/drawing/2014/main" xmlns="" id="{8DBF70CC-C069-4DDA-8632-4E0B4152E15F}"/>
                </a:ext>
              </a:extLst>
            </p:cNvPr>
            <p:cNvSpPr>
              <a:spLocks/>
            </p:cNvSpPr>
            <p:nvPr/>
          </p:nvSpPr>
          <p:spPr bwMode="auto">
            <a:xfrm>
              <a:off x="2339975" y="15446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grpSp>
      <p:grpSp>
        <p:nvGrpSpPr>
          <p:cNvPr id="81" name="组合 315">
            <a:extLst>
              <a:ext uri="{FF2B5EF4-FFF2-40B4-BE49-F238E27FC236}">
                <a16:creationId xmlns:a16="http://schemas.microsoft.com/office/drawing/2014/main" xmlns="" id="{3CFCEEA7-62DD-4E83-9486-1CDA59939DAA}"/>
              </a:ext>
            </a:extLst>
          </p:cNvPr>
          <p:cNvGrpSpPr>
            <a:grpSpLocks/>
          </p:cNvGrpSpPr>
          <p:nvPr/>
        </p:nvGrpSpPr>
        <p:grpSpPr bwMode="auto">
          <a:xfrm>
            <a:off x="7329738" y="2609793"/>
            <a:ext cx="1036637" cy="228600"/>
            <a:chOff x="2851150" y="1166813"/>
            <a:chExt cx="923925" cy="203200"/>
          </a:xfrm>
        </p:grpSpPr>
        <p:sp>
          <p:nvSpPr>
            <p:cNvPr id="82" name="Freeform 240">
              <a:extLst>
                <a:ext uri="{FF2B5EF4-FFF2-40B4-BE49-F238E27FC236}">
                  <a16:creationId xmlns:a16="http://schemas.microsoft.com/office/drawing/2014/main" xmlns="" id="{F32AB1BB-0CFD-4AA5-ADCA-F3DDD6564891}"/>
                </a:ext>
              </a:extLst>
            </p:cNvPr>
            <p:cNvSpPr>
              <a:spLocks/>
            </p:cNvSpPr>
            <p:nvPr/>
          </p:nvSpPr>
          <p:spPr bwMode="auto">
            <a:xfrm>
              <a:off x="2851150" y="1166813"/>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83" name="Freeform 241">
              <a:extLst>
                <a:ext uri="{FF2B5EF4-FFF2-40B4-BE49-F238E27FC236}">
                  <a16:creationId xmlns:a16="http://schemas.microsoft.com/office/drawing/2014/main" xmlns="" id="{B068D2EB-78F4-4AE3-A537-388F2A691025}"/>
                </a:ext>
              </a:extLst>
            </p:cNvPr>
            <p:cNvSpPr>
              <a:spLocks/>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84" name="Freeform 242">
              <a:extLst>
                <a:ext uri="{FF2B5EF4-FFF2-40B4-BE49-F238E27FC236}">
                  <a16:creationId xmlns:a16="http://schemas.microsoft.com/office/drawing/2014/main" xmlns="" id="{6B68CE5F-B349-4BE6-BE2E-5EDFE8D4D371}"/>
                </a:ext>
              </a:extLst>
            </p:cNvPr>
            <p:cNvSpPr>
              <a:spLocks/>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85" name="Freeform 243">
              <a:extLst>
                <a:ext uri="{FF2B5EF4-FFF2-40B4-BE49-F238E27FC236}">
                  <a16:creationId xmlns:a16="http://schemas.microsoft.com/office/drawing/2014/main" xmlns="" id="{2F190196-6B25-48C4-913C-364293B6DC2F}"/>
                </a:ext>
              </a:extLst>
            </p:cNvPr>
            <p:cNvSpPr>
              <a:spLocks/>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86" name="Freeform 244">
              <a:extLst>
                <a:ext uri="{FF2B5EF4-FFF2-40B4-BE49-F238E27FC236}">
                  <a16:creationId xmlns:a16="http://schemas.microsoft.com/office/drawing/2014/main" xmlns="" id="{4B9ADE76-8672-47C0-BE38-45BDBC83301A}"/>
                </a:ext>
              </a:extLst>
            </p:cNvPr>
            <p:cNvSpPr>
              <a:spLocks/>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87" name="Freeform 245">
              <a:extLst>
                <a:ext uri="{FF2B5EF4-FFF2-40B4-BE49-F238E27FC236}">
                  <a16:creationId xmlns:a16="http://schemas.microsoft.com/office/drawing/2014/main" xmlns="" id="{FAD1BA1F-44F6-401D-87A5-382D49588ECB}"/>
                </a:ext>
              </a:extLst>
            </p:cNvPr>
            <p:cNvSpPr>
              <a:spLocks/>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88" name="Freeform 246">
              <a:extLst>
                <a:ext uri="{FF2B5EF4-FFF2-40B4-BE49-F238E27FC236}">
                  <a16:creationId xmlns:a16="http://schemas.microsoft.com/office/drawing/2014/main" xmlns="" id="{BE9BAFB6-F03C-465A-A40C-5AC91FD73301}"/>
                </a:ext>
              </a:extLst>
            </p:cNvPr>
            <p:cNvSpPr>
              <a:spLocks/>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89" name="Freeform 247">
              <a:extLst>
                <a:ext uri="{FF2B5EF4-FFF2-40B4-BE49-F238E27FC236}">
                  <a16:creationId xmlns:a16="http://schemas.microsoft.com/office/drawing/2014/main" xmlns="" id="{279C2F4B-43AB-473B-9C66-623E90CA6B55}"/>
                </a:ext>
              </a:extLst>
            </p:cNvPr>
            <p:cNvSpPr>
              <a:spLocks/>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90" name="Freeform 248">
              <a:extLst>
                <a:ext uri="{FF2B5EF4-FFF2-40B4-BE49-F238E27FC236}">
                  <a16:creationId xmlns:a16="http://schemas.microsoft.com/office/drawing/2014/main" xmlns="" id="{88F9B4FA-54A3-432A-AE43-FF1B29749C6A}"/>
                </a:ext>
              </a:extLst>
            </p:cNvPr>
            <p:cNvSpPr>
              <a:spLocks/>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91" name="Freeform 249">
              <a:extLst>
                <a:ext uri="{FF2B5EF4-FFF2-40B4-BE49-F238E27FC236}">
                  <a16:creationId xmlns:a16="http://schemas.microsoft.com/office/drawing/2014/main" xmlns="" id="{8400F857-4905-4458-A5B0-A31F5A051A1A}"/>
                </a:ext>
              </a:extLst>
            </p:cNvPr>
            <p:cNvSpPr>
              <a:spLocks/>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92" name="Freeform 250">
              <a:extLst>
                <a:ext uri="{FF2B5EF4-FFF2-40B4-BE49-F238E27FC236}">
                  <a16:creationId xmlns:a16="http://schemas.microsoft.com/office/drawing/2014/main" xmlns="" id="{8F0B20F4-C3B7-4855-9D6C-B1409DB95F08}"/>
                </a:ext>
              </a:extLst>
            </p:cNvPr>
            <p:cNvSpPr>
              <a:spLocks/>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93" name="Freeform 251">
              <a:extLst>
                <a:ext uri="{FF2B5EF4-FFF2-40B4-BE49-F238E27FC236}">
                  <a16:creationId xmlns:a16="http://schemas.microsoft.com/office/drawing/2014/main" xmlns="" id="{E7771646-66DD-4E8A-B847-0CA044E8FC00}"/>
                </a:ext>
              </a:extLst>
            </p:cNvPr>
            <p:cNvSpPr>
              <a:spLocks/>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grpSp>
      <p:cxnSp>
        <p:nvCxnSpPr>
          <p:cNvPr id="94" name="直接连接符 93">
            <a:extLst>
              <a:ext uri="{FF2B5EF4-FFF2-40B4-BE49-F238E27FC236}">
                <a16:creationId xmlns:a16="http://schemas.microsoft.com/office/drawing/2014/main" xmlns="" id="{3446D2DE-71D3-469F-8140-5EF48E0E9029}"/>
              </a:ext>
            </a:extLst>
          </p:cNvPr>
          <p:cNvCxnSpPr/>
          <p:nvPr/>
        </p:nvCxnSpPr>
        <p:spPr bwMode="auto">
          <a:xfrm>
            <a:off x="7865890" y="2295411"/>
            <a:ext cx="0" cy="288000"/>
          </a:xfrm>
          <a:prstGeom prst="line">
            <a:avLst/>
          </a:prstGeom>
          <a:noFill/>
          <a:ln w="12700" cap="flat" cmpd="sng" algn="ctr">
            <a:solidFill>
              <a:schemeClr val="tx1"/>
            </a:solidFill>
            <a:prstDash val="solid"/>
            <a:round/>
            <a:headEnd type="none" w="med" len="med"/>
            <a:tailEnd type="none" w="med" len="med"/>
          </a:ln>
          <a:effectLst/>
        </p:spPr>
      </p:cxnSp>
      <p:cxnSp>
        <p:nvCxnSpPr>
          <p:cNvPr id="95" name="直接连接符 94">
            <a:extLst>
              <a:ext uri="{FF2B5EF4-FFF2-40B4-BE49-F238E27FC236}">
                <a16:creationId xmlns:a16="http://schemas.microsoft.com/office/drawing/2014/main" xmlns="" id="{EEA57D2F-460C-4227-91E0-603B88CA7DD6}"/>
              </a:ext>
            </a:extLst>
          </p:cNvPr>
          <p:cNvCxnSpPr/>
          <p:nvPr/>
        </p:nvCxnSpPr>
        <p:spPr bwMode="auto">
          <a:xfrm>
            <a:off x="7865890" y="2901014"/>
            <a:ext cx="0" cy="324000"/>
          </a:xfrm>
          <a:prstGeom prst="line">
            <a:avLst/>
          </a:prstGeom>
          <a:noFill/>
          <a:ln w="12700" cap="flat" cmpd="sng" algn="ctr">
            <a:solidFill>
              <a:schemeClr val="tx1"/>
            </a:solidFill>
            <a:prstDash val="solid"/>
            <a:round/>
            <a:headEnd type="none" w="med" len="med"/>
            <a:tailEnd type="none" w="med" len="med"/>
          </a:ln>
          <a:effectLst/>
        </p:spPr>
      </p:cxnSp>
      <p:sp>
        <p:nvSpPr>
          <p:cNvPr id="96" name="圆角矩形 206">
            <a:extLst>
              <a:ext uri="{FF2B5EF4-FFF2-40B4-BE49-F238E27FC236}">
                <a16:creationId xmlns:a16="http://schemas.microsoft.com/office/drawing/2014/main" xmlns="" id="{5E260548-B185-4185-8619-136BD2BA279D}"/>
              </a:ext>
            </a:extLst>
          </p:cNvPr>
          <p:cNvSpPr/>
          <p:nvPr/>
        </p:nvSpPr>
        <p:spPr>
          <a:xfrm>
            <a:off x="3379381" y="2455889"/>
            <a:ext cx="1555420" cy="593352"/>
          </a:xfrm>
          <a:prstGeom prst="roundRect">
            <a:avLst/>
          </a:prstGeom>
          <a:solidFill>
            <a:schemeClr val="bg1"/>
          </a:solidFill>
          <a:ln w="19050" cap="flat" cmpd="sng" algn="ctr">
            <a:solidFill>
              <a:srgbClr val="0070C0"/>
            </a:solidFill>
            <a:prstDash val="solid"/>
            <a:miter lim="800000"/>
          </a:ln>
          <a:effectLst/>
        </p:spPr>
        <p:txBody>
          <a:bodyPr rtlCol="0" anchor="ctr" anchorCtr="0"/>
          <a:lstStyle/>
          <a:p>
            <a:pPr lvl="0" algn="ctr" defTabSz="914400" fontAlgn="base">
              <a:spcBef>
                <a:spcPct val="0"/>
              </a:spcBef>
              <a:spcAft>
                <a:spcPct val="0"/>
              </a:spcAft>
              <a:defRPr/>
            </a:pPr>
            <a:r>
              <a:rPr kumimoji="0" lang="zh-CN" altLang="en-US" sz="1400" b="1" i="0" u="none" strike="noStrike" kern="0" cap="none" spc="0" normalizeH="0" baseline="0" noProof="0">
                <a:ln>
                  <a:noFill/>
                </a:ln>
                <a:solidFill>
                  <a:srgbClr val="0070C0"/>
                </a:solidFill>
                <a:effectLst/>
                <a:uLnTx/>
                <a:uFillTx/>
                <a:cs typeface="+mn-ea"/>
                <a:sym typeface="+mn-lt"/>
              </a:rPr>
              <a:t>内置丰富的</a:t>
            </a:r>
            <a:endParaRPr kumimoji="0" lang="en-US" altLang="zh-CN" sz="1400" b="1" i="0" u="none" strike="noStrike" kern="0" cap="none" spc="0" normalizeH="0" baseline="0" noProof="0" dirty="0">
              <a:ln>
                <a:noFill/>
              </a:ln>
              <a:solidFill>
                <a:srgbClr val="0070C0"/>
              </a:solidFill>
              <a:effectLst/>
              <a:uLnTx/>
              <a:uFillTx/>
              <a:cs typeface="+mn-ea"/>
              <a:sym typeface="+mn-lt"/>
            </a:endParaRPr>
          </a:p>
          <a:p>
            <a:pPr lvl="0" algn="ctr" defTabSz="914400" fontAlgn="base">
              <a:spcBef>
                <a:spcPct val="0"/>
              </a:spcBef>
              <a:spcAft>
                <a:spcPct val="0"/>
              </a:spcAft>
              <a:defRPr/>
            </a:pPr>
            <a:r>
              <a:rPr lang="zh-CN" altLang="en-US" sz="1400" b="1" kern="0" dirty="0">
                <a:solidFill>
                  <a:srgbClr val="0070C0"/>
                </a:solidFill>
                <a:cs typeface="+mn-ea"/>
                <a:sym typeface="+mn-lt"/>
              </a:rPr>
              <a:t>终端指纹</a:t>
            </a:r>
            <a:r>
              <a:rPr kumimoji="0" lang="zh-CN" altLang="en-US" sz="1400" b="1" i="0" u="none" strike="noStrike" kern="0" cap="none" spc="0" normalizeH="0" baseline="0" noProof="0" dirty="0">
                <a:ln>
                  <a:noFill/>
                </a:ln>
                <a:solidFill>
                  <a:srgbClr val="0070C0"/>
                </a:solidFill>
                <a:effectLst/>
                <a:uLnTx/>
                <a:uFillTx/>
                <a:cs typeface="+mn-ea"/>
                <a:sym typeface="+mn-lt"/>
              </a:rPr>
              <a:t>库</a:t>
            </a:r>
            <a:endParaRPr kumimoji="0" lang="en-US" sz="1400" b="0" i="0" u="none" strike="noStrike" kern="0" cap="none" spc="0" normalizeH="0" baseline="0" noProof="0" dirty="0">
              <a:ln>
                <a:noFill/>
              </a:ln>
              <a:solidFill>
                <a:srgbClr val="0070C0"/>
              </a:solidFill>
              <a:effectLst/>
              <a:uLnTx/>
              <a:uFillTx/>
              <a:cs typeface="+mn-ea"/>
              <a:sym typeface="+mn-lt"/>
            </a:endParaRPr>
          </a:p>
        </p:txBody>
      </p:sp>
      <p:sp>
        <p:nvSpPr>
          <p:cNvPr id="97" name="文本框 1">
            <a:extLst>
              <a:ext uri="{FF2B5EF4-FFF2-40B4-BE49-F238E27FC236}">
                <a16:creationId xmlns:a16="http://schemas.microsoft.com/office/drawing/2014/main" xmlns="" id="{E9869B8F-D634-4D22-A0DE-A9A8C043D0DF}"/>
              </a:ext>
            </a:extLst>
          </p:cNvPr>
          <p:cNvSpPr txBox="1"/>
          <p:nvPr/>
        </p:nvSpPr>
        <p:spPr>
          <a:xfrm>
            <a:off x="8605454" y="1666079"/>
            <a:ext cx="2307196" cy="584775"/>
          </a:xfrm>
          <a:prstGeom prst="rect">
            <a:avLst/>
          </a:prstGeom>
          <a:solidFill>
            <a:schemeClr val="accent1"/>
          </a:solidFill>
          <a:ln w="12700" cap="flat" cmpd="sng" algn="ctr">
            <a:noFill/>
            <a:prstDash val="solid"/>
            <a:miter lim="800000"/>
          </a:ln>
          <a:effectLst/>
        </p:spPr>
        <p:txBody>
          <a:bodyPr rtlCol="0" anchor="ctr"/>
          <a:lstStyle>
            <a:defPPr>
              <a:defRPr lang="en-US"/>
            </a:defPPr>
            <a:lvl1pPr algn="ctr" defTabSz="685859">
              <a:defRPr sz="1600" kern="0">
                <a:solidFill>
                  <a:schemeClr val="bg1"/>
                </a:solidFill>
              </a:defRPr>
            </a:lvl1pPr>
          </a:lstStyle>
          <a:p>
            <a:r>
              <a:rPr lang="zh-CN" altLang="en-US" b="1">
                <a:sym typeface="+mn-lt"/>
              </a:rPr>
              <a:t>华为支持</a:t>
            </a:r>
            <a:r>
              <a:rPr lang="en-US" altLang="zh-CN" b="1" dirty="0">
                <a:sym typeface="+mn-lt"/>
              </a:rPr>
              <a:t>1000</a:t>
            </a:r>
            <a:r>
              <a:rPr lang="en-US" altLang="zh-CN" b="1">
                <a:sym typeface="+mn-lt"/>
              </a:rPr>
              <a:t>+ </a:t>
            </a:r>
            <a:r>
              <a:rPr lang="zh-CN" altLang="en-US" b="1">
                <a:sym typeface="+mn-lt"/>
              </a:rPr>
              <a:t>办公</a:t>
            </a:r>
            <a:r>
              <a:rPr lang="en-US" altLang="zh-CN" b="1">
                <a:sym typeface="+mn-lt"/>
              </a:rPr>
              <a:t>/</a:t>
            </a:r>
            <a:r>
              <a:rPr lang="zh-CN" altLang="en-US" b="1" dirty="0">
                <a:sym typeface="+mn-lt"/>
              </a:rPr>
              <a:t>物联终端的</a:t>
            </a:r>
            <a:r>
              <a:rPr lang="zh-CN" altLang="en-US" b="1">
                <a:sym typeface="+mn-lt"/>
              </a:rPr>
              <a:t>识别。</a:t>
            </a:r>
            <a:endParaRPr lang="en-US" altLang="zh-CN" b="1" dirty="0">
              <a:sym typeface="+mn-lt"/>
            </a:endParaRPr>
          </a:p>
        </p:txBody>
      </p:sp>
      <p:grpSp>
        <p:nvGrpSpPr>
          <p:cNvPr id="98" name="组合 97">
            <a:extLst>
              <a:ext uri="{FF2B5EF4-FFF2-40B4-BE49-F238E27FC236}">
                <a16:creationId xmlns:a16="http://schemas.microsoft.com/office/drawing/2014/main" xmlns="" id="{2FA0A24D-27BC-4F3E-87CE-656AED3D6112}"/>
              </a:ext>
            </a:extLst>
          </p:cNvPr>
          <p:cNvGrpSpPr/>
          <p:nvPr/>
        </p:nvGrpSpPr>
        <p:grpSpPr>
          <a:xfrm>
            <a:off x="3635929" y="1349731"/>
            <a:ext cx="961531" cy="961531"/>
            <a:chOff x="1046959" y="2539999"/>
            <a:chExt cx="961531" cy="961531"/>
          </a:xfrm>
        </p:grpSpPr>
        <p:pic>
          <p:nvPicPr>
            <p:cNvPr id="99" name="图片 98">
              <a:extLst>
                <a:ext uri="{FF2B5EF4-FFF2-40B4-BE49-F238E27FC236}">
                  <a16:creationId xmlns:a16="http://schemas.microsoft.com/office/drawing/2014/main" xmlns="" id="{2F3F0CCC-C419-4842-9827-9AC8308E384D}"/>
                </a:ext>
              </a:extLst>
            </p:cNvPr>
            <p:cNvPicPr>
              <a:picLocks noChangeAspect="1"/>
            </p:cNvPicPr>
            <p:nvPr/>
          </p:nvPicPr>
          <p:blipFill>
            <a:blip r:embed="rId3"/>
            <a:stretch>
              <a:fillRect/>
            </a:stretch>
          </p:blipFill>
          <p:spPr>
            <a:xfrm>
              <a:off x="1223395" y="2673871"/>
              <a:ext cx="608040" cy="615221"/>
            </a:xfrm>
            <a:prstGeom prst="rect">
              <a:avLst/>
            </a:prstGeom>
          </p:spPr>
        </p:pic>
        <p:sp>
          <p:nvSpPr>
            <p:cNvPr id="100" name="Oval Callout 23">
              <a:extLst>
                <a:ext uri="{FF2B5EF4-FFF2-40B4-BE49-F238E27FC236}">
                  <a16:creationId xmlns:a16="http://schemas.microsoft.com/office/drawing/2014/main" xmlns="" id="{6151577A-50DB-4305-BC8D-C3B8C8CF35B6}"/>
                </a:ext>
              </a:extLst>
            </p:cNvPr>
            <p:cNvSpPr>
              <a:spLocks noChangeAspect="1"/>
            </p:cNvSpPr>
            <p:nvPr/>
          </p:nvSpPr>
          <p:spPr>
            <a:xfrm>
              <a:off x="1046959" y="2539999"/>
              <a:ext cx="961531" cy="961531"/>
            </a:xfrm>
            <a:prstGeom prst="wedgeEllipseCallout">
              <a:avLst>
                <a:gd name="adj1" fmla="val 19241"/>
                <a:gd name="adj2" fmla="val 58520"/>
              </a:avLst>
            </a:prstGeom>
            <a:solidFill>
              <a:srgbClr val="F4FBFE">
                <a:alpha val="50000"/>
              </a:srgbClr>
            </a:solidFill>
            <a:ln w="9525" cap="flat" cmpd="sng" algn="ctr">
              <a:solidFill>
                <a:srgbClr val="00B0F0"/>
              </a:solidFill>
              <a:prstDash val="solid"/>
            </a:ln>
            <a:effectLst/>
          </p:spPr>
          <p:txBody>
            <a:bodyPr wrap="none" rtlCol="0" anchor="ctr"/>
            <a:lstStyle/>
            <a:p>
              <a:pPr algn="ctr" defTabSz="1219444">
                <a:defRPr/>
              </a:pPr>
              <a:endParaRPr lang="en-US" sz="1200" b="1" kern="0" baseline="30000" dirty="0">
                <a:solidFill>
                  <a:prstClr val="white"/>
                </a:solidFill>
                <a:effectLst>
                  <a:glow rad="101600">
                    <a:prstClr val="black">
                      <a:alpha val="40000"/>
                    </a:prstClr>
                  </a:glow>
                  <a:outerShdw blurRad="38100" dist="38100" dir="2700000" algn="tl">
                    <a:srgbClr val="000000">
                      <a:alpha val="43137"/>
                    </a:srgbClr>
                  </a:outerShdw>
                </a:effectLst>
                <a:cs typeface="+mn-ea"/>
                <a:sym typeface="+mn-lt"/>
              </a:endParaRPr>
            </a:p>
          </p:txBody>
        </p:sp>
      </p:grpSp>
      <p:pic>
        <p:nvPicPr>
          <p:cNvPr id="101" name="图片 100">
            <a:extLst>
              <a:ext uri="{FF2B5EF4-FFF2-40B4-BE49-F238E27FC236}">
                <a16:creationId xmlns:a16="http://schemas.microsoft.com/office/drawing/2014/main" xmlns="" id="{32D3A901-9CE3-4580-B008-28D5C7EE3F4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77596" y="1475415"/>
            <a:ext cx="1263108" cy="718020"/>
          </a:xfrm>
          <a:prstGeom prst="rect">
            <a:avLst/>
          </a:prstGeom>
        </p:spPr>
      </p:pic>
      <p:grpSp>
        <p:nvGrpSpPr>
          <p:cNvPr id="102" name="组合 101">
            <a:extLst>
              <a:ext uri="{FF2B5EF4-FFF2-40B4-BE49-F238E27FC236}">
                <a16:creationId xmlns:a16="http://schemas.microsoft.com/office/drawing/2014/main" xmlns="" id="{4C3F7E93-3B89-4AFD-B3B1-E3EB12AA673B}"/>
              </a:ext>
            </a:extLst>
          </p:cNvPr>
          <p:cNvGrpSpPr/>
          <p:nvPr/>
        </p:nvGrpSpPr>
        <p:grpSpPr>
          <a:xfrm>
            <a:off x="2654418" y="1725037"/>
            <a:ext cx="582804" cy="3888712"/>
            <a:chOff x="2153582" y="1556031"/>
            <a:chExt cx="582804" cy="3888712"/>
          </a:xfrm>
        </p:grpSpPr>
        <p:cxnSp>
          <p:nvCxnSpPr>
            <p:cNvPr id="103" name="直接连接符 102">
              <a:extLst>
                <a:ext uri="{FF2B5EF4-FFF2-40B4-BE49-F238E27FC236}">
                  <a16:creationId xmlns:a16="http://schemas.microsoft.com/office/drawing/2014/main" xmlns="" id="{34AACE20-7BC7-4F47-82AA-291B245C2EEE}"/>
                </a:ext>
              </a:extLst>
            </p:cNvPr>
            <p:cNvCxnSpPr/>
            <p:nvPr/>
          </p:nvCxnSpPr>
          <p:spPr>
            <a:xfrm>
              <a:off x="2411604" y="1556031"/>
              <a:ext cx="0" cy="3888712"/>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104" name="文本框 103">
              <a:extLst>
                <a:ext uri="{FF2B5EF4-FFF2-40B4-BE49-F238E27FC236}">
                  <a16:creationId xmlns:a16="http://schemas.microsoft.com/office/drawing/2014/main" xmlns="" id="{981AB3EF-4F21-453F-8000-6173F73BA95F}"/>
                </a:ext>
              </a:extLst>
            </p:cNvPr>
            <p:cNvSpPr txBox="1"/>
            <p:nvPr/>
          </p:nvSpPr>
          <p:spPr>
            <a:xfrm>
              <a:off x="2153582" y="3284669"/>
              <a:ext cx="582804" cy="400110"/>
            </a:xfrm>
            <a:prstGeom prst="rect">
              <a:avLst/>
            </a:prstGeom>
            <a:solidFill>
              <a:schemeClr val="bg1"/>
            </a:solidFill>
          </p:spPr>
          <p:txBody>
            <a:bodyPr wrap="square" rtlCol="0">
              <a:spAutoFit/>
            </a:bodyPr>
            <a:lstStyle/>
            <a:p>
              <a:pPr algn="l"/>
              <a:r>
                <a:rPr lang="en-US" altLang="zh-CN" sz="2000" dirty="0">
                  <a:solidFill>
                    <a:srgbClr val="EC7061"/>
                  </a:solidFill>
                  <a:cs typeface="+mn-ea"/>
                  <a:sym typeface="+mn-lt"/>
                </a:rPr>
                <a:t>&gt;&gt;</a:t>
              </a:r>
              <a:endParaRPr lang="zh-CN" altLang="en-US" sz="2000" dirty="0">
                <a:solidFill>
                  <a:srgbClr val="EC7061"/>
                </a:solidFill>
                <a:cs typeface="+mn-ea"/>
                <a:sym typeface="+mn-lt"/>
              </a:endParaRPr>
            </a:p>
          </p:txBody>
        </p:sp>
      </p:grpSp>
      <p:sp>
        <p:nvSpPr>
          <p:cNvPr id="105" name="矩形 104">
            <a:extLst>
              <a:ext uri="{FF2B5EF4-FFF2-40B4-BE49-F238E27FC236}">
                <a16:creationId xmlns:a16="http://schemas.microsoft.com/office/drawing/2014/main" xmlns="" id="{D9510822-D3FB-45F6-9C70-67DB5372810B}"/>
              </a:ext>
            </a:extLst>
          </p:cNvPr>
          <p:cNvSpPr/>
          <p:nvPr/>
        </p:nvSpPr>
        <p:spPr>
          <a:xfrm>
            <a:off x="947781" y="1549209"/>
            <a:ext cx="1292341" cy="369332"/>
          </a:xfrm>
          <a:prstGeom prst="rect">
            <a:avLst/>
          </a:prstGeom>
          <a:noFill/>
          <a:ln>
            <a:noFill/>
          </a:ln>
          <a:effectLst/>
        </p:spPr>
        <p:txBody>
          <a:bodyPr wrap="none">
            <a:spAutoFit/>
          </a:bodyPr>
          <a:lstStyle/>
          <a:p>
            <a:r>
              <a:rPr lang="zh-CN" altLang="en-US" b="1" dirty="0">
                <a:cs typeface="+mn-ea"/>
                <a:sym typeface="+mn-lt"/>
              </a:rPr>
              <a:t>需求</a:t>
            </a:r>
            <a:r>
              <a:rPr lang="en-US" altLang="zh-CN" b="1" dirty="0">
                <a:cs typeface="+mn-ea"/>
                <a:sym typeface="+mn-lt"/>
              </a:rPr>
              <a:t>&amp;</a:t>
            </a:r>
            <a:r>
              <a:rPr lang="zh-CN" altLang="en-US" b="1" dirty="0">
                <a:cs typeface="+mn-ea"/>
                <a:sym typeface="+mn-lt"/>
              </a:rPr>
              <a:t>挑战</a:t>
            </a:r>
            <a:endParaRPr lang="zh-CN" altLang="en-US" dirty="0">
              <a:cs typeface="+mn-ea"/>
              <a:sym typeface="+mn-lt"/>
            </a:endParaRPr>
          </a:p>
        </p:txBody>
      </p:sp>
      <p:sp>
        <p:nvSpPr>
          <p:cNvPr id="106" name="矩形 105">
            <a:extLst>
              <a:ext uri="{FF2B5EF4-FFF2-40B4-BE49-F238E27FC236}">
                <a16:creationId xmlns:a16="http://schemas.microsoft.com/office/drawing/2014/main" xmlns="" id="{7342D806-5556-490C-99B3-B31F629DF1A4}"/>
              </a:ext>
            </a:extLst>
          </p:cNvPr>
          <p:cNvSpPr/>
          <p:nvPr/>
        </p:nvSpPr>
        <p:spPr>
          <a:xfrm>
            <a:off x="775135" y="5200483"/>
            <a:ext cx="1620957" cy="338554"/>
          </a:xfrm>
          <a:prstGeom prst="rect">
            <a:avLst/>
          </a:prstGeom>
        </p:spPr>
        <p:txBody>
          <a:bodyPr wrap="none">
            <a:spAutoFit/>
          </a:bodyPr>
          <a:lstStyle/>
          <a:p>
            <a:pPr algn="ctr"/>
            <a:r>
              <a:rPr lang="zh-CN" altLang="en-US" sz="1600">
                <a:solidFill>
                  <a:srgbClr val="EC7061"/>
                </a:solidFill>
                <a:cs typeface="+mn-ea"/>
                <a:sym typeface="+mn-lt"/>
              </a:rPr>
              <a:t>接入仿冒难</a:t>
            </a:r>
            <a:r>
              <a:rPr lang="zh-CN" altLang="en-US" sz="1600" dirty="0">
                <a:solidFill>
                  <a:srgbClr val="EC7061"/>
                </a:solidFill>
                <a:cs typeface="+mn-ea"/>
                <a:sym typeface="+mn-lt"/>
              </a:rPr>
              <a:t>定位</a:t>
            </a:r>
          </a:p>
        </p:txBody>
      </p:sp>
      <p:sp>
        <p:nvSpPr>
          <p:cNvPr id="107" name="矩形 106">
            <a:extLst>
              <a:ext uri="{FF2B5EF4-FFF2-40B4-BE49-F238E27FC236}">
                <a16:creationId xmlns:a16="http://schemas.microsoft.com/office/drawing/2014/main" xmlns="" id="{1CCC180E-3989-4655-A820-5116757D3985}"/>
              </a:ext>
            </a:extLst>
          </p:cNvPr>
          <p:cNvSpPr/>
          <p:nvPr/>
        </p:nvSpPr>
        <p:spPr>
          <a:xfrm>
            <a:off x="1188910" y="4129684"/>
            <a:ext cx="817853" cy="338554"/>
          </a:xfrm>
          <a:prstGeom prst="rect">
            <a:avLst/>
          </a:prstGeom>
        </p:spPr>
        <p:txBody>
          <a:bodyPr wrap="none">
            <a:spAutoFit/>
          </a:bodyPr>
          <a:lstStyle/>
          <a:p>
            <a:pPr algn="ctr"/>
            <a:r>
              <a:rPr lang="zh-CN" altLang="en-US" sz="1600">
                <a:cs typeface="+mn-ea"/>
                <a:sym typeface="+mn-lt"/>
              </a:rPr>
              <a:t>某企业</a:t>
            </a:r>
            <a:endParaRPr lang="zh-CN" altLang="en-US" sz="1600" dirty="0">
              <a:cs typeface="+mn-ea"/>
              <a:sym typeface="+mn-lt"/>
            </a:endParaRPr>
          </a:p>
        </p:txBody>
      </p:sp>
      <p:sp>
        <p:nvSpPr>
          <p:cNvPr id="108" name="矩形 107">
            <a:extLst>
              <a:ext uri="{FF2B5EF4-FFF2-40B4-BE49-F238E27FC236}">
                <a16:creationId xmlns:a16="http://schemas.microsoft.com/office/drawing/2014/main" xmlns="" id="{CA04D20C-184A-4924-A72B-733B29D6386B}"/>
              </a:ext>
            </a:extLst>
          </p:cNvPr>
          <p:cNvSpPr/>
          <p:nvPr/>
        </p:nvSpPr>
        <p:spPr>
          <a:xfrm>
            <a:off x="1082912" y="4621670"/>
            <a:ext cx="1005404" cy="584775"/>
          </a:xfrm>
          <a:prstGeom prst="rect">
            <a:avLst/>
          </a:prstGeom>
        </p:spPr>
        <p:txBody>
          <a:bodyPr wrap="none">
            <a:spAutoFit/>
          </a:bodyPr>
          <a:lstStyle/>
          <a:p>
            <a:pPr algn="ctr"/>
            <a:r>
              <a:rPr lang="en-US" altLang="zh-CN" sz="1600">
                <a:cs typeface="+mn-ea"/>
                <a:sym typeface="+mn-lt"/>
              </a:rPr>
              <a:t>100+/</a:t>
            </a:r>
            <a:r>
              <a:rPr lang="zh-CN" altLang="en-US" sz="1600" dirty="0">
                <a:cs typeface="+mn-ea"/>
                <a:sym typeface="+mn-lt"/>
              </a:rPr>
              <a:t>天</a:t>
            </a:r>
            <a:endParaRPr lang="en-US" altLang="zh-CN" sz="1600" dirty="0">
              <a:cs typeface="+mn-ea"/>
              <a:sym typeface="+mn-lt"/>
            </a:endParaRPr>
          </a:p>
          <a:p>
            <a:pPr algn="ctr"/>
            <a:r>
              <a:rPr lang="zh-CN" altLang="en-US" sz="1600" dirty="0">
                <a:cs typeface="+mn-ea"/>
                <a:sym typeface="+mn-lt"/>
              </a:rPr>
              <a:t>认证报障</a:t>
            </a:r>
          </a:p>
        </p:txBody>
      </p:sp>
      <p:sp>
        <p:nvSpPr>
          <p:cNvPr id="109" name="椭圆 108">
            <a:extLst>
              <a:ext uri="{FF2B5EF4-FFF2-40B4-BE49-F238E27FC236}">
                <a16:creationId xmlns:a16="http://schemas.microsoft.com/office/drawing/2014/main" xmlns="" id="{463B57A0-9866-4109-BCAE-0A706EEFEEDF}"/>
              </a:ext>
            </a:extLst>
          </p:cNvPr>
          <p:cNvSpPr/>
          <p:nvPr/>
        </p:nvSpPr>
        <p:spPr>
          <a:xfrm>
            <a:off x="1110125" y="2482836"/>
            <a:ext cx="950976" cy="670229"/>
          </a:xfrm>
          <a:prstGeom prst="ellipse">
            <a:avLst/>
          </a:prstGeom>
          <a:noFill/>
          <a:ln>
            <a:solidFill>
              <a:schemeClr val="bg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dirty="0">
              <a:cs typeface="+mn-ea"/>
              <a:sym typeface="+mn-lt"/>
            </a:endParaRPr>
          </a:p>
        </p:txBody>
      </p:sp>
      <p:sp>
        <p:nvSpPr>
          <p:cNvPr id="110" name="矩形 109">
            <a:extLst>
              <a:ext uri="{FF2B5EF4-FFF2-40B4-BE49-F238E27FC236}">
                <a16:creationId xmlns:a16="http://schemas.microsoft.com/office/drawing/2014/main" xmlns="" id="{E49992C1-66E5-4E29-9A2C-A69755CFAD41}"/>
              </a:ext>
            </a:extLst>
          </p:cNvPr>
          <p:cNvSpPr/>
          <p:nvPr/>
        </p:nvSpPr>
        <p:spPr>
          <a:xfrm>
            <a:off x="1082912" y="2528469"/>
            <a:ext cx="1005404" cy="584775"/>
          </a:xfrm>
          <a:prstGeom prst="rect">
            <a:avLst/>
          </a:prstGeom>
        </p:spPr>
        <p:txBody>
          <a:bodyPr wrap="none">
            <a:spAutoFit/>
          </a:bodyPr>
          <a:lstStyle/>
          <a:p>
            <a:pPr algn="ctr"/>
            <a:r>
              <a:rPr lang="en-US" altLang="zh-CN" sz="1600" dirty="0">
                <a:cs typeface="+mn-ea"/>
                <a:sym typeface="+mn-lt"/>
              </a:rPr>
              <a:t>50+</a:t>
            </a:r>
            <a:r>
              <a:rPr lang="zh-CN" altLang="en-US" sz="1600" dirty="0">
                <a:cs typeface="+mn-ea"/>
                <a:sym typeface="+mn-lt"/>
              </a:rPr>
              <a:t>类</a:t>
            </a:r>
            <a:endParaRPr lang="en-US" altLang="zh-CN" sz="1600" dirty="0">
              <a:cs typeface="+mn-ea"/>
              <a:sym typeface="+mn-lt"/>
            </a:endParaRPr>
          </a:p>
          <a:p>
            <a:pPr algn="ctr"/>
            <a:r>
              <a:rPr lang="zh-CN" altLang="en-US" sz="1600" dirty="0">
                <a:cs typeface="+mn-ea"/>
                <a:sym typeface="+mn-lt"/>
              </a:rPr>
              <a:t>智能终端</a:t>
            </a:r>
          </a:p>
        </p:txBody>
      </p:sp>
      <p:sp>
        <p:nvSpPr>
          <p:cNvPr id="111" name="矩形 110">
            <a:extLst>
              <a:ext uri="{FF2B5EF4-FFF2-40B4-BE49-F238E27FC236}">
                <a16:creationId xmlns:a16="http://schemas.microsoft.com/office/drawing/2014/main" xmlns="" id="{A876FEDB-D59E-47C6-9B23-5C6C7C6D6008}"/>
              </a:ext>
            </a:extLst>
          </p:cNvPr>
          <p:cNvSpPr/>
          <p:nvPr/>
        </p:nvSpPr>
        <p:spPr>
          <a:xfrm>
            <a:off x="1182731" y="2127606"/>
            <a:ext cx="800220" cy="338554"/>
          </a:xfrm>
          <a:prstGeom prst="rect">
            <a:avLst/>
          </a:prstGeom>
        </p:spPr>
        <p:txBody>
          <a:bodyPr wrap="none">
            <a:spAutoFit/>
          </a:bodyPr>
          <a:lstStyle/>
          <a:p>
            <a:pPr algn="ctr"/>
            <a:r>
              <a:rPr lang="zh-CN" altLang="en-US" sz="1600" dirty="0">
                <a:cs typeface="+mn-ea"/>
                <a:sym typeface="+mn-lt"/>
              </a:rPr>
              <a:t>某高校</a:t>
            </a:r>
          </a:p>
        </p:txBody>
      </p:sp>
      <p:sp>
        <p:nvSpPr>
          <p:cNvPr id="112" name="矩形 111">
            <a:extLst>
              <a:ext uri="{FF2B5EF4-FFF2-40B4-BE49-F238E27FC236}">
                <a16:creationId xmlns:a16="http://schemas.microsoft.com/office/drawing/2014/main" xmlns="" id="{3CCE3A91-43A7-48D3-BAB3-00CE54F7A3A1}"/>
              </a:ext>
            </a:extLst>
          </p:cNvPr>
          <p:cNvSpPr/>
          <p:nvPr/>
        </p:nvSpPr>
        <p:spPr>
          <a:xfrm>
            <a:off x="652505" y="3142584"/>
            <a:ext cx="1866216" cy="584775"/>
          </a:xfrm>
          <a:prstGeom prst="rect">
            <a:avLst/>
          </a:prstGeom>
        </p:spPr>
        <p:txBody>
          <a:bodyPr wrap="none">
            <a:spAutoFit/>
          </a:bodyPr>
          <a:lstStyle/>
          <a:p>
            <a:pPr algn="ctr"/>
            <a:r>
              <a:rPr lang="zh-CN" altLang="en-US" sz="1600">
                <a:solidFill>
                  <a:srgbClr val="EC7061"/>
                </a:solidFill>
                <a:cs typeface="+mn-ea"/>
                <a:sym typeface="+mn-lt"/>
              </a:rPr>
              <a:t>终端由学院采集：</a:t>
            </a:r>
            <a:endParaRPr lang="en-US" altLang="zh-CN" sz="1600" dirty="0">
              <a:solidFill>
                <a:srgbClr val="EC7061"/>
              </a:solidFill>
              <a:cs typeface="+mn-ea"/>
              <a:sym typeface="+mn-lt"/>
            </a:endParaRPr>
          </a:p>
          <a:p>
            <a:pPr algn="ctr"/>
            <a:r>
              <a:rPr lang="en-US" altLang="zh-CN" sz="1600" dirty="0">
                <a:solidFill>
                  <a:srgbClr val="EC7061"/>
                </a:solidFill>
                <a:cs typeface="+mn-ea"/>
                <a:sym typeface="+mn-lt"/>
              </a:rPr>
              <a:t>MAC</a:t>
            </a:r>
            <a:r>
              <a:rPr lang="zh-CN" altLang="en-US" sz="1600" dirty="0">
                <a:solidFill>
                  <a:srgbClr val="EC7061"/>
                </a:solidFill>
                <a:cs typeface="+mn-ea"/>
                <a:sym typeface="+mn-lt"/>
              </a:rPr>
              <a:t>采集难、易错</a:t>
            </a:r>
          </a:p>
        </p:txBody>
      </p:sp>
      <p:sp>
        <p:nvSpPr>
          <p:cNvPr id="113" name="椭圆 112">
            <a:extLst>
              <a:ext uri="{FF2B5EF4-FFF2-40B4-BE49-F238E27FC236}">
                <a16:creationId xmlns:a16="http://schemas.microsoft.com/office/drawing/2014/main" xmlns="" id="{9E1B83AA-C7D1-424E-9E84-D9F47511741A}"/>
              </a:ext>
            </a:extLst>
          </p:cNvPr>
          <p:cNvSpPr/>
          <p:nvPr/>
        </p:nvSpPr>
        <p:spPr>
          <a:xfrm>
            <a:off x="1110125" y="4537703"/>
            <a:ext cx="950976" cy="670229"/>
          </a:xfrm>
          <a:prstGeom prst="ellipse">
            <a:avLst/>
          </a:prstGeom>
          <a:noFill/>
          <a:ln>
            <a:solidFill>
              <a:schemeClr val="bg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dirty="0">
              <a:cs typeface="+mn-ea"/>
              <a:sym typeface="+mn-lt"/>
            </a:endParaRPr>
          </a:p>
        </p:txBody>
      </p:sp>
      <p:grpSp>
        <p:nvGrpSpPr>
          <p:cNvPr id="114" name="组合 294">
            <a:extLst>
              <a:ext uri="{FF2B5EF4-FFF2-40B4-BE49-F238E27FC236}">
                <a16:creationId xmlns:a16="http://schemas.microsoft.com/office/drawing/2014/main" xmlns="" id="{F103DFB5-BFF1-4E80-8457-AF0C44F7143A}"/>
              </a:ext>
            </a:extLst>
          </p:cNvPr>
          <p:cNvGrpSpPr>
            <a:grpSpLocks/>
          </p:cNvGrpSpPr>
          <p:nvPr/>
        </p:nvGrpSpPr>
        <p:grpSpPr bwMode="auto">
          <a:xfrm>
            <a:off x="4007294" y="3466902"/>
            <a:ext cx="561325" cy="442294"/>
            <a:chOff x="2036763" y="2339976"/>
            <a:chExt cx="635000" cy="500062"/>
          </a:xfrm>
        </p:grpSpPr>
        <p:sp>
          <p:nvSpPr>
            <p:cNvPr id="115" name="Freeform 28">
              <a:extLst>
                <a:ext uri="{FF2B5EF4-FFF2-40B4-BE49-F238E27FC236}">
                  <a16:creationId xmlns:a16="http://schemas.microsoft.com/office/drawing/2014/main" xmlns="" id="{ACD8A403-5A48-47AD-8135-0F0187A4AF58}"/>
                </a:ext>
              </a:extLst>
            </p:cNvPr>
            <p:cNvSpPr>
              <a:spLocks/>
            </p:cNvSpPr>
            <p:nvPr/>
          </p:nvSpPr>
          <p:spPr bwMode="auto">
            <a:xfrm>
              <a:off x="2036763" y="2589213"/>
              <a:ext cx="635000" cy="250825"/>
            </a:xfrm>
            <a:custGeom>
              <a:avLst/>
              <a:gdLst>
                <a:gd name="T0" fmla="*/ 2147483646 w 1516"/>
                <a:gd name="T1" fmla="*/ 0 h 600"/>
                <a:gd name="T2" fmla="*/ 2147483646 w 1516"/>
                <a:gd name="T3" fmla="*/ 0 h 600"/>
                <a:gd name="T4" fmla="*/ 2147483646 w 1516"/>
                <a:gd name="T5" fmla="*/ 0 h 600"/>
                <a:gd name="T6" fmla="*/ 0 w 1516"/>
                <a:gd name="T7" fmla="*/ 2147483646 h 600"/>
                <a:gd name="T8" fmla="*/ 2147483646 w 1516"/>
                <a:gd name="T9" fmla="*/ 2147483646 h 600"/>
                <a:gd name="T10" fmla="*/ 2147483646 w 1516"/>
                <a:gd name="T11" fmla="*/ 2147483646 h 600"/>
                <a:gd name="T12" fmla="*/ 2147483646 w 1516"/>
                <a:gd name="T13" fmla="*/ 2147483646 h 600"/>
                <a:gd name="T14" fmla="*/ 2147483646 w 1516"/>
                <a:gd name="T15" fmla="*/ 2147483646 h 600"/>
                <a:gd name="T16" fmla="*/ 2147483646 w 1516"/>
                <a:gd name="T17" fmla="*/ 2147483646 h 600"/>
                <a:gd name="T18" fmla="*/ 2147483646 w 1516"/>
                <a:gd name="T19" fmla="*/ 2147483646 h 600"/>
                <a:gd name="T20" fmla="*/ 2147483646 w 1516"/>
                <a:gd name="T21" fmla="*/ 2147483646 h 600"/>
                <a:gd name="T22" fmla="*/ 2147483646 w 1516"/>
                <a:gd name="T23" fmla="*/ 2147483646 h 600"/>
                <a:gd name="T24" fmla="*/ 2147483646 w 1516"/>
                <a:gd name="T25" fmla="*/ 2147483646 h 600"/>
                <a:gd name="T26" fmla="*/ 2147483646 w 1516"/>
                <a:gd name="T27" fmla="*/ 2147483646 h 600"/>
                <a:gd name="T28" fmla="*/ 2147483646 w 1516"/>
                <a:gd name="T29" fmla="*/ 2147483646 h 600"/>
                <a:gd name="T30" fmla="*/ 2147483646 w 1516"/>
                <a:gd name="T31" fmla="*/ 2147483646 h 600"/>
                <a:gd name="T32" fmla="*/ 2147483646 w 1516"/>
                <a:gd name="T33" fmla="*/ 2147483646 h 600"/>
                <a:gd name="T34" fmla="*/ 2147483646 w 1516"/>
                <a:gd name="T35" fmla="*/ 2147483646 h 600"/>
                <a:gd name="T36" fmla="*/ 2147483646 w 1516"/>
                <a:gd name="T37" fmla="*/ 2147483646 h 600"/>
                <a:gd name="T38" fmla="*/ 2147483646 w 1516"/>
                <a:gd name="T39" fmla="*/ 2147483646 h 600"/>
                <a:gd name="T40" fmla="*/ 2147483646 w 1516"/>
                <a:gd name="T41" fmla="*/ 2147483646 h 600"/>
                <a:gd name="T42" fmla="*/ 2147483646 w 1516"/>
                <a:gd name="T43" fmla="*/ 2147483646 h 600"/>
                <a:gd name="T44" fmla="*/ 2147483646 w 1516"/>
                <a:gd name="T45" fmla="*/ 2147483646 h 600"/>
                <a:gd name="T46" fmla="*/ 2147483646 w 1516"/>
                <a:gd name="T47" fmla="*/ 0 h 60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16"/>
                <a:gd name="T73" fmla="*/ 0 h 600"/>
                <a:gd name="T74" fmla="*/ 1516 w 1516"/>
                <a:gd name="T75" fmla="*/ 600 h 60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16" h="600">
                  <a:moveTo>
                    <a:pt x="1238" y="0"/>
                  </a:moveTo>
                  <a:lnTo>
                    <a:pt x="1238" y="0"/>
                  </a:lnTo>
                  <a:lnTo>
                    <a:pt x="278" y="0"/>
                  </a:lnTo>
                  <a:cubicBezTo>
                    <a:pt x="125" y="0"/>
                    <a:pt x="0" y="125"/>
                    <a:pt x="0" y="278"/>
                  </a:cubicBezTo>
                  <a:cubicBezTo>
                    <a:pt x="0" y="431"/>
                    <a:pt x="125" y="556"/>
                    <a:pt x="278" y="556"/>
                  </a:cubicBezTo>
                  <a:lnTo>
                    <a:pt x="786" y="556"/>
                  </a:lnTo>
                  <a:cubicBezTo>
                    <a:pt x="796" y="582"/>
                    <a:pt x="821" y="600"/>
                    <a:pt x="850" y="600"/>
                  </a:cubicBezTo>
                  <a:cubicBezTo>
                    <a:pt x="889" y="600"/>
                    <a:pt x="920" y="568"/>
                    <a:pt x="920" y="530"/>
                  </a:cubicBezTo>
                  <a:cubicBezTo>
                    <a:pt x="920" y="492"/>
                    <a:pt x="889" y="461"/>
                    <a:pt x="850" y="461"/>
                  </a:cubicBezTo>
                  <a:cubicBezTo>
                    <a:pt x="827" y="461"/>
                    <a:pt x="807" y="472"/>
                    <a:pt x="794" y="489"/>
                  </a:cubicBezTo>
                  <a:lnTo>
                    <a:pt x="278" y="489"/>
                  </a:lnTo>
                  <a:cubicBezTo>
                    <a:pt x="161" y="489"/>
                    <a:pt x="67" y="395"/>
                    <a:pt x="67" y="278"/>
                  </a:cubicBezTo>
                  <a:cubicBezTo>
                    <a:pt x="67" y="162"/>
                    <a:pt x="161" y="67"/>
                    <a:pt x="278" y="67"/>
                  </a:cubicBezTo>
                  <a:lnTo>
                    <a:pt x="1238" y="67"/>
                  </a:lnTo>
                  <a:cubicBezTo>
                    <a:pt x="1355" y="67"/>
                    <a:pt x="1450" y="162"/>
                    <a:pt x="1450" y="278"/>
                  </a:cubicBezTo>
                  <a:cubicBezTo>
                    <a:pt x="1450" y="395"/>
                    <a:pt x="1355" y="489"/>
                    <a:pt x="1238" y="489"/>
                  </a:cubicBezTo>
                  <a:lnTo>
                    <a:pt x="1121" y="489"/>
                  </a:lnTo>
                  <a:cubicBezTo>
                    <a:pt x="1108" y="472"/>
                    <a:pt x="1087" y="460"/>
                    <a:pt x="1064" y="460"/>
                  </a:cubicBezTo>
                  <a:cubicBezTo>
                    <a:pt x="1025" y="460"/>
                    <a:pt x="995" y="491"/>
                    <a:pt x="995" y="529"/>
                  </a:cubicBezTo>
                  <a:cubicBezTo>
                    <a:pt x="995" y="568"/>
                    <a:pt x="1025" y="599"/>
                    <a:pt x="1064" y="599"/>
                  </a:cubicBezTo>
                  <a:cubicBezTo>
                    <a:pt x="1093" y="599"/>
                    <a:pt x="1118" y="581"/>
                    <a:pt x="1128" y="556"/>
                  </a:cubicBezTo>
                  <a:lnTo>
                    <a:pt x="1238" y="556"/>
                  </a:lnTo>
                  <a:cubicBezTo>
                    <a:pt x="1391" y="556"/>
                    <a:pt x="1516" y="431"/>
                    <a:pt x="1516" y="278"/>
                  </a:cubicBezTo>
                  <a:cubicBezTo>
                    <a:pt x="1516" y="125"/>
                    <a:pt x="1391" y="0"/>
                    <a:pt x="123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16" name="Freeform 29">
              <a:extLst>
                <a:ext uri="{FF2B5EF4-FFF2-40B4-BE49-F238E27FC236}">
                  <a16:creationId xmlns:a16="http://schemas.microsoft.com/office/drawing/2014/main" xmlns="" id="{DBC712E0-76F9-42CA-B2B9-3B3CC621124E}"/>
                </a:ext>
              </a:extLst>
            </p:cNvPr>
            <p:cNvSpPr>
              <a:spLocks/>
            </p:cNvSpPr>
            <p:nvPr/>
          </p:nvSpPr>
          <p:spPr bwMode="auto">
            <a:xfrm>
              <a:off x="2200275" y="2663826"/>
              <a:ext cx="125413" cy="88900"/>
            </a:xfrm>
            <a:custGeom>
              <a:avLst/>
              <a:gdLst>
                <a:gd name="T0" fmla="*/ 2147483646 w 297"/>
                <a:gd name="T1" fmla="*/ 2147483646 h 212"/>
                <a:gd name="T2" fmla="*/ 2147483646 w 297"/>
                <a:gd name="T3" fmla="*/ 2147483646 h 212"/>
                <a:gd name="T4" fmla="*/ 2147483646 w 297"/>
                <a:gd name="T5" fmla="*/ 2147483646 h 212"/>
                <a:gd name="T6" fmla="*/ 2147483646 w 297"/>
                <a:gd name="T7" fmla="*/ 2147483646 h 212"/>
                <a:gd name="T8" fmla="*/ 2147483646 w 297"/>
                <a:gd name="T9" fmla="*/ 0 h 212"/>
                <a:gd name="T10" fmla="*/ 2147483646 w 297"/>
                <a:gd name="T11" fmla="*/ 0 h 212"/>
                <a:gd name="T12" fmla="*/ 2147483646 w 297"/>
                <a:gd name="T13" fmla="*/ 2147483646 h 212"/>
                <a:gd name="T14" fmla="*/ 2147483646 w 297"/>
                <a:gd name="T15" fmla="*/ 2147483646 h 212"/>
                <a:gd name="T16" fmla="*/ 2147483646 w 297"/>
                <a:gd name="T17" fmla="*/ 2147483646 h 212"/>
                <a:gd name="T18" fmla="*/ 2147483646 w 297"/>
                <a:gd name="T19" fmla="*/ 2147483646 h 212"/>
                <a:gd name="T20" fmla="*/ 2147483646 w 297"/>
                <a:gd name="T21" fmla="*/ 0 h 212"/>
                <a:gd name="T22" fmla="*/ 0 w 297"/>
                <a:gd name="T23" fmla="*/ 0 h 212"/>
                <a:gd name="T24" fmla="*/ 2147483646 w 297"/>
                <a:gd name="T25" fmla="*/ 2147483646 h 212"/>
                <a:gd name="T26" fmla="*/ 2147483646 w 297"/>
                <a:gd name="T27" fmla="*/ 2147483646 h 212"/>
                <a:gd name="T28" fmla="*/ 2147483646 w 297"/>
                <a:gd name="T29" fmla="*/ 2147483646 h 212"/>
                <a:gd name="T30" fmla="*/ 2147483646 w 297"/>
                <a:gd name="T31" fmla="*/ 2147483646 h 212"/>
                <a:gd name="T32" fmla="*/ 2147483646 w 297"/>
                <a:gd name="T33" fmla="*/ 2147483646 h 212"/>
                <a:gd name="T34" fmla="*/ 2147483646 w 297"/>
                <a:gd name="T35" fmla="*/ 2147483646 h 212"/>
                <a:gd name="T36" fmla="*/ 2147483646 w 297"/>
                <a:gd name="T37" fmla="*/ 2147483646 h 212"/>
                <a:gd name="T38" fmla="*/ 2147483646 w 297"/>
                <a:gd name="T39" fmla="*/ 2147483646 h 212"/>
                <a:gd name="T40" fmla="*/ 2147483646 w 297"/>
                <a:gd name="T41" fmla="*/ 0 h 212"/>
                <a:gd name="T42" fmla="*/ 2147483646 w 297"/>
                <a:gd name="T43" fmla="*/ 0 h 212"/>
                <a:gd name="T44" fmla="*/ 2147483646 w 297"/>
                <a:gd name="T45" fmla="*/ 2147483646 h 212"/>
                <a:gd name="T46" fmla="*/ 2147483646 w 297"/>
                <a:gd name="T47" fmla="*/ 2147483646 h 212"/>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7"/>
                <a:gd name="T73" fmla="*/ 0 h 212"/>
                <a:gd name="T74" fmla="*/ 297 w 297"/>
                <a:gd name="T75" fmla="*/ 212 h 212"/>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7" h="212">
                  <a:moveTo>
                    <a:pt x="217" y="168"/>
                  </a:moveTo>
                  <a:lnTo>
                    <a:pt x="217" y="168"/>
                  </a:lnTo>
                  <a:lnTo>
                    <a:pt x="216" y="168"/>
                  </a:lnTo>
                  <a:cubicBezTo>
                    <a:pt x="215" y="158"/>
                    <a:pt x="214" y="151"/>
                    <a:pt x="213" y="145"/>
                  </a:cubicBezTo>
                  <a:lnTo>
                    <a:pt x="177" y="0"/>
                  </a:lnTo>
                  <a:lnTo>
                    <a:pt x="129" y="0"/>
                  </a:lnTo>
                  <a:lnTo>
                    <a:pt x="89" y="143"/>
                  </a:lnTo>
                  <a:cubicBezTo>
                    <a:pt x="87" y="152"/>
                    <a:pt x="85" y="160"/>
                    <a:pt x="85" y="168"/>
                  </a:cubicBezTo>
                  <a:lnTo>
                    <a:pt x="84" y="168"/>
                  </a:lnTo>
                  <a:cubicBezTo>
                    <a:pt x="83" y="158"/>
                    <a:pt x="82" y="150"/>
                    <a:pt x="81" y="144"/>
                  </a:cubicBezTo>
                  <a:lnTo>
                    <a:pt x="49" y="0"/>
                  </a:lnTo>
                  <a:lnTo>
                    <a:pt x="0" y="0"/>
                  </a:lnTo>
                  <a:lnTo>
                    <a:pt x="56" y="212"/>
                  </a:lnTo>
                  <a:lnTo>
                    <a:pt x="109" y="212"/>
                  </a:lnTo>
                  <a:lnTo>
                    <a:pt x="146" y="74"/>
                  </a:lnTo>
                  <a:cubicBezTo>
                    <a:pt x="147" y="68"/>
                    <a:pt x="149" y="60"/>
                    <a:pt x="150" y="50"/>
                  </a:cubicBezTo>
                  <a:cubicBezTo>
                    <a:pt x="151" y="58"/>
                    <a:pt x="152" y="66"/>
                    <a:pt x="154" y="74"/>
                  </a:cubicBezTo>
                  <a:lnTo>
                    <a:pt x="190" y="212"/>
                  </a:lnTo>
                  <a:lnTo>
                    <a:pt x="240" y="212"/>
                  </a:lnTo>
                  <a:lnTo>
                    <a:pt x="297" y="0"/>
                  </a:lnTo>
                  <a:lnTo>
                    <a:pt x="251" y="0"/>
                  </a:lnTo>
                  <a:lnTo>
                    <a:pt x="220" y="144"/>
                  </a:lnTo>
                  <a:cubicBezTo>
                    <a:pt x="218" y="152"/>
                    <a:pt x="217" y="160"/>
                    <a:pt x="217" y="1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17" name="Freeform 30">
              <a:extLst>
                <a:ext uri="{FF2B5EF4-FFF2-40B4-BE49-F238E27FC236}">
                  <a16:creationId xmlns:a16="http://schemas.microsoft.com/office/drawing/2014/main" xmlns="" id="{2AB0AEA1-4BBD-4A76-8F70-44DB48B53C7B}"/>
                </a:ext>
              </a:extLst>
            </p:cNvPr>
            <p:cNvSpPr>
              <a:spLocks/>
            </p:cNvSpPr>
            <p:nvPr/>
          </p:nvSpPr>
          <p:spPr bwMode="auto">
            <a:xfrm>
              <a:off x="23352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18" name="Freeform 31">
              <a:extLst>
                <a:ext uri="{FF2B5EF4-FFF2-40B4-BE49-F238E27FC236}">
                  <a16:creationId xmlns:a16="http://schemas.microsoft.com/office/drawing/2014/main" xmlns="" id="{9BF61525-9B11-49D0-A4EB-07D2A0DE7AEC}"/>
                </a:ext>
              </a:extLst>
            </p:cNvPr>
            <p:cNvSpPr>
              <a:spLocks/>
            </p:cNvSpPr>
            <p:nvPr/>
          </p:nvSpPr>
          <p:spPr bwMode="auto">
            <a:xfrm>
              <a:off x="23336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4" y="7"/>
                  </a:moveTo>
                  <a:lnTo>
                    <a:pt x="44" y="7"/>
                  </a:lnTo>
                  <a:cubicBezTo>
                    <a:pt x="40" y="3"/>
                    <a:pt x="33" y="0"/>
                    <a:pt x="26" y="0"/>
                  </a:cubicBezTo>
                  <a:cubicBezTo>
                    <a:pt x="18" y="0"/>
                    <a:pt x="12" y="3"/>
                    <a:pt x="7" y="7"/>
                  </a:cubicBezTo>
                  <a:cubicBezTo>
                    <a:pt x="2" y="11"/>
                    <a:pt x="0" y="17"/>
                    <a:pt x="0" y="23"/>
                  </a:cubicBezTo>
                  <a:cubicBezTo>
                    <a:pt x="0" y="30"/>
                    <a:pt x="2" y="36"/>
                    <a:pt x="7" y="40"/>
                  </a:cubicBezTo>
                  <a:cubicBezTo>
                    <a:pt x="12" y="45"/>
                    <a:pt x="18" y="47"/>
                    <a:pt x="26" y="47"/>
                  </a:cubicBezTo>
                  <a:cubicBezTo>
                    <a:pt x="33" y="47"/>
                    <a:pt x="39" y="45"/>
                    <a:pt x="44" y="40"/>
                  </a:cubicBezTo>
                  <a:cubicBezTo>
                    <a:pt x="49" y="36"/>
                    <a:pt x="52" y="30"/>
                    <a:pt x="52" y="23"/>
                  </a:cubicBezTo>
                  <a:cubicBezTo>
                    <a:pt x="52" y="17"/>
                    <a:pt x="49" y="11"/>
                    <a:pt x="44"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19" name="Freeform 32">
              <a:extLst>
                <a:ext uri="{FF2B5EF4-FFF2-40B4-BE49-F238E27FC236}">
                  <a16:creationId xmlns:a16="http://schemas.microsoft.com/office/drawing/2014/main" xmlns="" id="{53437710-50BF-4601-97A8-FB3D2A026FC7}"/>
                </a:ext>
              </a:extLst>
            </p:cNvPr>
            <p:cNvSpPr>
              <a:spLocks/>
            </p:cNvSpPr>
            <p:nvPr/>
          </p:nvSpPr>
          <p:spPr bwMode="auto">
            <a:xfrm>
              <a:off x="2370138" y="2711451"/>
              <a:ext cx="34925" cy="14288"/>
            </a:xfrm>
            <a:custGeom>
              <a:avLst/>
              <a:gdLst>
                <a:gd name="T0" fmla="*/ 2147483646 w 81"/>
                <a:gd name="T1" fmla="*/ 0 h 32"/>
                <a:gd name="T2" fmla="*/ 2147483646 w 81"/>
                <a:gd name="T3" fmla="*/ 0 h 32"/>
                <a:gd name="T4" fmla="*/ 0 w 81"/>
                <a:gd name="T5" fmla="*/ 0 h 32"/>
                <a:gd name="T6" fmla="*/ 0 w 81"/>
                <a:gd name="T7" fmla="*/ 2147483646 h 32"/>
                <a:gd name="T8" fmla="*/ 2147483646 w 81"/>
                <a:gd name="T9" fmla="*/ 2147483646 h 32"/>
                <a:gd name="T10" fmla="*/ 2147483646 w 81"/>
                <a:gd name="T11" fmla="*/ 0 h 32"/>
                <a:gd name="T12" fmla="*/ 0 60000 65536"/>
                <a:gd name="T13" fmla="*/ 0 60000 65536"/>
                <a:gd name="T14" fmla="*/ 0 60000 65536"/>
                <a:gd name="T15" fmla="*/ 0 60000 65536"/>
                <a:gd name="T16" fmla="*/ 0 60000 65536"/>
                <a:gd name="T17" fmla="*/ 0 60000 65536"/>
                <a:gd name="T18" fmla="*/ 0 w 81"/>
                <a:gd name="T19" fmla="*/ 0 h 32"/>
                <a:gd name="T20" fmla="*/ 81 w 81"/>
                <a:gd name="T21" fmla="*/ 32 h 32"/>
              </a:gdLst>
              <a:ahLst/>
              <a:cxnLst>
                <a:cxn ang="T12">
                  <a:pos x="T0" y="T1"/>
                </a:cxn>
                <a:cxn ang="T13">
                  <a:pos x="T2" y="T3"/>
                </a:cxn>
                <a:cxn ang="T14">
                  <a:pos x="T4" y="T5"/>
                </a:cxn>
                <a:cxn ang="T15">
                  <a:pos x="T6" y="T7"/>
                </a:cxn>
                <a:cxn ang="T16">
                  <a:pos x="T8" y="T9"/>
                </a:cxn>
                <a:cxn ang="T17">
                  <a:pos x="T10" y="T11"/>
                </a:cxn>
              </a:cxnLst>
              <a:rect l="T18" t="T19" r="T20" b="T21"/>
              <a:pathLst>
                <a:path w="81" h="32">
                  <a:moveTo>
                    <a:pt x="81" y="0"/>
                  </a:moveTo>
                  <a:lnTo>
                    <a:pt x="81" y="0"/>
                  </a:lnTo>
                  <a:lnTo>
                    <a:pt x="0" y="0"/>
                  </a:lnTo>
                  <a:lnTo>
                    <a:pt x="0" y="32"/>
                  </a:lnTo>
                  <a:lnTo>
                    <a:pt x="81" y="32"/>
                  </a:lnTo>
                  <a:lnTo>
                    <a:pt x="8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20" name="Freeform 33">
              <a:extLst>
                <a:ext uri="{FF2B5EF4-FFF2-40B4-BE49-F238E27FC236}">
                  <a16:creationId xmlns:a16="http://schemas.microsoft.com/office/drawing/2014/main" xmlns="" id="{78FB2513-B253-4FAA-8C88-C85B0843248B}"/>
                </a:ext>
              </a:extLst>
            </p:cNvPr>
            <p:cNvSpPr>
              <a:spLocks/>
            </p:cNvSpPr>
            <p:nvPr/>
          </p:nvSpPr>
          <p:spPr bwMode="auto">
            <a:xfrm>
              <a:off x="2424113" y="2663826"/>
              <a:ext cx="50800" cy="88900"/>
            </a:xfrm>
            <a:custGeom>
              <a:avLst/>
              <a:gdLst>
                <a:gd name="T0" fmla="*/ 2147483646 w 122"/>
                <a:gd name="T1" fmla="*/ 2147483646 h 212"/>
                <a:gd name="T2" fmla="*/ 2147483646 w 122"/>
                <a:gd name="T3" fmla="*/ 2147483646 h 212"/>
                <a:gd name="T4" fmla="*/ 2147483646 w 122"/>
                <a:gd name="T5" fmla="*/ 2147483646 h 212"/>
                <a:gd name="T6" fmla="*/ 2147483646 w 122"/>
                <a:gd name="T7" fmla="*/ 2147483646 h 212"/>
                <a:gd name="T8" fmla="*/ 2147483646 w 122"/>
                <a:gd name="T9" fmla="*/ 2147483646 h 212"/>
                <a:gd name="T10" fmla="*/ 2147483646 w 122"/>
                <a:gd name="T11" fmla="*/ 0 h 212"/>
                <a:gd name="T12" fmla="*/ 0 w 122"/>
                <a:gd name="T13" fmla="*/ 0 h 212"/>
                <a:gd name="T14" fmla="*/ 0 w 122"/>
                <a:gd name="T15" fmla="*/ 2147483646 h 212"/>
                <a:gd name="T16" fmla="*/ 2147483646 w 122"/>
                <a:gd name="T17" fmla="*/ 2147483646 h 212"/>
                <a:gd name="T18" fmla="*/ 2147483646 w 122"/>
                <a:gd name="T19" fmla="*/ 2147483646 h 212"/>
                <a:gd name="T20" fmla="*/ 2147483646 w 122"/>
                <a:gd name="T21" fmla="*/ 2147483646 h 212"/>
                <a:gd name="T22" fmla="*/ 2147483646 w 122"/>
                <a:gd name="T23" fmla="*/ 2147483646 h 21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22"/>
                <a:gd name="T37" fmla="*/ 0 h 212"/>
                <a:gd name="T38" fmla="*/ 122 w 122"/>
                <a:gd name="T39" fmla="*/ 212 h 21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22" h="212">
                  <a:moveTo>
                    <a:pt x="116" y="91"/>
                  </a:moveTo>
                  <a:lnTo>
                    <a:pt x="116" y="91"/>
                  </a:lnTo>
                  <a:lnTo>
                    <a:pt x="46" y="91"/>
                  </a:lnTo>
                  <a:lnTo>
                    <a:pt x="46" y="37"/>
                  </a:lnTo>
                  <a:lnTo>
                    <a:pt x="122" y="37"/>
                  </a:lnTo>
                  <a:lnTo>
                    <a:pt x="122" y="0"/>
                  </a:lnTo>
                  <a:lnTo>
                    <a:pt x="0" y="0"/>
                  </a:lnTo>
                  <a:lnTo>
                    <a:pt x="0" y="212"/>
                  </a:lnTo>
                  <a:lnTo>
                    <a:pt x="46" y="212"/>
                  </a:lnTo>
                  <a:lnTo>
                    <a:pt x="46" y="128"/>
                  </a:lnTo>
                  <a:lnTo>
                    <a:pt x="116" y="128"/>
                  </a:lnTo>
                  <a:lnTo>
                    <a:pt x="116" y="9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21" name="Freeform 34">
              <a:extLst>
                <a:ext uri="{FF2B5EF4-FFF2-40B4-BE49-F238E27FC236}">
                  <a16:creationId xmlns:a16="http://schemas.microsoft.com/office/drawing/2014/main" xmlns="" id="{7E8C3FB8-7637-46D3-BD8B-56DE4608C119}"/>
                </a:ext>
              </a:extLst>
            </p:cNvPr>
            <p:cNvSpPr>
              <a:spLocks/>
            </p:cNvSpPr>
            <p:nvPr/>
          </p:nvSpPr>
          <p:spPr bwMode="auto">
            <a:xfrm>
              <a:off x="24860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5" y="7"/>
                  </a:moveTo>
                  <a:lnTo>
                    <a:pt x="45" y="7"/>
                  </a:lnTo>
                  <a:cubicBezTo>
                    <a:pt x="40" y="3"/>
                    <a:pt x="34" y="0"/>
                    <a:pt x="26" y="0"/>
                  </a:cubicBezTo>
                  <a:cubicBezTo>
                    <a:pt x="18" y="0"/>
                    <a:pt x="12" y="3"/>
                    <a:pt x="7" y="7"/>
                  </a:cubicBezTo>
                  <a:cubicBezTo>
                    <a:pt x="3" y="11"/>
                    <a:pt x="0" y="17"/>
                    <a:pt x="0" y="23"/>
                  </a:cubicBezTo>
                  <a:cubicBezTo>
                    <a:pt x="0" y="30"/>
                    <a:pt x="3" y="36"/>
                    <a:pt x="7" y="40"/>
                  </a:cubicBezTo>
                  <a:cubicBezTo>
                    <a:pt x="12" y="45"/>
                    <a:pt x="18" y="47"/>
                    <a:pt x="26" y="47"/>
                  </a:cubicBezTo>
                  <a:cubicBezTo>
                    <a:pt x="33" y="47"/>
                    <a:pt x="40" y="45"/>
                    <a:pt x="44" y="40"/>
                  </a:cubicBezTo>
                  <a:cubicBezTo>
                    <a:pt x="49" y="36"/>
                    <a:pt x="52" y="30"/>
                    <a:pt x="52" y="23"/>
                  </a:cubicBezTo>
                  <a:cubicBezTo>
                    <a:pt x="52" y="17"/>
                    <a:pt x="49" y="11"/>
                    <a:pt x="45"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22" name="Freeform 35">
              <a:extLst>
                <a:ext uri="{FF2B5EF4-FFF2-40B4-BE49-F238E27FC236}">
                  <a16:creationId xmlns:a16="http://schemas.microsoft.com/office/drawing/2014/main" xmlns="" id="{5EFD8502-831A-449A-B4ED-EA8171BEBEB2}"/>
                </a:ext>
              </a:extLst>
            </p:cNvPr>
            <p:cNvSpPr>
              <a:spLocks/>
            </p:cNvSpPr>
            <p:nvPr/>
          </p:nvSpPr>
          <p:spPr bwMode="auto">
            <a:xfrm>
              <a:off x="24876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23" name="Freeform 36">
              <a:extLst>
                <a:ext uri="{FF2B5EF4-FFF2-40B4-BE49-F238E27FC236}">
                  <a16:creationId xmlns:a16="http://schemas.microsoft.com/office/drawing/2014/main" xmlns="" id="{E6F65FBC-2AFD-4A78-8AE1-3581786A674D}"/>
                </a:ext>
              </a:extLst>
            </p:cNvPr>
            <p:cNvSpPr>
              <a:spLocks/>
            </p:cNvSpPr>
            <p:nvPr/>
          </p:nvSpPr>
          <p:spPr bwMode="auto">
            <a:xfrm>
              <a:off x="2273300" y="2508251"/>
              <a:ext cx="163513" cy="52388"/>
            </a:xfrm>
            <a:custGeom>
              <a:avLst/>
              <a:gdLst>
                <a:gd name="T0" fmla="*/ 2147483646 w 390"/>
                <a:gd name="T1" fmla="*/ 2147483646 h 127"/>
                <a:gd name="T2" fmla="*/ 2147483646 w 390"/>
                <a:gd name="T3" fmla="*/ 2147483646 h 127"/>
                <a:gd name="T4" fmla="*/ 2147483646 w 390"/>
                <a:gd name="T5" fmla="*/ 2147483646 h 127"/>
                <a:gd name="T6" fmla="*/ 2147483646 w 390"/>
                <a:gd name="T7" fmla="*/ 2147483646 h 127"/>
                <a:gd name="T8" fmla="*/ 2147483646 w 390"/>
                <a:gd name="T9" fmla="*/ 2147483646 h 127"/>
                <a:gd name="T10" fmla="*/ 2147483646 w 390"/>
                <a:gd name="T11" fmla="*/ 2147483646 h 127"/>
                <a:gd name="T12" fmla="*/ 2147483646 w 390"/>
                <a:gd name="T13" fmla="*/ 2147483646 h 127"/>
                <a:gd name="T14" fmla="*/ 2147483646 w 390"/>
                <a:gd name="T15" fmla="*/ 2147483646 h 127"/>
                <a:gd name="T16" fmla="*/ 2147483646 w 390"/>
                <a:gd name="T17" fmla="*/ 2147483646 h 127"/>
                <a:gd name="T18" fmla="*/ 2147483646 w 390"/>
                <a:gd name="T19" fmla="*/ 2147483646 h 127"/>
                <a:gd name="T20" fmla="*/ 2147483646 w 390"/>
                <a:gd name="T21" fmla="*/ 0 h 127"/>
                <a:gd name="T22" fmla="*/ 2147483646 w 390"/>
                <a:gd name="T23" fmla="*/ 2147483646 h 12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90"/>
                <a:gd name="T37" fmla="*/ 0 h 127"/>
                <a:gd name="T38" fmla="*/ 390 w 390"/>
                <a:gd name="T39" fmla="*/ 127 h 12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90" h="127">
                  <a:moveTo>
                    <a:pt x="14" y="66"/>
                  </a:moveTo>
                  <a:lnTo>
                    <a:pt x="14" y="66"/>
                  </a:lnTo>
                  <a:cubicBezTo>
                    <a:pt x="1" y="78"/>
                    <a:pt x="0" y="99"/>
                    <a:pt x="12" y="113"/>
                  </a:cubicBezTo>
                  <a:cubicBezTo>
                    <a:pt x="18" y="121"/>
                    <a:pt x="27" y="124"/>
                    <a:pt x="37" y="124"/>
                  </a:cubicBezTo>
                  <a:cubicBezTo>
                    <a:pt x="45" y="124"/>
                    <a:pt x="52" y="122"/>
                    <a:pt x="59" y="116"/>
                  </a:cubicBezTo>
                  <a:cubicBezTo>
                    <a:pt x="93" y="85"/>
                    <a:pt x="143" y="67"/>
                    <a:pt x="195" y="67"/>
                  </a:cubicBezTo>
                  <a:cubicBezTo>
                    <a:pt x="247" y="67"/>
                    <a:pt x="296" y="85"/>
                    <a:pt x="331" y="115"/>
                  </a:cubicBezTo>
                  <a:cubicBezTo>
                    <a:pt x="344" y="127"/>
                    <a:pt x="365" y="126"/>
                    <a:pt x="378" y="112"/>
                  </a:cubicBezTo>
                  <a:cubicBezTo>
                    <a:pt x="390" y="98"/>
                    <a:pt x="388" y="77"/>
                    <a:pt x="375" y="65"/>
                  </a:cubicBezTo>
                  <a:cubicBezTo>
                    <a:pt x="327" y="23"/>
                    <a:pt x="264" y="0"/>
                    <a:pt x="194" y="0"/>
                  </a:cubicBezTo>
                  <a:cubicBezTo>
                    <a:pt x="126" y="1"/>
                    <a:pt x="62" y="24"/>
                    <a:pt x="14"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24" name="Freeform 37">
              <a:extLst>
                <a:ext uri="{FF2B5EF4-FFF2-40B4-BE49-F238E27FC236}">
                  <a16:creationId xmlns:a16="http://schemas.microsoft.com/office/drawing/2014/main" xmlns="" id="{2969D45E-BB07-49FA-8054-CFD139016EA8}"/>
                </a:ext>
              </a:extLst>
            </p:cNvPr>
            <p:cNvSpPr>
              <a:spLocks/>
            </p:cNvSpPr>
            <p:nvPr/>
          </p:nvSpPr>
          <p:spPr bwMode="auto">
            <a:xfrm>
              <a:off x="2217738" y="2427288"/>
              <a:ext cx="274638" cy="79375"/>
            </a:xfrm>
            <a:custGeom>
              <a:avLst/>
              <a:gdLst>
                <a:gd name="T0" fmla="*/ 2147483646 w 657"/>
                <a:gd name="T1" fmla="*/ 2147483646 h 189"/>
                <a:gd name="T2" fmla="*/ 2147483646 w 657"/>
                <a:gd name="T3" fmla="*/ 2147483646 h 189"/>
                <a:gd name="T4" fmla="*/ 2147483646 w 657"/>
                <a:gd name="T5" fmla="*/ 2147483646 h 189"/>
                <a:gd name="T6" fmla="*/ 2147483646 w 657"/>
                <a:gd name="T7" fmla="*/ 0 h 189"/>
                <a:gd name="T8" fmla="*/ 2147483646 w 657"/>
                <a:gd name="T9" fmla="*/ 2147483646 h 189"/>
                <a:gd name="T10" fmla="*/ 2147483646 w 657"/>
                <a:gd name="T11" fmla="*/ 2147483646 h 189"/>
                <a:gd name="T12" fmla="*/ 2147483646 w 657"/>
                <a:gd name="T13" fmla="*/ 2147483646 h 189"/>
                <a:gd name="T14" fmla="*/ 2147483646 w 657"/>
                <a:gd name="T15" fmla="*/ 2147483646 h 189"/>
                <a:gd name="T16" fmla="*/ 2147483646 w 657"/>
                <a:gd name="T17" fmla="*/ 2147483646 h 189"/>
                <a:gd name="T18" fmla="*/ 2147483646 w 657"/>
                <a:gd name="T19" fmla="*/ 2147483646 h 189"/>
                <a:gd name="T20" fmla="*/ 2147483646 w 657"/>
                <a:gd name="T21" fmla="*/ 2147483646 h 189"/>
                <a:gd name="T22" fmla="*/ 2147483646 w 657"/>
                <a:gd name="T23" fmla="*/ 2147483646 h 18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657"/>
                <a:gd name="T37" fmla="*/ 0 h 189"/>
                <a:gd name="T38" fmla="*/ 657 w 657"/>
                <a:gd name="T39" fmla="*/ 189 h 18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657" h="189">
                  <a:moveTo>
                    <a:pt x="644" y="176"/>
                  </a:moveTo>
                  <a:lnTo>
                    <a:pt x="644" y="176"/>
                  </a:lnTo>
                  <a:cubicBezTo>
                    <a:pt x="657" y="163"/>
                    <a:pt x="657" y="142"/>
                    <a:pt x="644" y="129"/>
                  </a:cubicBezTo>
                  <a:cubicBezTo>
                    <a:pt x="563" y="47"/>
                    <a:pt x="447" y="0"/>
                    <a:pt x="328" y="0"/>
                  </a:cubicBezTo>
                  <a:cubicBezTo>
                    <a:pt x="209" y="1"/>
                    <a:pt x="94" y="48"/>
                    <a:pt x="13" y="131"/>
                  </a:cubicBezTo>
                  <a:cubicBezTo>
                    <a:pt x="0" y="144"/>
                    <a:pt x="0" y="165"/>
                    <a:pt x="13" y="178"/>
                  </a:cubicBezTo>
                  <a:cubicBezTo>
                    <a:pt x="20" y="184"/>
                    <a:pt x="28" y="188"/>
                    <a:pt x="37" y="188"/>
                  </a:cubicBezTo>
                  <a:cubicBezTo>
                    <a:pt x="45" y="188"/>
                    <a:pt x="54" y="184"/>
                    <a:pt x="60" y="178"/>
                  </a:cubicBezTo>
                  <a:cubicBezTo>
                    <a:pt x="129" y="108"/>
                    <a:pt x="227" y="67"/>
                    <a:pt x="328" y="67"/>
                  </a:cubicBezTo>
                  <a:lnTo>
                    <a:pt x="330" y="67"/>
                  </a:lnTo>
                  <a:cubicBezTo>
                    <a:pt x="431" y="67"/>
                    <a:pt x="528" y="107"/>
                    <a:pt x="597" y="176"/>
                  </a:cubicBezTo>
                  <a:cubicBezTo>
                    <a:pt x="610" y="189"/>
                    <a:pt x="631" y="189"/>
                    <a:pt x="644" y="17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25" name="Freeform 38">
              <a:extLst>
                <a:ext uri="{FF2B5EF4-FFF2-40B4-BE49-F238E27FC236}">
                  <a16:creationId xmlns:a16="http://schemas.microsoft.com/office/drawing/2014/main" xmlns="" id="{581201AF-6174-4F2B-99EA-CBD0F2490D13}"/>
                </a:ext>
              </a:extLst>
            </p:cNvPr>
            <p:cNvSpPr>
              <a:spLocks/>
            </p:cNvSpPr>
            <p:nvPr/>
          </p:nvSpPr>
          <p:spPr bwMode="auto">
            <a:xfrm>
              <a:off x="2159000" y="2339976"/>
              <a:ext cx="400050" cy="100013"/>
            </a:xfrm>
            <a:custGeom>
              <a:avLst/>
              <a:gdLst>
                <a:gd name="T0" fmla="*/ 2147483646 w 952"/>
                <a:gd name="T1" fmla="*/ 2147483646 h 237"/>
                <a:gd name="T2" fmla="*/ 2147483646 w 952"/>
                <a:gd name="T3" fmla="*/ 2147483646 h 237"/>
                <a:gd name="T4" fmla="*/ 2147483646 w 952"/>
                <a:gd name="T5" fmla="*/ 2147483646 h 237"/>
                <a:gd name="T6" fmla="*/ 2147483646 w 952"/>
                <a:gd name="T7" fmla="*/ 2147483646 h 237"/>
                <a:gd name="T8" fmla="*/ 2147483646 w 952"/>
                <a:gd name="T9" fmla="*/ 2147483646 h 237"/>
                <a:gd name="T10" fmla="*/ 2147483646 w 952"/>
                <a:gd name="T11" fmla="*/ 2147483646 h 237"/>
                <a:gd name="T12" fmla="*/ 2147483646 w 952"/>
                <a:gd name="T13" fmla="*/ 2147483646 h 237"/>
                <a:gd name="T14" fmla="*/ 2147483646 w 952"/>
                <a:gd name="T15" fmla="*/ 2147483646 h 237"/>
                <a:gd name="T16" fmla="*/ 2147483646 w 952"/>
                <a:gd name="T17" fmla="*/ 2147483646 h 237"/>
                <a:gd name="T18" fmla="*/ 2147483646 w 952"/>
                <a:gd name="T19" fmla="*/ 2147483646 h 237"/>
                <a:gd name="T20" fmla="*/ 2147483646 w 952"/>
                <a:gd name="T21" fmla="*/ 2147483646 h 237"/>
                <a:gd name="T22" fmla="*/ 2147483646 w 952"/>
                <a:gd name="T23" fmla="*/ 2147483646 h 23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2"/>
                <a:gd name="T37" fmla="*/ 0 h 237"/>
                <a:gd name="T38" fmla="*/ 952 w 952"/>
                <a:gd name="T39" fmla="*/ 237 h 23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2" h="237">
                  <a:moveTo>
                    <a:pt x="59" y="216"/>
                  </a:moveTo>
                  <a:lnTo>
                    <a:pt x="59" y="216"/>
                  </a:lnTo>
                  <a:cubicBezTo>
                    <a:pt x="171" y="121"/>
                    <a:pt x="316" y="68"/>
                    <a:pt x="466" y="68"/>
                  </a:cubicBezTo>
                  <a:lnTo>
                    <a:pt x="468" y="68"/>
                  </a:lnTo>
                  <a:cubicBezTo>
                    <a:pt x="627" y="68"/>
                    <a:pt x="778" y="125"/>
                    <a:pt x="892" y="229"/>
                  </a:cubicBezTo>
                  <a:cubicBezTo>
                    <a:pt x="898" y="234"/>
                    <a:pt x="906" y="237"/>
                    <a:pt x="914" y="237"/>
                  </a:cubicBezTo>
                  <a:cubicBezTo>
                    <a:pt x="924" y="237"/>
                    <a:pt x="933" y="234"/>
                    <a:pt x="939" y="226"/>
                  </a:cubicBezTo>
                  <a:cubicBezTo>
                    <a:pt x="952" y="213"/>
                    <a:pt x="951" y="192"/>
                    <a:pt x="937" y="179"/>
                  </a:cubicBezTo>
                  <a:cubicBezTo>
                    <a:pt x="810" y="64"/>
                    <a:pt x="642" y="0"/>
                    <a:pt x="466" y="1"/>
                  </a:cubicBezTo>
                  <a:cubicBezTo>
                    <a:pt x="300" y="2"/>
                    <a:pt x="140" y="60"/>
                    <a:pt x="16" y="165"/>
                  </a:cubicBezTo>
                  <a:cubicBezTo>
                    <a:pt x="2" y="177"/>
                    <a:pt x="0" y="198"/>
                    <a:pt x="12" y="212"/>
                  </a:cubicBezTo>
                  <a:cubicBezTo>
                    <a:pt x="24" y="226"/>
                    <a:pt x="45" y="228"/>
                    <a:pt x="59" y="21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grpSp>
      <p:grpSp>
        <p:nvGrpSpPr>
          <p:cNvPr id="126" name="组合 38963">
            <a:extLst>
              <a:ext uri="{FF2B5EF4-FFF2-40B4-BE49-F238E27FC236}">
                <a16:creationId xmlns:a16="http://schemas.microsoft.com/office/drawing/2014/main" xmlns="" id="{EEFEBCC9-96DD-479F-A743-FF81447F7FA2}"/>
              </a:ext>
            </a:extLst>
          </p:cNvPr>
          <p:cNvGrpSpPr>
            <a:grpSpLocks/>
          </p:cNvGrpSpPr>
          <p:nvPr/>
        </p:nvGrpSpPr>
        <p:grpSpPr bwMode="auto">
          <a:xfrm>
            <a:off x="9468453" y="4197946"/>
            <a:ext cx="495244" cy="420714"/>
            <a:chOff x="4276725" y="1779588"/>
            <a:chExt cx="587376" cy="487363"/>
          </a:xfrm>
        </p:grpSpPr>
        <p:sp>
          <p:nvSpPr>
            <p:cNvPr id="127" name="Freeform 47">
              <a:extLst>
                <a:ext uri="{FF2B5EF4-FFF2-40B4-BE49-F238E27FC236}">
                  <a16:creationId xmlns:a16="http://schemas.microsoft.com/office/drawing/2014/main" xmlns="" id="{374C353D-79C3-41F0-9D7D-78DFA574BEA8}"/>
                </a:ext>
              </a:extLst>
            </p:cNvPr>
            <p:cNvSpPr>
              <a:spLocks noEditPoints="1"/>
            </p:cNvSpPr>
            <p:nvPr/>
          </p:nvSpPr>
          <p:spPr bwMode="auto">
            <a:xfrm>
              <a:off x="4276725" y="1779588"/>
              <a:ext cx="142875" cy="477838"/>
            </a:xfrm>
            <a:custGeom>
              <a:avLst/>
              <a:gdLst>
                <a:gd name="T0" fmla="*/ 2147483646 w 340"/>
                <a:gd name="T1" fmla="*/ 2147483646 h 1135"/>
                <a:gd name="T2" fmla="*/ 2147483646 w 340"/>
                <a:gd name="T3" fmla="*/ 2147483646 h 1135"/>
                <a:gd name="T4" fmla="*/ 2147483646 w 340"/>
                <a:gd name="T5" fmla="*/ 2147483646 h 1135"/>
                <a:gd name="T6" fmla="*/ 2147483646 w 340"/>
                <a:gd name="T7" fmla="*/ 2147483646 h 1135"/>
                <a:gd name="T8" fmla="*/ 2147483646 w 340"/>
                <a:gd name="T9" fmla="*/ 2147483646 h 1135"/>
                <a:gd name="T10" fmla="*/ 2147483646 w 340"/>
                <a:gd name="T11" fmla="*/ 2147483646 h 1135"/>
                <a:gd name="T12" fmla="*/ 2147483646 w 340"/>
                <a:gd name="T13" fmla="*/ 2147483646 h 1135"/>
                <a:gd name="T14" fmla="*/ 2147483646 w 340"/>
                <a:gd name="T15" fmla="*/ 2147483646 h 1135"/>
                <a:gd name="T16" fmla="*/ 2147483646 w 340"/>
                <a:gd name="T17" fmla="*/ 2147483646 h 1135"/>
                <a:gd name="T18" fmla="*/ 2147483646 w 340"/>
                <a:gd name="T19" fmla="*/ 2147483646 h 1135"/>
                <a:gd name="T20" fmla="*/ 2147483646 w 340"/>
                <a:gd name="T21" fmla="*/ 2147483646 h 1135"/>
                <a:gd name="T22" fmla="*/ 2147483646 w 340"/>
                <a:gd name="T23" fmla="*/ 2147483646 h 1135"/>
                <a:gd name="T24" fmla="*/ 2147483646 w 340"/>
                <a:gd name="T25" fmla="*/ 0 h 1135"/>
                <a:gd name="T26" fmla="*/ 2147483646 w 340"/>
                <a:gd name="T27" fmla="*/ 0 h 1135"/>
                <a:gd name="T28" fmla="*/ 2147483646 w 340"/>
                <a:gd name="T29" fmla="*/ 0 h 1135"/>
                <a:gd name="T30" fmla="*/ 0 w 340"/>
                <a:gd name="T31" fmla="*/ 2147483646 h 1135"/>
                <a:gd name="T32" fmla="*/ 0 w 340"/>
                <a:gd name="T33" fmla="*/ 2147483646 h 1135"/>
                <a:gd name="T34" fmla="*/ 2147483646 w 340"/>
                <a:gd name="T35" fmla="*/ 2147483646 h 1135"/>
                <a:gd name="T36" fmla="*/ 2147483646 w 340"/>
                <a:gd name="T37" fmla="*/ 2147483646 h 1135"/>
                <a:gd name="T38" fmla="*/ 2147483646 w 340"/>
                <a:gd name="T39" fmla="*/ 2147483646 h 1135"/>
                <a:gd name="T40" fmla="*/ 2147483646 w 340"/>
                <a:gd name="T41" fmla="*/ 2147483646 h 1135"/>
                <a:gd name="T42" fmla="*/ 0 w 340"/>
                <a:gd name="T43" fmla="*/ 2147483646 h 1135"/>
                <a:gd name="T44" fmla="*/ 0 w 340"/>
                <a:gd name="T45" fmla="*/ 2147483646 h 1135"/>
                <a:gd name="T46" fmla="*/ 2147483646 w 340"/>
                <a:gd name="T47" fmla="*/ 2147483646 h 1135"/>
                <a:gd name="T48" fmla="*/ 2147483646 w 340"/>
                <a:gd name="T49" fmla="*/ 2147483646 h 1135"/>
                <a:gd name="T50" fmla="*/ 2147483646 w 340"/>
                <a:gd name="T51" fmla="*/ 2147483646 h 1135"/>
                <a:gd name="T52" fmla="*/ 2147483646 w 340"/>
                <a:gd name="T53" fmla="*/ 2147483646 h 1135"/>
                <a:gd name="T54" fmla="*/ 2147483646 w 340"/>
                <a:gd name="T55" fmla="*/ 0 h 1135"/>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0" t="0" r="r" b="b"/>
              <a:pathLst>
                <a:path w="340" h="1135">
                  <a:moveTo>
                    <a:pt x="273" y="1068"/>
                  </a:moveTo>
                  <a:lnTo>
                    <a:pt x="273" y="1068"/>
                  </a:lnTo>
                  <a:lnTo>
                    <a:pt x="67" y="1068"/>
                  </a:lnTo>
                  <a:lnTo>
                    <a:pt x="67" y="984"/>
                  </a:lnTo>
                  <a:lnTo>
                    <a:pt x="98" y="928"/>
                  </a:lnTo>
                  <a:cubicBezTo>
                    <a:pt x="100" y="923"/>
                    <a:pt x="102" y="918"/>
                    <a:pt x="102" y="912"/>
                  </a:cubicBezTo>
                  <a:lnTo>
                    <a:pt x="102" y="252"/>
                  </a:lnTo>
                  <a:cubicBezTo>
                    <a:pt x="102" y="247"/>
                    <a:pt x="101" y="242"/>
                    <a:pt x="99" y="238"/>
                  </a:cubicBezTo>
                  <a:lnTo>
                    <a:pt x="67" y="167"/>
                  </a:lnTo>
                  <a:lnTo>
                    <a:pt x="67" y="66"/>
                  </a:lnTo>
                  <a:lnTo>
                    <a:pt x="273" y="66"/>
                  </a:lnTo>
                  <a:lnTo>
                    <a:pt x="273" y="1068"/>
                  </a:lnTo>
                  <a:close/>
                  <a:moveTo>
                    <a:pt x="306" y="0"/>
                  </a:moveTo>
                  <a:lnTo>
                    <a:pt x="306" y="0"/>
                  </a:lnTo>
                  <a:lnTo>
                    <a:pt x="34" y="0"/>
                  </a:lnTo>
                  <a:cubicBezTo>
                    <a:pt x="15" y="0"/>
                    <a:pt x="0" y="15"/>
                    <a:pt x="0" y="33"/>
                  </a:cubicBezTo>
                  <a:lnTo>
                    <a:pt x="0" y="174"/>
                  </a:lnTo>
                  <a:cubicBezTo>
                    <a:pt x="0" y="178"/>
                    <a:pt x="1" y="183"/>
                    <a:pt x="3" y="187"/>
                  </a:cubicBezTo>
                  <a:lnTo>
                    <a:pt x="35" y="259"/>
                  </a:lnTo>
                  <a:lnTo>
                    <a:pt x="35" y="903"/>
                  </a:lnTo>
                  <a:lnTo>
                    <a:pt x="4" y="959"/>
                  </a:lnTo>
                  <a:cubicBezTo>
                    <a:pt x="2" y="964"/>
                    <a:pt x="0" y="970"/>
                    <a:pt x="0" y="975"/>
                  </a:cubicBezTo>
                  <a:lnTo>
                    <a:pt x="0" y="1101"/>
                  </a:lnTo>
                  <a:cubicBezTo>
                    <a:pt x="0" y="1120"/>
                    <a:pt x="15" y="1135"/>
                    <a:pt x="34" y="1135"/>
                  </a:cubicBezTo>
                  <a:lnTo>
                    <a:pt x="306" y="1135"/>
                  </a:lnTo>
                  <a:cubicBezTo>
                    <a:pt x="325" y="1135"/>
                    <a:pt x="340" y="1120"/>
                    <a:pt x="340" y="1101"/>
                  </a:cubicBezTo>
                  <a:lnTo>
                    <a:pt x="340" y="33"/>
                  </a:lnTo>
                  <a:cubicBezTo>
                    <a:pt x="340" y="15"/>
                    <a:pt x="325" y="0"/>
                    <a:pt x="306" y="0"/>
                  </a:cubicBez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28" name="Freeform 48">
              <a:extLst>
                <a:ext uri="{FF2B5EF4-FFF2-40B4-BE49-F238E27FC236}">
                  <a16:creationId xmlns:a16="http://schemas.microsoft.com/office/drawing/2014/main" xmlns="" id="{CC353927-86F8-426C-80C2-99A12B2C6725}"/>
                </a:ext>
              </a:extLst>
            </p:cNvPr>
            <p:cNvSpPr>
              <a:spLocks/>
            </p:cNvSpPr>
            <p:nvPr/>
          </p:nvSpPr>
          <p:spPr bwMode="auto">
            <a:xfrm>
              <a:off x="4456113" y="1779588"/>
              <a:ext cx="407988" cy="487363"/>
            </a:xfrm>
            <a:custGeom>
              <a:avLst/>
              <a:gdLst>
                <a:gd name="T0" fmla="*/ 2147483646 w 974"/>
                <a:gd name="T1" fmla="*/ 2147483646 h 1160"/>
                <a:gd name="T2" fmla="*/ 2147483646 w 974"/>
                <a:gd name="T3" fmla="*/ 2147483646 h 1160"/>
                <a:gd name="T4" fmla="*/ 2147483646 w 974"/>
                <a:gd name="T5" fmla="*/ 0 h 1160"/>
                <a:gd name="T6" fmla="*/ 2147483646 w 974"/>
                <a:gd name="T7" fmla="*/ 0 h 1160"/>
                <a:gd name="T8" fmla="*/ 2147483646 w 974"/>
                <a:gd name="T9" fmla="*/ 2147483646 h 1160"/>
                <a:gd name="T10" fmla="*/ 2147483646 w 974"/>
                <a:gd name="T11" fmla="*/ 2147483646 h 1160"/>
                <a:gd name="T12" fmla="*/ 0 w 974"/>
                <a:gd name="T13" fmla="*/ 2147483646 h 1160"/>
                <a:gd name="T14" fmla="*/ 0 w 974"/>
                <a:gd name="T15" fmla="*/ 2147483646 h 1160"/>
                <a:gd name="T16" fmla="*/ 2147483646 w 974"/>
                <a:gd name="T17" fmla="*/ 2147483646 h 1160"/>
                <a:gd name="T18" fmla="*/ 2147483646 w 974"/>
                <a:gd name="T19" fmla="*/ 2147483646 h 1160"/>
                <a:gd name="T20" fmla="*/ 2147483646 w 974"/>
                <a:gd name="T21" fmla="*/ 2147483646 h 1160"/>
                <a:gd name="T22" fmla="*/ 2147483646 w 974"/>
                <a:gd name="T23" fmla="*/ 2147483646 h 1160"/>
                <a:gd name="T24" fmla="*/ 2147483646 w 974"/>
                <a:gd name="T25" fmla="*/ 2147483646 h 1160"/>
                <a:gd name="T26" fmla="*/ 2147483646 w 974"/>
                <a:gd name="T27" fmla="*/ 2147483646 h 1160"/>
                <a:gd name="T28" fmla="*/ 2147483646 w 974"/>
                <a:gd name="T29" fmla="*/ 2147483646 h 1160"/>
                <a:gd name="T30" fmla="*/ 2147483646 w 974"/>
                <a:gd name="T31" fmla="*/ 2147483646 h 1160"/>
                <a:gd name="T32" fmla="*/ 2147483646 w 974"/>
                <a:gd name="T33" fmla="*/ 2147483646 h 1160"/>
                <a:gd name="T34" fmla="*/ 2147483646 w 974"/>
                <a:gd name="T35" fmla="*/ 2147483646 h 1160"/>
                <a:gd name="T36" fmla="*/ 2147483646 w 974"/>
                <a:gd name="T37" fmla="*/ 2147483646 h 1160"/>
                <a:gd name="T38" fmla="*/ 2147483646 w 974"/>
                <a:gd name="T39" fmla="*/ 2147483646 h 1160"/>
                <a:gd name="T40" fmla="*/ 2147483646 w 974"/>
                <a:gd name="T41" fmla="*/ 2147483646 h 1160"/>
                <a:gd name="T42" fmla="*/ 2147483646 w 974"/>
                <a:gd name="T43" fmla="*/ 2147483646 h 1160"/>
                <a:gd name="T44" fmla="*/ 2147483646 w 974"/>
                <a:gd name="T45" fmla="*/ 2147483646 h 1160"/>
                <a:gd name="T46" fmla="*/ 2147483646 w 974"/>
                <a:gd name="T47" fmla="*/ 2147483646 h 1160"/>
                <a:gd name="T48" fmla="*/ 2147483646 w 974"/>
                <a:gd name="T49" fmla="*/ 2147483646 h 1160"/>
                <a:gd name="T50" fmla="*/ 2147483646 w 974"/>
                <a:gd name="T51" fmla="*/ 2147483646 h 1160"/>
                <a:gd name="T52" fmla="*/ 2147483646 w 974"/>
                <a:gd name="T53" fmla="*/ 2147483646 h 1160"/>
                <a:gd name="T54" fmla="*/ 2147483646 w 974"/>
                <a:gd name="T55" fmla="*/ 2147483646 h 1160"/>
                <a:gd name="T56" fmla="*/ 2147483646 w 974"/>
                <a:gd name="T57" fmla="*/ 2147483646 h 1160"/>
                <a:gd name="T58" fmla="*/ 2147483646 w 974"/>
                <a:gd name="T59" fmla="*/ 2147483646 h 1160"/>
                <a:gd name="T60" fmla="*/ 2147483646 w 974"/>
                <a:gd name="T61" fmla="*/ 2147483646 h 1160"/>
                <a:gd name="T62" fmla="*/ 2147483646 w 974"/>
                <a:gd name="T63" fmla="*/ 2147483646 h 1160"/>
                <a:gd name="T64" fmla="*/ 2147483646 w 974"/>
                <a:gd name="T65" fmla="*/ 2147483646 h 1160"/>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0" t="0" r="r" b="b"/>
              <a:pathLst>
                <a:path w="974" h="1160">
                  <a:moveTo>
                    <a:pt x="974" y="94"/>
                  </a:moveTo>
                  <a:lnTo>
                    <a:pt x="974" y="94"/>
                  </a:lnTo>
                  <a:cubicBezTo>
                    <a:pt x="969" y="62"/>
                    <a:pt x="941" y="0"/>
                    <a:pt x="870" y="0"/>
                  </a:cubicBezTo>
                  <a:lnTo>
                    <a:pt x="145" y="0"/>
                  </a:lnTo>
                  <a:cubicBezTo>
                    <a:pt x="113" y="0"/>
                    <a:pt x="66" y="25"/>
                    <a:pt x="66" y="94"/>
                  </a:cubicBezTo>
                  <a:lnTo>
                    <a:pt x="66" y="218"/>
                  </a:lnTo>
                  <a:cubicBezTo>
                    <a:pt x="35" y="235"/>
                    <a:pt x="0" y="267"/>
                    <a:pt x="0" y="314"/>
                  </a:cubicBezTo>
                  <a:lnTo>
                    <a:pt x="0" y="1100"/>
                  </a:lnTo>
                  <a:cubicBezTo>
                    <a:pt x="0" y="1118"/>
                    <a:pt x="15" y="1133"/>
                    <a:pt x="33" y="1133"/>
                  </a:cubicBezTo>
                  <a:lnTo>
                    <a:pt x="518" y="1133"/>
                  </a:lnTo>
                  <a:cubicBezTo>
                    <a:pt x="528" y="1149"/>
                    <a:pt x="547" y="1160"/>
                    <a:pt x="568" y="1160"/>
                  </a:cubicBezTo>
                  <a:cubicBezTo>
                    <a:pt x="600" y="1160"/>
                    <a:pt x="627" y="1134"/>
                    <a:pt x="627" y="1101"/>
                  </a:cubicBezTo>
                  <a:cubicBezTo>
                    <a:pt x="627" y="1069"/>
                    <a:pt x="600" y="1042"/>
                    <a:pt x="568" y="1042"/>
                  </a:cubicBezTo>
                  <a:cubicBezTo>
                    <a:pt x="548" y="1042"/>
                    <a:pt x="531" y="1052"/>
                    <a:pt x="520" y="1067"/>
                  </a:cubicBezTo>
                  <a:lnTo>
                    <a:pt x="66" y="1067"/>
                  </a:lnTo>
                  <a:lnTo>
                    <a:pt x="66" y="314"/>
                  </a:lnTo>
                  <a:cubicBezTo>
                    <a:pt x="66" y="288"/>
                    <a:pt x="110" y="271"/>
                    <a:pt x="110" y="271"/>
                  </a:cubicBezTo>
                  <a:cubicBezTo>
                    <a:pt x="124" y="266"/>
                    <a:pt x="133" y="254"/>
                    <a:pt x="133" y="240"/>
                  </a:cubicBezTo>
                  <a:lnTo>
                    <a:pt x="133" y="94"/>
                  </a:lnTo>
                  <a:cubicBezTo>
                    <a:pt x="133" y="82"/>
                    <a:pt x="135" y="67"/>
                    <a:pt x="145" y="66"/>
                  </a:cubicBezTo>
                  <a:lnTo>
                    <a:pt x="870" y="66"/>
                  </a:lnTo>
                  <a:cubicBezTo>
                    <a:pt x="897" y="66"/>
                    <a:pt x="906" y="93"/>
                    <a:pt x="908" y="103"/>
                  </a:cubicBezTo>
                  <a:lnTo>
                    <a:pt x="908" y="1028"/>
                  </a:lnTo>
                  <a:cubicBezTo>
                    <a:pt x="908" y="1067"/>
                    <a:pt x="888" y="1067"/>
                    <a:pt x="881" y="1067"/>
                  </a:cubicBezTo>
                  <a:lnTo>
                    <a:pt x="796" y="1067"/>
                  </a:lnTo>
                  <a:cubicBezTo>
                    <a:pt x="785" y="1052"/>
                    <a:pt x="768" y="1042"/>
                    <a:pt x="748" y="1042"/>
                  </a:cubicBezTo>
                  <a:cubicBezTo>
                    <a:pt x="716" y="1042"/>
                    <a:pt x="690" y="1069"/>
                    <a:pt x="690" y="1101"/>
                  </a:cubicBezTo>
                  <a:cubicBezTo>
                    <a:pt x="690" y="1134"/>
                    <a:pt x="716" y="1160"/>
                    <a:pt x="748" y="1160"/>
                  </a:cubicBezTo>
                  <a:cubicBezTo>
                    <a:pt x="769" y="1160"/>
                    <a:pt x="787" y="1149"/>
                    <a:pt x="798" y="1133"/>
                  </a:cubicBezTo>
                  <a:lnTo>
                    <a:pt x="881" y="1133"/>
                  </a:lnTo>
                  <a:cubicBezTo>
                    <a:pt x="927" y="1133"/>
                    <a:pt x="974" y="1101"/>
                    <a:pt x="974" y="1028"/>
                  </a:cubicBezTo>
                  <a:lnTo>
                    <a:pt x="974" y="99"/>
                  </a:lnTo>
                  <a:cubicBezTo>
                    <a:pt x="974" y="98"/>
                    <a:pt x="974" y="96"/>
                    <a:pt x="974" y="94"/>
                  </a:cubicBez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29" name="Freeform 49">
              <a:extLst>
                <a:ext uri="{FF2B5EF4-FFF2-40B4-BE49-F238E27FC236}">
                  <a16:creationId xmlns:a16="http://schemas.microsoft.com/office/drawing/2014/main" xmlns="" id="{C0DA718C-F722-497E-A474-7EDEBB26B708}"/>
                </a:ext>
              </a:extLst>
            </p:cNvPr>
            <p:cNvSpPr>
              <a:spLocks noEditPoints="1"/>
            </p:cNvSpPr>
            <p:nvPr/>
          </p:nvSpPr>
          <p:spPr bwMode="auto">
            <a:xfrm>
              <a:off x="4522788" y="1827213"/>
              <a:ext cx="230188" cy="165100"/>
            </a:xfrm>
            <a:custGeom>
              <a:avLst/>
              <a:gdLst>
                <a:gd name="T0" fmla="*/ 2147483646 w 548"/>
                <a:gd name="T1" fmla="*/ 2147483646 h 393"/>
                <a:gd name="T2" fmla="*/ 2147483646 w 548"/>
                <a:gd name="T3" fmla="*/ 2147483646 h 393"/>
                <a:gd name="T4" fmla="*/ 2147483646 w 548"/>
                <a:gd name="T5" fmla="*/ 2147483646 h 393"/>
                <a:gd name="T6" fmla="*/ 2147483646 w 548"/>
                <a:gd name="T7" fmla="*/ 2147483646 h 393"/>
                <a:gd name="T8" fmla="*/ 2147483646 w 548"/>
                <a:gd name="T9" fmla="*/ 2147483646 h 393"/>
                <a:gd name="T10" fmla="*/ 2147483646 w 548"/>
                <a:gd name="T11" fmla="*/ 2147483646 h 393"/>
                <a:gd name="T12" fmla="*/ 2147483646 w 548"/>
                <a:gd name="T13" fmla="*/ 2147483646 h 393"/>
                <a:gd name="T14" fmla="*/ 2147483646 w 548"/>
                <a:gd name="T15" fmla="*/ 2147483646 h 393"/>
                <a:gd name="T16" fmla="*/ 2147483646 w 548"/>
                <a:gd name="T17" fmla="*/ 2147483646 h 393"/>
                <a:gd name="T18" fmla="*/ 2147483646 w 548"/>
                <a:gd name="T19" fmla="*/ 0 h 393"/>
                <a:gd name="T20" fmla="*/ 2147483646 w 548"/>
                <a:gd name="T21" fmla="*/ 0 h 393"/>
                <a:gd name="T22" fmla="*/ 0 w 548"/>
                <a:gd name="T23" fmla="*/ 2147483646 h 393"/>
                <a:gd name="T24" fmla="*/ 0 w 548"/>
                <a:gd name="T25" fmla="*/ 2147483646 h 393"/>
                <a:gd name="T26" fmla="*/ 2147483646 w 548"/>
                <a:gd name="T27" fmla="*/ 2147483646 h 393"/>
                <a:gd name="T28" fmla="*/ 2147483646 w 548"/>
                <a:gd name="T29" fmla="*/ 2147483646 h 393"/>
                <a:gd name="T30" fmla="*/ 2147483646 w 548"/>
                <a:gd name="T31" fmla="*/ 2147483646 h 393"/>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548" h="393">
                  <a:moveTo>
                    <a:pt x="481" y="326"/>
                  </a:moveTo>
                  <a:lnTo>
                    <a:pt x="481" y="326"/>
                  </a:lnTo>
                  <a:lnTo>
                    <a:pt x="67" y="326"/>
                  </a:lnTo>
                  <a:lnTo>
                    <a:pt x="67" y="67"/>
                  </a:lnTo>
                  <a:lnTo>
                    <a:pt x="481" y="67"/>
                  </a:lnTo>
                  <a:lnTo>
                    <a:pt x="481" y="326"/>
                  </a:lnTo>
                  <a:close/>
                  <a:moveTo>
                    <a:pt x="548" y="360"/>
                  </a:moveTo>
                  <a:lnTo>
                    <a:pt x="548" y="360"/>
                  </a:lnTo>
                  <a:lnTo>
                    <a:pt x="548" y="33"/>
                  </a:lnTo>
                  <a:cubicBezTo>
                    <a:pt x="548" y="15"/>
                    <a:pt x="533" y="0"/>
                    <a:pt x="515" y="0"/>
                  </a:cubicBezTo>
                  <a:lnTo>
                    <a:pt x="33" y="0"/>
                  </a:lnTo>
                  <a:cubicBezTo>
                    <a:pt x="15" y="0"/>
                    <a:pt x="0" y="15"/>
                    <a:pt x="0" y="33"/>
                  </a:cubicBezTo>
                  <a:lnTo>
                    <a:pt x="0" y="360"/>
                  </a:lnTo>
                  <a:cubicBezTo>
                    <a:pt x="0" y="378"/>
                    <a:pt x="15" y="393"/>
                    <a:pt x="33" y="393"/>
                  </a:cubicBezTo>
                  <a:lnTo>
                    <a:pt x="515" y="393"/>
                  </a:lnTo>
                  <a:cubicBezTo>
                    <a:pt x="533" y="393"/>
                    <a:pt x="548" y="378"/>
                    <a:pt x="548" y="360"/>
                  </a:cubicBez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0" name="Freeform 50">
              <a:extLst>
                <a:ext uri="{FF2B5EF4-FFF2-40B4-BE49-F238E27FC236}">
                  <a16:creationId xmlns:a16="http://schemas.microsoft.com/office/drawing/2014/main" xmlns="" id="{1E5D22DA-8C3B-4BB9-9323-8229CCAD37B0}"/>
                </a:ext>
              </a:extLst>
            </p:cNvPr>
            <p:cNvSpPr>
              <a:spLocks/>
            </p:cNvSpPr>
            <p:nvPr/>
          </p:nvSpPr>
          <p:spPr bwMode="auto">
            <a:xfrm>
              <a:off x="4530725" y="2032000"/>
              <a:ext cx="58738" cy="58738"/>
            </a:xfrm>
            <a:custGeom>
              <a:avLst/>
              <a:gdLst>
                <a:gd name="T0" fmla="*/ 2147483646 w 140"/>
                <a:gd name="T1" fmla="*/ 0 h 140"/>
                <a:gd name="T2" fmla="*/ 2147483646 w 140"/>
                <a:gd name="T3" fmla="*/ 0 h 140"/>
                <a:gd name="T4" fmla="*/ 0 w 140"/>
                <a:gd name="T5" fmla="*/ 0 h 140"/>
                <a:gd name="T6" fmla="*/ 0 w 140"/>
                <a:gd name="T7" fmla="*/ 2147483646 h 140"/>
                <a:gd name="T8" fmla="*/ 2147483646 w 140"/>
                <a:gd name="T9" fmla="*/ 2147483646 h 140"/>
                <a:gd name="T10" fmla="*/ 2147483646 w 140"/>
                <a:gd name="T11" fmla="*/ 0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140" y="0"/>
                  </a:moveTo>
                  <a:lnTo>
                    <a:pt x="140" y="0"/>
                  </a:lnTo>
                  <a:lnTo>
                    <a:pt x="0" y="0"/>
                  </a:lnTo>
                  <a:lnTo>
                    <a:pt x="0" y="140"/>
                  </a:lnTo>
                  <a:lnTo>
                    <a:pt x="140" y="140"/>
                  </a:lnTo>
                  <a:lnTo>
                    <a:pt x="140" y="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1" name="Freeform 51">
              <a:extLst>
                <a:ext uri="{FF2B5EF4-FFF2-40B4-BE49-F238E27FC236}">
                  <a16:creationId xmlns:a16="http://schemas.microsoft.com/office/drawing/2014/main" xmlns="" id="{DBFF3A80-B8C5-457F-8F4D-6B4F6D0B3569}"/>
                </a:ext>
              </a:extLst>
            </p:cNvPr>
            <p:cNvSpPr>
              <a:spLocks/>
            </p:cNvSpPr>
            <p:nvPr/>
          </p:nvSpPr>
          <p:spPr bwMode="auto">
            <a:xfrm>
              <a:off x="4530725" y="2119313"/>
              <a:ext cx="58738" cy="58738"/>
            </a:xfrm>
            <a:custGeom>
              <a:avLst/>
              <a:gdLst>
                <a:gd name="T0" fmla="*/ 0 w 140"/>
                <a:gd name="T1" fmla="*/ 2147483646 h 140"/>
                <a:gd name="T2" fmla="*/ 0 w 140"/>
                <a:gd name="T3" fmla="*/ 2147483646 h 140"/>
                <a:gd name="T4" fmla="*/ 2147483646 w 140"/>
                <a:gd name="T5" fmla="*/ 2147483646 h 140"/>
                <a:gd name="T6" fmla="*/ 2147483646 w 140"/>
                <a:gd name="T7" fmla="*/ 0 h 140"/>
                <a:gd name="T8" fmla="*/ 0 w 140"/>
                <a:gd name="T9" fmla="*/ 0 h 140"/>
                <a:gd name="T10" fmla="*/ 0 w 140"/>
                <a:gd name="T11" fmla="*/ 2147483646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0" y="140"/>
                  </a:moveTo>
                  <a:lnTo>
                    <a:pt x="0" y="140"/>
                  </a:lnTo>
                  <a:lnTo>
                    <a:pt x="140" y="140"/>
                  </a:lnTo>
                  <a:lnTo>
                    <a:pt x="140" y="0"/>
                  </a:lnTo>
                  <a:lnTo>
                    <a:pt x="0" y="0"/>
                  </a:lnTo>
                  <a:lnTo>
                    <a:pt x="0" y="14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2" name="Freeform 52">
              <a:extLst>
                <a:ext uri="{FF2B5EF4-FFF2-40B4-BE49-F238E27FC236}">
                  <a16:creationId xmlns:a16="http://schemas.microsoft.com/office/drawing/2014/main" xmlns="" id="{EA50CCDF-4499-44E4-AA6C-BCBBC6810D72}"/>
                </a:ext>
              </a:extLst>
            </p:cNvPr>
            <p:cNvSpPr>
              <a:spLocks/>
            </p:cNvSpPr>
            <p:nvPr/>
          </p:nvSpPr>
          <p:spPr bwMode="auto">
            <a:xfrm>
              <a:off x="4630738" y="2032000"/>
              <a:ext cx="58738" cy="58738"/>
            </a:xfrm>
            <a:custGeom>
              <a:avLst/>
              <a:gdLst>
                <a:gd name="T0" fmla="*/ 2147483646 w 140"/>
                <a:gd name="T1" fmla="*/ 0 h 140"/>
                <a:gd name="T2" fmla="*/ 2147483646 w 140"/>
                <a:gd name="T3" fmla="*/ 0 h 140"/>
                <a:gd name="T4" fmla="*/ 0 w 140"/>
                <a:gd name="T5" fmla="*/ 0 h 140"/>
                <a:gd name="T6" fmla="*/ 0 w 140"/>
                <a:gd name="T7" fmla="*/ 2147483646 h 140"/>
                <a:gd name="T8" fmla="*/ 2147483646 w 140"/>
                <a:gd name="T9" fmla="*/ 2147483646 h 140"/>
                <a:gd name="T10" fmla="*/ 2147483646 w 140"/>
                <a:gd name="T11" fmla="*/ 0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140" y="0"/>
                  </a:moveTo>
                  <a:lnTo>
                    <a:pt x="140" y="0"/>
                  </a:lnTo>
                  <a:lnTo>
                    <a:pt x="0" y="0"/>
                  </a:lnTo>
                  <a:lnTo>
                    <a:pt x="0" y="140"/>
                  </a:lnTo>
                  <a:lnTo>
                    <a:pt x="140" y="140"/>
                  </a:lnTo>
                  <a:lnTo>
                    <a:pt x="140" y="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3" name="Freeform 53">
              <a:extLst>
                <a:ext uri="{FF2B5EF4-FFF2-40B4-BE49-F238E27FC236}">
                  <a16:creationId xmlns:a16="http://schemas.microsoft.com/office/drawing/2014/main" xmlns="" id="{A18328F1-9D5C-4D1D-8AB0-A26B088FD88B}"/>
                </a:ext>
              </a:extLst>
            </p:cNvPr>
            <p:cNvSpPr>
              <a:spLocks/>
            </p:cNvSpPr>
            <p:nvPr/>
          </p:nvSpPr>
          <p:spPr bwMode="auto">
            <a:xfrm>
              <a:off x="4630738" y="2119313"/>
              <a:ext cx="58738" cy="58738"/>
            </a:xfrm>
            <a:custGeom>
              <a:avLst/>
              <a:gdLst>
                <a:gd name="T0" fmla="*/ 0 w 140"/>
                <a:gd name="T1" fmla="*/ 2147483646 h 140"/>
                <a:gd name="T2" fmla="*/ 0 w 140"/>
                <a:gd name="T3" fmla="*/ 2147483646 h 140"/>
                <a:gd name="T4" fmla="*/ 2147483646 w 140"/>
                <a:gd name="T5" fmla="*/ 2147483646 h 140"/>
                <a:gd name="T6" fmla="*/ 2147483646 w 140"/>
                <a:gd name="T7" fmla="*/ 0 h 140"/>
                <a:gd name="T8" fmla="*/ 0 w 140"/>
                <a:gd name="T9" fmla="*/ 0 h 140"/>
                <a:gd name="T10" fmla="*/ 0 w 140"/>
                <a:gd name="T11" fmla="*/ 2147483646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0" y="140"/>
                  </a:moveTo>
                  <a:lnTo>
                    <a:pt x="0" y="140"/>
                  </a:lnTo>
                  <a:lnTo>
                    <a:pt x="140" y="140"/>
                  </a:lnTo>
                  <a:lnTo>
                    <a:pt x="140" y="0"/>
                  </a:lnTo>
                  <a:lnTo>
                    <a:pt x="0" y="0"/>
                  </a:lnTo>
                  <a:lnTo>
                    <a:pt x="0" y="14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4" name="Freeform 54">
              <a:extLst>
                <a:ext uri="{FF2B5EF4-FFF2-40B4-BE49-F238E27FC236}">
                  <a16:creationId xmlns:a16="http://schemas.microsoft.com/office/drawing/2014/main" xmlns="" id="{707F0BB8-EF4D-4A6E-BC23-D9A34EBBB9B3}"/>
                </a:ext>
              </a:extLst>
            </p:cNvPr>
            <p:cNvSpPr>
              <a:spLocks/>
            </p:cNvSpPr>
            <p:nvPr/>
          </p:nvSpPr>
          <p:spPr bwMode="auto">
            <a:xfrm>
              <a:off x="4732338" y="2032000"/>
              <a:ext cx="58738" cy="58738"/>
            </a:xfrm>
            <a:custGeom>
              <a:avLst/>
              <a:gdLst>
                <a:gd name="T0" fmla="*/ 0 w 140"/>
                <a:gd name="T1" fmla="*/ 2147483646 h 140"/>
                <a:gd name="T2" fmla="*/ 0 w 140"/>
                <a:gd name="T3" fmla="*/ 2147483646 h 140"/>
                <a:gd name="T4" fmla="*/ 2147483646 w 140"/>
                <a:gd name="T5" fmla="*/ 2147483646 h 140"/>
                <a:gd name="T6" fmla="*/ 2147483646 w 140"/>
                <a:gd name="T7" fmla="*/ 0 h 140"/>
                <a:gd name="T8" fmla="*/ 0 w 140"/>
                <a:gd name="T9" fmla="*/ 0 h 140"/>
                <a:gd name="T10" fmla="*/ 0 w 140"/>
                <a:gd name="T11" fmla="*/ 2147483646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0" y="140"/>
                  </a:moveTo>
                  <a:lnTo>
                    <a:pt x="0" y="140"/>
                  </a:lnTo>
                  <a:lnTo>
                    <a:pt x="140" y="140"/>
                  </a:lnTo>
                  <a:lnTo>
                    <a:pt x="140" y="0"/>
                  </a:lnTo>
                  <a:lnTo>
                    <a:pt x="0" y="0"/>
                  </a:lnTo>
                  <a:lnTo>
                    <a:pt x="0" y="14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5" name="Freeform 55">
              <a:extLst>
                <a:ext uri="{FF2B5EF4-FFF2-40B4-BE49-F238E27FC236}">
                  <a16:creationId xmlns:a16="http://schemas.microsoft.com/office/drawing/2014/main" xmlns="" id="{37165F2E-555F-41B5-8AE3-1ADE9A629EE3}"/>
                </a:ext>
              </a:extLst>
            </p:cNvPr>
            <p:cNvSpPr>
              <a:spLocks/>
            </p:cNvSpPr>
            <p:nvPr/>
          </p:nvSpPr>
          <p:spPr bwMode="auto">
            <a:xfrm>
              <a:off x="4732338" y="2119313"/>
              <a:ext cx="58738" cy="58738"/>
            </a:xfrm>
            <a:custGeom>
              <a:avLst/>
              <a:gdLst>
                <a:gd name="T0" fmla="*/ 2147483646 w 140"/>
                <a:gd name="T1" fmla="*/ 0 h 140"/>
                <a:gd name="T2" fmla="*/ 2147483646 w 140"/>
                <a:gd name="T3" fmla="*/ 0 h 140"/>
                <a:gd name="T4" fmla="*/ 0 w 140"/>
                <a:gd name="T5" fmla="*/ 0 h 140"/>
                <a:gd name="T6" fmla="*/ 0 w 140"/>
                <a:gd name="T7" fmla="*/ 2147483646 h 140"/>
                <a:gd name="T8" fmla="*/ 2147483646 w 140"/>
                <a:gd name="T9" fmla="*/ 2147483646 h 140"/>
                <a:gd name="T10" fmla="*/ 2147483646 w 140"/>
                <a:gd name="T11" fmla="*/ 0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140" y="0"/>
                  </a:moveTo>
                  <a:lnTo>
                    <a:pt x="140" y="0"/>
                  </a:lnTo>
                  <a:lnTo>
                    <a:pt x="0" y="0"/>
                  </a:lnTo>
                  <a:lnTo>
                    <a:pt x="0" y="140"/>
                  </a:lnTo>
                  <a:lnTo>
                    <a:pt x="140" y="140"/>
                  </a:lnTo>
                  <a:lnTo>
                    <a:pt x="140" y="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6" name="Freeform 56">
              <a:extLst>
                <a:ext uri="{FF2B5EF4-FFF2-40B4-BE49-F238E27FC236}">
                  <a16:creationId xmlns:a16="http://schemas.microsoft.com/office/drawing/2014/main" xmlns="" id="{4BA6FA54-8717-433D-B890-35FAEB3345DE}"/>
                </a:ext>
              </a:extLst>
            </p:cNvPr>
            <p:cNvSpPr>
              <a:spLocks/>
            </p:cNvSpPr>
            <p:nvPr/>
          </p:nvSpPr>
          <p:spPr bwMode="auto">
            <a:xfrm>
              <a:off x="4770438" y="1841500"/>
              <a:ext cx="23813" cy="23813"/>
            </a:xfrm>
            <a:custGeom>
              <a:avLst/>
              <a:gdLst>
                <a:gd name="T0" fmla="*/ 0 w 57"/>
                <a:gd name="T1" fmla="*/ 2147483646 h 57"/>
                <a:gd name="T2" fmla="*/ 0 w 57"/>
                <a:gd name="T3" fmla="*/ 2147483646 h 57"/>
                <a:gd name="T4" fmla="*/ 2147483646 w 57"/>
                <a:gd name="T5" fmla="*/ 2147483646 h 57"/>
                <a:gd name="T6" fmla="*/ 2147483646 w 57"/>
                <a:gd name="T7" fmla="*/ 0 h 57"/>
                <a:gd name="T8" fmla="*/ 0 w 57"/>
                <a:gd name="T9" fmla="*/ 0 h 57"/>
                <a:gd name="T10" fmla="*/ 0 w 57"/>
                <a:gd name="T11" fmla="*/ 2147483646 h 5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7" h="57">
                  <a:moveTo>
                    <a:pt x="0" y="57"/>
                  </a:moveTo>
                  <a:lnTo>
                    <a:pt x="0" y="57"/>
                  </a:lnTo>
                  <a:lnTo>
                    <a:pt x="57" y="57"/>
                  </a:lnTo>
                  <a:lnTo>
                    <a:pt x="57" y="0"/>
                  </a:lnTo>
                  <a:lnTo>
                    <a:pt x="0" y="0"/>
                  </a:lnTo>
                  <a:lnTo>
                    <a:pt x="0" y="57"/>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7" name="Freeform 57">
              <a:extLst>
                <a:ext uri="{FF2B5EF4-FFF2-40B4-BE49-F238E27FC236}">
                  <a16:creationId xmlns:a16="http://schemas.microsoft.com/office/drawing/2014/main" xmlns="" id="{2BB0D82F-F698-4BBB-9128-B251E852DEEE}"/>
                </a:ext>
              </a:extLst>
            </p:cNvPr>
            <p:cNvSpPr>
              <a:spLocks/>
            </p:cNvSpPr>
            <p:nvPr/>
          </p:nvSpPr>
          <p:spPr bwMode="auto">
            <a:xfrm>
              <a:off x="4770438" y="1909763"/>
              <a:ext cx="47625" cy="44450"/>
            </a:xfrm>
            <a:custGeom>
              <a:avLst/>
              <a:gdLst>
                <a:gd name="T0" fmla="*/ 0 w 114"/>
                <a:gd name="T1" fmla="*/ 2147483646 h 107"/>
                <a:gd name="T2" fmla="*/ 0 w 114"/>
                <a:gd name="T3" fmla="*/ 2147483646 h 107"/>
                <a:gd name="T4" fmla="*/ 0 w 114"/>
                <a:gd name="T5" fmla="*/ 2147483646 h 107"/>
                <a:gd name="T6" fmla="*/ 2147483646 w 114"/>
                <a:gd name="T7" fmla="*/ 2147483646 h 107"/>
                <a:gd name="T8" fmla="*/ 2147483646 w 114"/>
                <a:gd name="T9" fmla="*/ 2147483646 h 107"/>
                <a:gd name="T10" fmla="*/ 2147483646 w 114"/>
                <a:gd name="T11" fmla="*/ 2147483646 h 107"/>
                <a:gd name="T12" fmla="*/ 2147483646 w 114"/>
                <a:gd name="T13" fmla="*/ 0 h 107"/>
                <a:gd name="T14" fmla="*/ 2147483646 w 114"/>
                <a:gd name="T15" fmla="*/ 0 h 107"/>
                <a:gd name="T16" fmla="*/ 2147483646 w 114"/>
                <a:gd name="T17" fmla="*/ 2147483646 h 107"/>
                <a:gd name="T18" fmla="*/ 0 w 114"/>
                <a:gd name="T19" fmla="*/ 2147483646 h 10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4" h="107">
                  <a:moveTo>
                    <a:pt x="0" y="50"/>
                  </a:moveTo>
                  <a:lnTo>
                    <a:pt x="0" y="50"/>
                  </a:lnTo>
                  <a:lnTo>
                    <a:pt x="0" y="107"/>
                  </a:lnTo>
                  <a:lnTo>
                    <a:pt x="57" y="107"/>
                  </a:lnTo>
                  <a:lnTo>
                    <a:pt x="57" y="57"/>
                  </a:lnTo>
                  <a:lnTo>
                    <a:pt x="114" y="57"/>
                  </a:lnTo>
                  <a:lnTo>
                    <a:pt x="114" y="0"/>
                  </a:lnTo>
                  <a:lnTo>
                    <a:pt x="57" y="0"/>
                  </a:lnTo>
                  <a:lnTo>
                    <a:pt x="57" y="50"/>
                  </a:lnTo>
                  <a:lnTo>
                    <a:pt x="0" y="5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8" name="Freeform 58">
              <a:extLst>
                <a:ext uri="{FF2B5EF4-FFF2-40B4-BE49-F238E27FC236}">
                  <a16:creationId xmlns:a16="http://schemas.microsoft.com/office/drawing/2014/main" xmlns="" id="{B66E063E-F654-4E31-B39F-42C72BB175CE}"/>
                </a:ext>
              </a:extLst>
            </p:cNvPr>
            <p:cNvSpPr>
              <a:spLocks/>
            </p:cNvSpPr>
            <p:nvPr/>
          </p:nvSpPr>
          <p:spPr bwMode="auto">
            <a:xfrm>
              <a:off x="4770438" y="1865313"/>
              <a:ext cx="47625" cy="44450"/>
            </a:xfrm>
            <a:custGeom>
              <a:avLst/>
              <a:gdLst>
                <a:gd name="T0" fmla="*/ 2147483646 w 114"/>
                <a:gd name="T1" fmla="*/ 2147483646 h 106"/>
                <a:gd name="T2" fmla="*/ 2147483646 w 114"/>
                <a:gd name="T3" fmla="*/ 2147483646 h 106"/>
                <a:gd name="T4" fmla="*/ 2147483646 w 114"/>
                <a:gd name="T5" fmla="*/ 0 h 106"/>
                <a:gd name="T6" fmla="*/ 2147483646 w 114"/>
                <a:gd name="T7" fmla="*/ 0 h 106"/>
                <a:gd name="T8" fmla="*/ 2147483646 w 114"/>
                <a:gd name="T9" fmla="*/ 2147483646 h 106"/>
                <a:gd name="T10" fmla="*/ 0 w 114"/>
                <a:gd name="T11" fmla="*/ 2147483646 h 106"/>
                <a:gd name="T12" fmla="*/ 0 w 114"/>
                <a:gd name="T13" fmla="*/ 2147483646 h 106"/>
                <a:gd name="T14" fmla="*/ 2147483646 w 114"/>
                <a:gd name="T15" fmla="*/ 2147483646 h 106"/>
                <a:gd name="T16" fmla="*/ 2147483646 w 114"/>
                <a:gd name="T17" fmla="*/ 2147483646 h 106"/>
                <a:gd name="T18" fmla="*/ 2147483646 w 114"/>
                <a:gd name="T19" fmla="*/ 2147483646 h 10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4" h="106">
                  <a:moveTo>
                    <a:pt x="114" y="57"/>
                  </a:moveTo>
                  <a:lnTo>
                    <a:pt x="114" y="57"/>
                  </a:lnTo>
                  <a:lnTo>
                    <a:pt x="114" y="0"/>
                  </a:lnTo>
                  <a:lnTo>
                    <a:pt x="57" y="0"/>
                  </a:lnTo>
                  <a:lnTo>
                    <a:pt x="57" y="50"/>
                  </a:lnTo>
                  <a:lnTo>
                    <a:pt x="0" y="50"/>
                  </a:lnTo>
                  <a:lnTo>
                    <a:pt x="0" y="106"/>
                  </a:lnTo>
                  <a:lnTo>
                    <a:pt x="57" y="106"/>
                  </a:lnTo>
                  <a:lnTo>
                    <a:pt x="57" y="57"/>
                  </a:lnTo>
                  <a:lnTo>
                    <a:pt x="114" y="57"/>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sp>
          <p:nvSpPr>
            <p:cNvPr id="139" name="Freeform 59">
              <a:extLst>
                <a:ext uri="{FF2B5EF4-FFF2-40B4-BE49-F238E27FC236}">
                  <a16:creationId xmlns:a16="http://schemas.microsoft.com/office/drawing/2014/main" xmlns="" id="{9A64E778-799B-46BA-8917-8FD7280F1943}"/>
                </a:ext>
              </a:extLst>
            </p:cNvPr>
            <p:cNvSpPr>
              <a:spLocks/>
            </p:cNvSpPr>
            <p:nvPr/>
          </p:nvSpPr>
          <p:spPr bwMode="auto">
            <a:xfrm>
              <a:off x="4794250" y="1954213"/>
              <a:ext cx="23813" cy="23813"/>
            </a:xfrm>
            <a:custGeom>
              <a:avLst/>
              <a:gdLst>
                <a:gd name="T0" fmla="*/ 2147483646 w 57"/>
                <a:gd name="T1" fmla="*/ 0 h 57"/>
                <a:gd name="T2" fmla="*/ 2147483646 w 57"/>
                <a:gd name="T3" fmla="*/ 0 h 57"/>
                <a:gd name="T4" fmla="*/ 0 w 57"/>
                <a:gd name="T5" fmla="*/ 0 h 57"/>
                <a:gd name="T6" fmla="*/ 0 w 57"/>
                <a:gd name="T7" fmla="*/ 2147483646 h 57"/>
                <a:gd name="T8" fmla="*/ 2147483646 w 57"/>
                <a:gd name="T9" fmla="*/ 2147483646 h 57"/>
                <a:gd name="T10" fmla="*/ 2147483646 w 57"/>
                <a:gd name="T11" fmla="*/ 0 h 5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7" h="57">
                  <a:moveTo>
                    <a:pt x="57" y="0"/>
                  </a:moveTo>
                  <a:lnTo>
                    <a:pt x="57" y="0"/>
                  </a:lnTo>
                  <a:lnTo>
                    <a:pt x="0" y="0"/>
                  </a:lnTo>
                  <a:lnTo>
                    <a:pt x="0" y="57"/>
                  </a:lnTo>
                  <a:lnTo>
                    <a:pt x="57" y="57"/>
                  </a:lnTo>
                  <a:lnTo>
                    <a:pt x="57" y="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cs typeface="+mn-ea"/>
                <a:sym typeface="+mn-lt"/>
              </a:endParaRPr>
            </a:p>
          </p:txBody>
        </p:sp>
      </p:grpSp>
      <p:sp>
        <p:nvSpPr>
          <p:cNvPr id="140" name="Freeform 133">
            <a:extLst>
              <a:ext uri="{FF2B5EF4-FFF2-40B4-BE49-F238E27FC236}">
                <a16:creationId xmlns:a16="http://schemas.microsoft.com/office/drawing/2014/main" xmlns="" id="{D6040B63-859C-4DBD-A521-0A92D5C50F21}"/>
              </a:ext>
            </a:extLst>
          </p:cNvPr>
          <p:cNvSpPr>
            <a:spLocks noEditPoints="1"/>
          </p:cNvSpPr>
          <p:nvPr/>
        </p:nvSpPr>
        <p:spPr bwMode="auto">
          <a:xfrm>
            <a:off x="7191309" y="4221751"/>
            <a:ext cx="500384" cy="397228"/>
          </a:xfrm>
          <a:custGeom>
            <a:avLst/>
            <a:gdLst>
              <a:gd name="T0" fmla="*/ 2147483646 w 1550"/>
              <a:gd name="T1" fmla="*/ 2147483646 h 1207"/>
              <a:gd name="T2" fmla="*/ 2147483646 w 1550"/>
              <a:gd name="T3" fmla="*/ 2147483646 h 1207"/>
              <a:gd name="T4" fmla="*/ 2147483646 w 1550"/>
              <a:gd name="T5" fmla="*/ 2147483646 h 1207"/>
              <a:gd name="T6" fmla="*/ 2147483646 w 1550"/>
              <a:gd name="T7" fmla="*/ 2147483646 h 1207"/>
              <a:gd name="T8" fmla="*/ 2147483646 w 1550"/>
              <a:gd name="T9" fmla="*/ 2147483646 h 1207"/>
              <a:gd name="T10" fmla="*/ 2147483646 w 1550"/>
              <a:gd name="T11" fmla="*/ 2147483646 h 1207"/>
              <a:gd name="T12" fmla="*/ 2147483646 w 1550"/>
              <a:gd name="T13" fmla="*/ 2147483646 h 1207"/>
              <a:gd name="T14" fmla="*/ 2147483646 w 1550"/>
              <a:gd name="T15" fmla="*/ 2147483646 h 1207"/>
              <a:gd name="T16" fmla="*/ 2147483646 w 1550"/>
              <a:gd name="T17" fmla="*/ 2147483646 h 1207"/>
              <a:gd name="T18" fmla="*/ 2147483646 w 1550"/>
              <a:gd name="T19" fmla="*/ 2147483646 h 1207"/>
              <a:gd name="T20" fmla="*/ 2147483646 w 1550"/>
              <a:gd name="T21" fmla="*/ 2147483646 h 1207"/>
              <a:gd name="T22" fmla="*/ 2147483646 w 1550"/>
              <a:gd name="T23" fmla="*/ 2147483646 h 1207"/>
              <a:gd name="T24" fmla="*/ 2147483646 w 1550"/>
              <a:gd name="T25" fmla="*/ 2147483646 h 1207"/>
              <a:gd name="T26" fmla="*/ 2147483646 w 1550"/>
              <a:gd name="T27" fmla="*/ 2147483646 h 1207"/>
              <a:gd name="T28" fmla="*/ 2147483646 w 1550"/>
              <a:gd name="T29" fmla="*/ 2147483646 h 1207"/>
              <a:gd name="T30" fmla="*/ 2147483646 w 1550"/>
              <a:gd name="T31" fmla="*/ 2147483646 h 1207"/>
              <a:gd name="T32" fmla="*/ 2147483646 w 1550"/>
              <a:gd name="T33" fmla="*/ 2147483646 h 1207"/>
              <a:gd name="T34" fmla="*/ 2147483646 w 1550"/>
              <a:gd name="T35" fmla="*/ 2147483646 h 1207"/>
              <a:gd name="T36" fmla="*/ 2147483646 w 1550"/>
              <a:gd name="T37" fmla="*/ 2147483646 h 1207"/>
              <a:gd name="T38" fmla="*/ 2147483646 w 1550"/>
              <a:gd name="T39" fmla="*/ 2147483646 h 1207"/>
              <a:gd name="T40" fmla="*/ 2147483646 w 1550"/>
              <a:gd name="T41" fmla="*/ 2147483646 h 1207"/>
              <a:gd name="T42" fmla="*/ 2147483646 w 1550"/>
              <a:gd name="T43" fmla="*/ 2147483646 h 1207"/>
              <a:gd name="T44" fmla="*/ 2147483646 w 1550"/>
              <a:gd name="T45" fmla="*/ 2147483646 h 1207"/>
              <a:gd name="T46" fmla="*/ 2147483646 w 1550"/>
              <a:gd name="T47" fmla="*/ 2147483646 h 1207"/>
              <a:gd name="T48" fmla="*/ 2147483646 w 1550"/>
              <a:gd name="T49" fmla="*/ 2147483646 h 1207"/>
              <a:gd name="T50" fmla="*/ 2147483646 w 1550"/>
              <a:gd name="T51" fmla="*/ 2147483646 h 1207"/>
              <a:gd name="T52" fmla="*/ 2147483646 w 1550"/>
              <a:gd name="T53" fmla="*/ 2147483646 h 1207"/>
              <a:gd name="T54" fmla="*/ 2147483646 w 1550"/>
              <a:gd name="T55" fmla="*/ 2147483646 h 1207"/>
              <a:gd name="T56" fmla="*/ 2147483646 w 1550"/>
              <a:gd name="T57" fmla="*/ 2147483646 h 1207"/>
              <a:gd name="T58" fmla="*/ 2147483646 w 1550"/>
              <a:gd name="T59" fmla="*/ 2147483646 h 1207"/>
              <a:gd name="T60" fmla="*/ 2147483646 w 1550"/>
              <a:gd name="T61" fmla="*/ 2147483646 h 1207"/>
              <a:gd name="T62" fmla="*/ 2147483646 w 1550"/>
              <a:gd name="T63" fmla="*/ 2147483646 h 1207"/>
              <a:gd name="T64" fmla="*/ 2147483646 w 1550"/>
              <a:gd name="T65" fmla="*/ 2147483646 h 1207"/>
              <a:gd name="T66" fmla="*/ 2147483646 w 1550"/>
              <a:gd name="T67" fmla="*/ 2147483646 h 1207"/>
              <a:gd name="T68" fmla="*/ 2147483646 w 1550"/>
              <a:gd name="T69" fmla="*/ 2147483646 h 1207"/>
              <a:gd name="T70" fmla="*/ 2147483646 w 1550"/>
              <a:gd name="T71" fmla="*/ 2147483646 h 1207"/>
              <a:gd name="T72" fmla="*/ 2147483646 w 1550"/>
              <a:gd name="T73" fmla="*/ 2147483646 h 1207"/>
              <a:gd name="T74" fmla="*/ 2147483646 w 1550"/>
              <a:gd name="T75" fmla="*/ 2147483646 h 1207"/>
              <a:gd name="T76" fmla="*/ 2147483646 w 1550"/>
              <a:gd name="T77" fmla="*/ 2147483646 h 1207"/>
              <a:gd name="T78" fmla="*/ 2147483646 w 1550"/>
              <a:gd name="T79" fmla="*/ 2147483646 h 1207"/>
              <a:gd name="T80" fmla="*/ 2147483646 w 1550"/>
              <a:gd name="T81" fmla="*/ 2147483646 h 1207"/>
              <a:gd name="T82" fmla="*/ 2147483646 w 1550"/>
              <a:gd name="T83" fmla="*/ 2147483646 h 1207"/>
              <a:gd name="T84" fmla="*/ 2147483646 w 1550"/>
              <a:gd name="T85" fmla="*/ 2147483646 h 1207"/>
              <a:gd name="T86" fmla="*/ 2147483646 w 1550"/>
              <a:gd name="T87" fmla="*/ 2147483646 h 1207"/>
              <a:gd name="T88" fmla="*/ 2147483646 w 1550"/>
              <a:gd name="T89" fmla="*/ 2147483646 h 1207"/>
              <a:gd name="T90" fmla="*/ 2147483646 w 1550"/>
              <a:gd name="T91" fmla="*/ 2147483646 h 1207"/>
              <a:gd name="T92" fmla="*/ 2147483646 w 1550"/>
              <a:gd name="T93" fmla="*/ 2147483646 h 1207"/>
              <a:gd name="T94" fmla="*/ 2147483646 w 1550"/>
              <a:gd name="T95" fmla="*/ 2147483646 h 1207"/>
              <a:gd name="T96" fmla="*/ 2147483646 w 1550"/>
              <a:gd name="T97" fmla="*/ 2147483646 h 1207"/>
              <a:gd name="T98" fmla="*/ 2147483646 w 1550"/>
              <a:gd name="T99" fmla="*/ 2147483646 h 1207"/>
              <a:gd name="T100" fmla="*/ 2147483646 w 1550"/>
              <a:gd name="T101" fmla="*/ 2147483646 h 1207"/>
              <a:gd name="T102" fmla="*/ 2147483646 w 1550"/>
              <a:gd name="T103" fmla="*/ 2147483646 h 1207"/>
              <a:gd name="T104" fmla="*/ 2147483646 w 1550"/>
              <a:gd name="T105" fmla="*/ 2147483646 h 1207"/>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1550"/>
              <a:gd name="T160" fmla="*/ 0 h 1207"/>
              <a:gd name="T161" fmla="*/ 1550 w 1550"/>
              <a:gd name="T162" fmla="*/ 1207 h 1207"/>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1550" h="1207">
                <a:moveTo>
                  <a:pt x="314" y="546"/>
                </a:moveTo>
                <a:lnTo>
                  <a:pt x="314" y="546"/>
                </a:lnTo>
                <a:cubicBezTo>
                  <a:pt x="299" y="448"/>
                  <a:pt x="320" y="392"/>
                  <a:pt x="334" y="368"/>
                </a:cubicBezTo>
                <a:cubicBezTo>
                  <a:pt x="374" y="381"/>
                  <a:pt x="416" y="399"/>
                  <a:pt x="459" y="424"/>
                </a:cubicBezTo>
                <a:cubicBezTo>
                  <a:pt x="460" y="425"/>
                  <a:pt x="461" y="426"/>
                  <a:pt x="462" y="427"/>
                </a:cubicBezTo>
                <a:cubicBezTo>
                  <a:pt x="450" y="463"/>
                  <a:pt x="435" y="530"/>
                  <a:pt x="459" y="604"/>
                </a:cubicBezTo>
                <a:cubicBezTo>
                  <a:pt x="483" y="676"/>
                  <a:pt x="522" y="704"/>
                  <a:pt x="550" y="716"/>
                </a:cubicBezTo>
                <a:cubicBezTo>
                  <a:pt x="563" y="721"/>
                  <a:pt x="577" y="724"/>
                  <a:pt x="591" y="724"/>
                </a:cubicBezTo>
                <a:cubicBezTo>
                  <a:pt x="609" y="724"/>
                  <a:pt x="628" y="719"/>
                  <a:pt x="645" y="710"/>
                </a:cubicBezTo>
                <a:cubicBezTo>
                  <a:pt x="677" y="693"/>
                  <a:pt x="699" y="660"/>
                  <a:pt x="707" y="618"/>
                </a:cubicBezTo>
                <a:cubicBezTo>
                  <a:pt x="715" y="625"/>
                  <a:pt x="724" y="632"/>
                  <a:pt x="733" y="638"/>
                </a:cubicBezTo>
                <a:cubicBezTo>
                  <a:pt x="737" y="814"/>
                  <a:pt x="653" y="849"/>
                  <a:pt x="586" y="859"/>
                </a:cubicBezTo>
                <a:cubicBezTo>
                  <a:pt x="543" y="859"/>
                  <a:pt x="503" y="846"/>
                  <a:pt x="465" y="819"/>
                </a:cubicBezTo>
                <a:cubicBezTo>
                  <a:pt x="380" y="758"/>
                  <a:pt x="328" y="638"/>
                  <a:pt x="314" y="546"/>
                </a:cubicBezTo>
                <a:close/>
                <a:moveTo>
                  <a:pt x="72" y="385"/>
                </a:moveTo>
                <a:lnTo>
                  <a:pt x="72" y="385"/>
                </a:lnTo>
                <a:cubicBezTo>
                  <a:pt x="74" y="364"/>
                  <a:pt x="84" y="352"/>
                  <a:pt x="93" y="348"/>
                </a:cubicBezTo>
                <a:cubicBezTo>
                  <a:pt x="106" y="346"/>
                  <a:pt x="175" y="335"/>
                  <a:pt x="267" y="352"/>
                </a:cubicBezTo>
                <a:cubicBezTo>
                  <a:pt x="249" y="391"/>
                  <a:pt x="233" y="456"/>
                  <a:pt x="248" y="556"/>
                </a:cubicBezTo>
                <a:cubicBezTo>
                  <a:pt x="251" y="575"/>
                  <a:pt x="256" y="596"/>
                  <a:pt x="262" y="618"/>
                </a:cubicBezTo>
                <a:cubicBezTo>
                  <a:pt x="78" y="499"/>
                  <a:pt x="70" y="411"/>
                  <a:pt x="72" y="385"/>
                </a:cubicBezTo>
                <a:close/>
                <a:moveTo>
                  <a:pt x="614" y="651"/>
                </a:moveTo>
                <a:lnTo>
                  <a:pt x="614" y="651"/>
                </a:lnTo>
                <a:cubicBezTo>
                  <a:pt x="605" y="656"/>
                  <a:pt x="591" y="660"/>
                  <a:pt x="575" y="654"/>
                </a:cubicBezTo>
                <a:cubicBezTo>
                  <a:pt x="554" y="645"/>
                  <a:pt x="535" y="620"/>
                  <a:pt x="523" y="583"/>
                </a:cubicBezTo>
                <a:cubicBezTo>
                  <a:pt x="508" y="537"/>
                  <a:pt x="513" y="494"/>
                  <a:pt x="520" y="466"/>
                </a:cubicBezTo>
                <a:cubicBezTo>
                  <a:pt x="561" y="495"/>
                  <a:pt x="597" y="526"/>
                  <a:pt x="633" y="557"/>
                </a:cubicBezTo>
                <a:cubicBezTo>
                  <a:pt x="636" y="560"/>
                  <a:pt x="639" y="562"/>
                  <a:pt x="642" y="564"/>
                </a:cubicBezTo>
                <a:cubicBezTo>
                  <a:pt x="645" y="581"/>
                  <a:pt x="645" y="634"/>
                  <a:pt x="614" y="651"/>
                </a:cubicBezTo>
                <a:close/>
                <a:moveTo>
                  <a:pt x="932" y="111"/>
                </a:moveTo>
                <a:lnTo>
                  <a:pt x="932" y="111"/>
                </a:lnTo>
                <a:cubicBezTo>
                  <a:pt x="1089" y="71"/>
                  <a:pt x="1194" y="99"/>
                  <a:pt x="1298" y="210"/>
                </a:cubicBezTo>
                <a:cubicBezTo>
                  <a:pt x="1398" y="318"/>
                  <a:pt x="1385" y="489"/>
                  <a:pt x="1377" y="548"/>
                </a:cubicBezTo>
                <a:cubicBezTo>
                  <a:pt x="1364" y="551"/>
                  <a:pt x="1344" y="556"/>
                  <a:pt x="1321" y="561"/>
                </a:cubicBezTo>
                <a:cubicBezTo>
                  <a:pt x="1321" y="561"/>
                  <a:pt x="1321" y="561"/>
                  <a:pt x="1321" y="561"/>
                </a:cubicBezTo>
                <a:cubicBezTo>
                  <a:pt x="1225" y="583"/>
                  <a:pt x="1060" y="619"/>
                  <a:pt x="945" y="637"/>
                </a:cubicBezTo>
                <a:cubicBezTo>
                  <a:pt x="847" y="652"/>
                  <a:pt x="772" y="588"/>
                  <a:pt x="676" y="506"/>
                </a:cubicBezTo>
                <a:cubicBezTo>
                  <a:pt x="624" y="462"/>
                  <a:pt x="564" y="411"/>
                  <a:pt x="493" y="367"/>
                </a:cubicBezTo>
                <a:cubicBezTo>
                  <a:pt x="425" y="326"/>
                  <a:pt x="357" y="302"/>
                  <a:pt x="297" y="290"/>
                </a:cubicBezTo>
                <a:cubicBezTo>
                  <a:pt x="510" y="229"/>
                  <a:pt x="827" y="139"/>
                  <a:pt x="932" y="111"/>
                </a:cubicBezTo>
                <a:close/>
                <a:moveTo>
                  <a:pt x="1188" y="724"/>
                </a:moveTo>
                <a:lnTo>
                  <a:pt x="1188" y="724"/>
                </a:lnTo>
                <a:cubicBezTo>
                  <a:pt x="1180" y="726"/>
                  <a:pt x="1170" y="729"/>
                  <a:pt x="1158" y="731"/>
                </a:cubicBezTo>
                <a:lnTo>
                  <a:pt x="946" y="785"/>
                </a:lnTo>
                <a:cubicBezTo>
                  <a:pt x="875" y="802"/>
                  <a:pt x="812" y="817"/>
                  <a:pt x="757" y="829"/>
                </a:cubicBezTo>
                <a:cubicBezTo>
                  <a:pt x="782" y="790"/>
                  <a:pt x="796" y="739"/>
                  <a:pt x="799" y="678"/>
                </a:cubicBezTo>
                <a:cubicBezTo>
                  <a:pt x="835" y="695"/>
                  <a:pt x="873" y="706"/>
                  <a:pt x="915" y="706"/>
                </a:cubicBezTo>
                <a:cubicBezTo>
                  <a:pt x="928" y="706"/>
                  <a:pt x="941" y="705"/>
                  <a:pt x="956" y="703"/>
                </a:cubicBezTo>
                <a:cubicBezTo>
                  <a:pt x="1053" y="687"/>
                  <a:pt x="1186" y="659"/>
                  <a:pt x="1283" y="638"/>
                </a:cubicBezTo>
                <a:cubicBezTo>
                  <a:pt x="1269" y="674"/>
                  <a:pt x="1241" y="712"/>
                  <a:pt x="1188" y="724"/>
                </a:cubicBezTo>
                <a:close/>
                <a:moveTo>
                  <a:pt x="1517" y="864"/>
                </a:moveTo>
                <a:lnTo>
                  <a:pt x="1517" y="864"/>
                </a:lnTo>
                <a:cubicBezTo>
                  <a:pt x="1498" y="864"/>
                  <a:pt x="1483" y="879"/>
                  <a:pt x="1483" y="897"/>
                </a:cubicBezTo>
                <a:lnTo>
                  <a:pt x="1483" y="939"/>
                </a:lnTo>
                <a:lnTo>
                  <a:pt x="1096" y="939"/>
                </a:lnTo>
                <a:cubicBezTo>
                  <a:pt x="1088" y="939"/>
                  <a:pt x="1080" y="936"/>
                  <a:pt x="1064" y="910"/>
                </a:cubicBezTo>
                <a:lnTo>
                  <a:pt x="1021" y="834"/>
                </a:lnTo>
                <a:lnTo>
                  <a:pt x="1174" y="796"/>
                </a:lnTo>
                <a:cubicBezTo>
                  <a:pt x="1185" y="793"/>
                  <a:pt x="1195" y="791"/>
                  <a:pt x="1203" y="789"/>
                </a:cubicBezTo>
                <a:cubicBezTo>
                  <a:pt x="1282" y="771"/>
                  <a:pt x="1338" y="710"/>
                  <a:pt x="1358" y="621"/>
                </a:cubicBezTo>
                <a:cubicBezTo>
                  <a:pt x="1392" y="613"/>
                  <a:pt x="1414" y="608"/>
                  <a:pt x="1414" y="608"/>
                </a:cubicBezTo>
                <a:cubicBezTo>
                  <a:pt x="1427" y="605"/>
                  <a:pt x="1437" y="595"/>
                  <a:pt x="1439" y="582"/>
                </a:cubicBezTo>
                <a:cubicBezTo>
                  <a:pt x="1441" y="572"/>
                  <a:pt x="1492" y="321"/>
                  <a:pt x="1346" y="165"/>
                </a:cubicBezTo>
                <a:cubicBezTo>
                  <a:pt x="1227" y="37"/>
                  <a:pt x="1094" y="0"/>
                  <a:pt x="916" y="47"/>
                </a:cubicBezTo>
                <a:cubicBezTo>
                  <a:pt x="751" y="90"/>
                  <a:pt x="81" y="282"/>
                  <a:pt x="74" y="284"/>
                </a:cubicBezTo>
                <a:cubicBezTo>
                  <a:pt x="74" y="284"/>
                  <a:pt x="74" y="284"/>
                  <a:pt x="74" y="284"/>
                </a:cubicBezTo>
                <a:cubicBezTo>
                  <a:pt x="73" y="285"/>
                  <a:pt x="73" y="285"/>
                  <a:pt x="73" y="285"/>
                </a:cubicBezTo>
                <a:cubicBezTo>
                  <a:pt x="72" y="285"/>
                  <a:pt x="71" y="286"/>
                  <a:pt x="69" y="286"/>
                </a:cubicBezTo>
                <a:cubicBezTo>
                  <a:pt x="69" y="286"/>
                  <a:pt x="68" y="287"/>
                  <a:pt x="68" y="287"/>
                </a:cubicBezTo>
                <a:cubicBezTo>
                  <a:pt x="34" y="300"/>
                  <a:pt x="10" y="336"/>
                  <a:pt x="6" y="379"/>
                </a:cubicBezTo>
                <a:cubicBezTo>
                  <a:pt x="0" y="441"/>
                  <a:pt x="31" y="569"/>
                  <a:pt x="301" y="719"/>
                </a:cubicBezTo>
                <a:cubicBezTo>
                  <a:pt x="330" y="778"/>
                  <a:pt x="371" y="834"/>
                  <a:pt x="427" y="874"/>
                </a:cubicBezTo>
                <a:cubicBezTo>
                  <a:pt x="475" y="908"/>
                  <a:pt x="529" y="926"/>
                  <a:pt x="585" y="926"/>
                </a:cubicBezTo>
                <a:cubicBezTo>
                  <a:pt x="585" y="926"/>
                  <a:pt x="585" y="926"/>
                  <a:pt x="586" y="926"/>
                </a:cubicBezTo>
                <a:cubicBezTo>
                  <a:pt x="586" y="926"/>
                  <a:pt x="586" y="926"/>
                  <a:pt x="587" y="926"/>
                </a:cubicBezTo>
                <a:cubicBezTo>
                  <a:pt x="588" y="926"/>
                  <a:pt x="590" y="926"/>
                  <a:pt x="591" y="926"/>
                </a:cubicBezTo>
                <a:cubicBezTo>
                  <a:pt x="592" y="926"/>
                  <a:pt x="592" y="926"/>
                  <a:pt x="592" y="926"/>
                </a:cubicBezTo>
                <a:cubicBezTo>
                  <a:pt x="606" y="925"/>
                  <a:pt x="620" y="924"/>
                  <a:pt x="634" y="922"/>
                </a:cubicBezTo>
                <a:cubicBezTo>
                  <a:pt x="683" y="913"/>
                  <a:pt x="742" y="901"/>
                  <a:pt x="811" y="885"/>
                </a:cubicBezTo>
                <a:cubicBezTo>
                  <a:pt x="811" y="885"/>
                  <a:pt x="811" y="886"/>
                  <a:pt x="811" y="886"/>
                </a:cubicBezTo>
                <a:lnTo>
                  <a:pt x="881" y="1032"/>
                </a:lnTo>
                <a:cubicBezTo>
                  <a:pt x="882" y="1032"/>
                  <a:pt x="882" y="1033"/>
                  <a:pt x="882" y="1033"/>
                </a:cubicBezTo>
                <a:cubicBezTo>
                  <a:pt x="911" y="1085"/>
                  <a:pt x="950" y="1137"/>
                  <a:pt x="1026" y="1137"/>
                </a:cubicBezTo>
                <a:lnTo>
                  <a:pt x="1068" y="1137"/>
                </a:lnTo>
                <a:cubicBezTo>
                  <a:pt x="1081" y="1155"/>
                  <a:pt x="1101" y="1167"/>
                  <a:pt x="1125" y="1167"/>
                </a:cubicBezTo>
                <a:cubicBezTo>
                  <a:pt x="1163" y="1167"/>
                  <a:pt x="1194" y="1136"/>
                  <a:pt x="1194" y="1098"/>
                </a:cubicBezTo>
                <a:cubicBezTo>
                  <a:pt x="1194" y="1059"/>
                  <a:pt x="1163" y="1028"/>
                  <a:pt x="1125" y="1028"/>
                </a:cubicBezTo>
                <a:cubicBezTo>
                  <a:pt x="1096" y="1028"/>
                  <a:pt x="1071" y="1046"/>
                  <a:pt x="1061" y="1071"/>
                </a:cubicBezTo>
                <a:lnTo>
                  <a:pt x="1026" y="1071"/>
                </a:lnTo>
                <a:cubicBezTo>
                  <a:pt x="992" y="1071"/>
                  <a:pt x="970" y="1053"/>
                  <a:pt x="941" y="1002"/>
                </a:cubicBezTo>
                <a:lnTo>
                  <a:pt x="877" y="870"/>
                </a:lnTo>
                <a:cubicBezTo>
                  <a:pt x="902" y="864"/>
                  <a:pt x="927" y="858"/>
                  <a:pt x="954" y="851"/>
                </a:cubicBezTo>
                <a:lnTo>
                  <a:pt x="1007" y="943"/>
                </a:lnTo>
                <a:cubicBezTo>
                  <a:pt x="1019" y="963"/>
                  <a:pt x="1044" y="1005"/>
                  <a:pt x="1096" y="1005"/>
                </a:cubicBezTo>
                <a:lnTo>
                  <a:pt x="1483" y="1005"/>
                </a:lnTo>
                <a:lnTo>
                  <a:pt x="1483" y="1071"/>
                </a:lnTo>
                <a:lnTo>
                  <a:pt x="1403" y="1071"/>
                </a:lnTo>
                <a:cubicBezTo>
                  <a:pt x="1393" y="1045"/>
                  <a:pt x="1368" y="1027"/>
                  <a:pt x="1339" y="1027"/>
                </a:cubicBezTo>
                <a:cubicBezTo>
                  <a:pt x="1300" y="1027"/>
                  <a:pt x="1269" y="1059"/>
                  <a:pt x="1269" y="1097"/>
                </a:cubicBezTo>
                <a:cubicBezTo>
                  <a:pt x="1269" y="1135"/>
                  <a:pt x="1300" y="1166"/>
                  <a:pt x="1339" y="1166"/>
                </a:cubicBezTo>
                <a:cubicBezTo>
                  <a:pt x="1362" y="1166"/>
                  <a:pt x="1382" y="1155"/>
                  <a:pt x="1395" y="1137"/>
                </a:cubicBezTo>
                <a:lnTo>
                  <a:pt x="1483" y="1137"/>
                </a:lnTo>
                <a:lnTo>
                  <a:pt x="1483" y="1174"/>
                </a:lnTo>
                <a:cubicBezTo>
                  <a:pt x="1483" y="1192"/>
                  <a:pt x="1498" y="1207"/>
                  <a:pt x="1517" y="1207"/>
                </a:cubicBezTo>
                <a:cubicBezTo>
                  <a:pt x="1535" y="1207"/>
                  <a:pt x="1550" y="1192"/>
                  <a:pt x="1550" y="1174"/>
                </a:cubicBezTo>
                <a:lnTo>
                  <a:pt x="1550" y="897"/>
                </a:lnTo>
                <a:cubicBezTo>
                  <a:pt x="1550" y="879"/>
                  <a:pt x="1535" y="864"/>
                  <a:pt x="1517" y="864"/>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102476" tIns="51238" rIns="102476" bIns="51238"/>
          <a:lstStyle/>
          <a:p>
            <a:endParaRPr lang="zh-CN" altLang="en-US">
              <a:cs typeface="+mn-ea"/>
              <a:sym typeface="+mn-lt"/>
            </a:endParaRPr>
          </a:p>
        </p:txBody>
      </p:sp>
      <p:grpSp>
        <p:nvGrpSpPr>
          <p:cNvPr id="141" name="组合 628">
            <a:extLst>
              <a:ext uri="{FF2B5EF4-FFF2-40B4-BE49-F238E27FC236}">
                <a16:creationId xmlns:a16="http://schemas.microsoft.com/office/drawing/2014/main" xmlns="" id="{D794122B-B8A9-47A9-8120-EFAAC952305A}"/>
              </a:ext>
            </a:extLst>
          </p:cNvPr>
          <p:cNvGrpSpPr/>
          <p:nvPr/>
        </p:nvGrpSpPr>
        <p:grpSpPr>
          <a:xfrm>
            <a:off x="4470986" y="4137564"/>
            <a:ext cx="544511" cy="502060"/>
            <a:chOff x="2847975" y="4319588"/>
            <a:chExt cx="1544638" cy="1141412"/>
          </a:xfrm>
          <a:solidFill>
            <a:schemeClr val="bg1"/>
          </a:solidFill>
        </p:grpSpPr>
        <p:sp>
          <p:nvSpPr>
            <p:cNvPr id="142" name="Freeform 48">
              <a:extLst>
                <a:ext uri="{FF2B5EF4-FFF2-40B4-BE49-F238E27FC236}">
                  <a16:creationId xmlns:a16="http://schemas.microsoft.com/office/drawing/2014/main" xmlns="" id="{6E2C4469-FC65-4E05-A3D5-42B0993F35B9}"/>
                </a:ext>
              </a:extLst>
            </p:cNvPr>
            <p:cNvSpPr>
              <a:spLocks noEditPoints="1"/>
            </p:cNvSpPr>
            <p:nvPr/>
          </p:nvSpPr>
          <p:spPr bwMode="auto">
            <a:xfrm>
              <a:off x="3206750" y="4970463"/>
              <a:ext cx="827088" cy="341312"/>
            </a:xfrm>
            <a:custGeom>
              <a:avLst/>
              <a:gdLst/>
              <a:ahLst/>
              <a:cxnLst>
                <a:cxn ang="0">
                  <a:pos x="7454" y="0"/>
                </a:cxn>
                <a:cxn ang="0">
                  <a:pos x="7480" y="1"/>
                </a:cxn>
                <a:cxn ang="0">
                  <a:pos x="7505" y="5"/>
                </a:cxn>
                <a:cxn ang="0">
                  <a:pos x="7529" y="13"/>
                </a:cxn>
                <a:cxn ang="0">
                  <a:pos x="7552" y="23"/>
                </a:cxn>
                <a:cxn ang="0">
                  <a:pos x="7572" y="34"/>
                </a:cxn>
                <a:cxn ang="0">
                  <a:pos x="7591" y="49"/>
                </a:cxn>
                <a:cxn ang="0">
                  <a:pos x="7626" y="84"/>
                </a:cxn>
                <a:cxn ang="0">
                  <a:pos x="7656" y="124"/>
                </a:cxn>
                <a:cxn ang="0">
                  <a:pos x="7682" y="171"/>
                </a:cxn>
                <a:cxn ang="0">
                  <a:pos x="7705" y="219"/>
                </a:cxn>
                <a:cxn ang="0">
                  <a:pos x="7724" y="271"/>
                </a:cxn>
                <a:cxn ang="0">
                  <a:pos x="8844" y="3402"/>
                </a:cxn>
                <a:cxn ang="0">
                  <a:pos x="8848" y="3429"/>
                </a:cxn>
                <a:cxn ang="0">
                  <a:pos x="8848" y="3453"/>
                </a:cxn>
                <a:cxn ang="0">
                  <a:pos x="8843" y="3478"/>
                </a:cxn>
                <a:cxn ang="0">
                  <a:pos x="8835" y="3502"/>
                </a:cxn>
                <a:cxn ang="0">
                  <a:pos x="8822" y="3526"/>
                </a:cxn>
                <a:cxn ang="0">
                  <a:pos x="8807" y="3547"/>
                </a:cxn>
                <a:cxn ang="0">
                  <a:pos x="8789" y="3567"/>
                </a:cxn>
                <a:cxn ang="0">
                  <a:pos x="8768" y="3587"/>
                </a:cxn>
                <a:cxn ang="0">
                  <a:pos x="8745" y="3603"/>
                </a:cxn>
                <a:cxn ang="0">
                  <a:pos x="8720" y="3619"/>
                </a:cxn>
                <a:cxn ang="0">
                  <a:pos x="8694" y="3632"/>
                </a:cxn>
                <a:cxn ang="0">
                  <a:pos x="8667" y="3643"/>
                </a:cxn>
                <a:cxn ang="0">
                  <a:pos x="8639" y="3652"/>
                </a:cxn>
                <a:cxn ang="0">
                  <a:pos x="8610" y="3657"/>
                </a:cxn>
                <a:cxn ang="0">
                  <a:pos x="8582" y="3660"/>
                </a:cxn>
                <a:cxn ang="0">
                  <a:pos x="279" y="3660"/>
                </a:cxn>
                <a:cxn ang="0">
                  <a:pos x="251" y="3659"/>
                </a:cxn>
                <a:cxn ang="0">
                  <a:pos x="222" y="3655"/>
                </a:cxn>
                <a:cxn ang="0">
                  <a:pos x="194" y="3648"/>
                </a:cxn>
                <a:cxn ang="0">
                  <a:pos x="167" y="3638"/>
                </a:cxn>
                <a:cxn ang="0">
                  <a:pos x="140" y="3626"/>
                </a:cxn>
                <a:cxn ang="0">
                  <a:pos x="116" y="3613"/>
                </a:cxn>
                <a:cxn ang="0">
                  <a:pos x="92" y="3596"/>
                </a:cxn>
                <a:cxn ang="0">
                  <a:pos x="70" y="3578"/>
                </a:cxn>
                <a:cxn ang="0">
                  <a:pos x="51" y="3559"/>
                </a:cxn>
                <a:cxn ang="0">
                  <a:pos x="34" y="3537"/>
                </a:cxn>
                <a:cxn ang="0">
                  <a:pos x="20" y="3515"/>
                </a:cxn>
                <a:cxn ang="0">
                  <a:pos x="10" y="3492"/>
                </a:cxn>
                <a:cxn ang="0">
                  <a:pos x="3" y="3467"/>
                </a:cxn>
                <a:cxn ang="0">
                  <a:pos x="0" y="3442"/>
                </a:cxn>
                <a:cxn ang="0">
                  <a:pos x="1" y="3415"/>
                </a:cxn>
                <a:cxn ang="0">
                  <a:pos x="7" y="3389"/>
                </a:cxn>
                <a:cxn ang="0">
                  <a:pos x="981" y="245"/>
                </a:cxn>
                <a:cxn ang="0">
                  <a:pos x="1001" y="194"/>
                </a:cxn>
                <a:cxn ang="0">
                  <a:pos x="1024" y="145"/>
                </a:cxn>
                <a:cxn ang="0">
                  <a:pos x="1052" y="102"/>
                </a:cxn>
                <a:cxn ang="0">
                  <a:pos x="1077" y="73"/>
                </a:cxn>
                <a:cxn ang="0">
                  <a:pos x="1095" y="56"/>
                </a:cxn>
                <a:cxn ang="0">
                  <a:pos x="1113" y="41"/>
                </a:cxn>
                <a:cxn ang="0">
                  <a:pos x="1134" y="28"/>
                </a:cxn>
                <a:cxn ang="0">
                  <a:pos x="1156" y="17"/>
                </a:cxn>
                <a:cxn ang="0">
                  <a:pos x="1178" y="9"/>
                </a:cxn>
                <a:cxn ang="0">
                  <a:pos x="1203" y="3"/>
                </a:cxn>
                <a:cxn ang="0">
                  <a:pos x="1230" y="0"/>
                </a:cxn>
                <a:cxn ang="0">
                  <a:pos x="7381" y="348"/>
                </a:cxn>
                <a:cxn ang="0">
                  <a:pos x="8443" y="3313"/>
                </a:cxn>
                <a:cxn ang="0">
                  <a:pos x="1314" y="348"/>
                </a:cxn>
              </a:cxnLst>
              <a:rect l="0" t="0" r="r" b="b"/>
              <a:pathLst>
                <a:path w="8849" h="3660">
                  <a:moveTo>
                    <a:pt x="1243" y="0"/>
                  </a:moveTo>
                  <a:lnTo>
                    <a:pt x="7454" y="0"/>
                  </a:lnTo>
                  <a:lnTo>
                    <a:pt x="7467" y="0"/>
                  </a:lnTo>
                  <a:lnTo>
                    <a:pt x="7480" y="1"/>
                  </a:lnTo>
                  <a:lnTo>
                    <a:pt x="7493" y="3"/>
                  </a:lnTo>
                  <a:lnTo>
                    <a:pt x="7505" y="5"/>
                  </a:lnTo>
                  <a:lnTo>
                    <a:pt x="7518" y="10"/>
                  </a:lnTo>
                  <a:lnTo>
                    <a:pt x="7529" y="13"/>
                  </a:lnTo>
                  <a:lnTo>
                    <a:pt x="7540" y="18"/>
                  </a:lnTo>
                  <a:lnTo>
                    <a:pt x="7552" y="23"/>
                  </a:lnTo>
                  <a:lnTo>
                    <a:pt x="7562" y="28"/>
                  </a:lnTo>
                  <a:lnTo>
                    <a:pt x="7572" y="34"/>
                  </a:lnTo>
                  <a:lnTo>
                    <a:pt x="7582" y="42"/>
                  </a:lnTo>
                  <a:lnTo>
                    <a:pt x="7591" y="49"/>
                  </a:lnTo>
                  <a:lnTo>
                    <a:pt x="7610" y="65"/>
                  </a:lnTo>
                  <a:lnTo>
                    <a:pt x="7626" y="84"/>
                  </a:lnTo>
                  <a:lnTo>
                    <a:pt x="7642" y="104"/>
                  </a:lnTo>
                  <a:lnTo>
                    <a:pt x="7656" y="124"/>
                  </a:lnTo>
                  <a:lnTo>
                    <a:pt x="7670" y="147"/>
                  </a:lnTo>
                  <a:lnTo>
                    <a:pt x="7682" y="171"/>
                  </a:lnTo>
                  <a:lnTo>
                    <a:pt x="7693" y="195"/>
                  </a:lnTo>
                  <a:lnTo>
                    <a:pt x="7705" y="219"/>
                  </a:lnTo>
                  <a:lnTo>
                    <a:pt x="7715" y="245"/>
                  </a:lnTo>
                  <a:lnTo>
                    <a:pt x="7724" y="271"/>
                  </a:lnTo>
                  <a:lnTo>
                    <a:pt x="8840" y="3389"/>
                  </a:lnTo>
                  <a:lnTo>
                    <a:pt x="8844" y="3402"/>
                  </a:lnTo>
                  <a:lnTo>
                    <a:pt x="8847" y="3415"/>
                  </a:lnTo>
                  <a:lnTo>
                    <a:pt x="8848" y="3429"/>
                  </a:lnTo>
                  <a:lnTo>
                    <a:pt x="8849" y="3441"/>
                  </a:lnTo>
                  <a:lnTo>
                    <a:pt x="8848" y="3453"/>
                  </a:lnTo>
                  <a:lnTo>
                    <a:pt x="8846" y="3466"/>
                  </a:lnTo>
                  <a:lnTo>
                    <a:pt x="8843" y="3478"/>
                  </a:lnTo>
                  <a:lnTo>
                    <a:pt x="8840" y="3491"/>
                  </a:lnTo>
                  <a:lnTo>
                    <a:pt x="8835" y="3502"/>
                  </a:lnTo>
                  <a:lnTo>
                    <a:pt x="8830" y="3514"/>
                  </a:lnTo>
                  <a:lnTo>
                    <a:pt x="8822" y="3526"/>
                  </a:lnTo>
                  <a:lnTo>
                    <a:pt x="8815" y="3536"/>
                  </a:lnTo>
                  <a:lnTo>
                    <a:pt x="8807" y="3547"/>
                  </a:lnTo>
                  <a:lnTo>
                    <a:pt x="8799" y="3558"/>
                  </a:lnTo>
                  <a:lnTo>
                    <a:pt x="8789" y="3567"/>
                  </a:lnTo>
                  <a:lnTo>
                    <a:pt x="8779" y="3577"/>
                  </a:lnTo>
                  <a:lnTo>
                    <a:pt x="8768" y="3587"/>
                  </a:lnTo>
                  <a:lnTo>
                    <a:pt x="8757" y="3595"/>
                  </a:lnTo>
                  <a:lnTo>
                    <a:pt x="8745" y="3603"/>
                  </a:lnTo>
                  <a:lnTo>
                    <a:pt x="8732" y="3612"/>
                  </a:lnTo>
                  <a:lnTo>
                    <a:pt x="8720" y="3619"/>
                  </a:lnTo>
                  <a:lnTo>
                    <a:pt x="8708" y="3626"/>
                  </a:lnTo>
                  <a:lnTo>
                    <a:pt x="8694" y="3632"/>
                  </a:lnTo>
                  <a:lnTo>
                    <a:pt x="8681" y="3637"/>
                  </a:lnTo>
                  <a:lnTo>
                    <a:pt x="8667" y="3643"/>
                  </a:lnTo>
                  <a:lnTo>
                    <a:pt x="8653" y="3648"/>
                  </a:lnTo>
                  <a:lnTo>
                    <a:pt x="8639" y="3652"/>
                  </a:lnTo>
                  <a:lnTo>
                    <a:pt x="8625" y="3655"/>
                  </a:lnTo>
                  <a:lnTo>
                    <a:pt x="8610" y="3657"/>
                  </a:lnTo>
                  <a:lnTo>
                    <a:pt x="8597" y="3659"/>
                  </a:lnTo>
                  <a:lnTo>
                    <a:pt x="8582" y="3660"/>
                  </a:lnTo>
                  <a:lnTo>
                    <a:pt x="8568" y="3660"/>
                  </a:lnTo>
                  <a:lnTo>
                    <a:pt x="279" y="3660"/>
                  </a:lnTo>
                  <a:lnTo>
                    <a:pt x="264" y="3660"/>
                  </a:lnTo>
                  <a:lnTo>
                    <a:pt x="251" y="3659"/>
                  </a:lnTo>
                  <a:lnTo>
                    <a:pt x="237" y="3657"/>
                  </a:lnTo>
                  <a:lnTo>
                    <a:pt x="222" y="3655"/>
                  </a:lnTo>
                  <a:lnTo>
                    <a:pt x="209" y="3652"/>
                  </a:lnTo>
                  <a:lnTo>
                    <a:pt x="194" y="3648"/>
                  </a:lnTo>
                  <a:lnTo>
                    <a:pt x="181" y="3644"/>
                  </a:lnTo>
                  <a:lnTo>
                    <a:pt x="167" y="3638"/>
                  </a:lnTo>
                  <a:lnTo>
                    <a:pt x="154" y="3632"/>
                  </a:lnTo>
                  <a:lnTo>
                    <a:pt x="140" y="3626"/>
                  </a:lnTo>
                  <a:lnTo>
                    <a:pt x="128" y="3620"/>
                  </a:lnTo>
                  <a:lnTo>
                    <a:pt x="116" y="3613"/>
                  </a:lnTo>
                  <a:lnTo>
                    <a:pt x="104" y="3604"/>
                  </a:lnTo>
                  <a:lnTo>
                    <a:pt x="92" y="3596"/>
                  </a:lnTo>
                  <a:lnTo>
                    <a:pt x="81" y="3588"/>
                  </a:lnTo>
                  <a:lnTo>
                    <a:pt x="70" y="3578"/>
                  </a:lnTo>
                  <a:lnTo>
                    <a:pt x="61" y="3569"/>
                  </a:lnTo>
                  <a:lnTo>
                    <a:pt x="51" y="3559"/>
                  </a:lnTo>
                  <a:lnTo>
                    <a:pt x="42" y="3549"/>
                  </a:lnTo>
                  <a:lnTo>
                    <a:pt x="34" y="3537"/>
                  </a:lnTo>
                  <a:lnTo>
                    <a:pt x="27" y="3527"/>
                  </a:lnTo>
                  <a:lnTo>
                    <a:pt x="20" y="3515"/>
                  </a:lnTo>
                  <a:lnTo>
                    <a:pt x="15" y="3504"/>
                  </a:lnTo>
                  <a:lnTo>
                    <a:pt x="10" y="3492"/>
                  </a:lnTo>
                  <a:lnTo>
                    <a:pt x="6" y="3479"/>
                  </a:lnTo>
                  <a:lnTo>
                    <a:pt x="3" y="3467"/>
                  </a:lnTo>
                  <a:lnTo>
                    <a:pt x="1" y="3454"/>
                  </a:lnTo>
                  <a:lnTo>
                    <a:pt x="0" y="3442"/>
                  </a:lnTo>
                  <a:lnTo>
                    <a:pt x="0" y="3429"/>
                  </a:lnTo>
                  <a:lnTo>
                    <a:pt x="1" y="3415"/>
                  </a:lnTo>
                  <a:lnTo>
                    <a:pt x="4" y="3403"/>
                  </a:lnTo>
                  <a:lnTo>
                    <a:pt x="7" y="3389"/>
                  </a:lnTo>
                  <a:lnTo>
                    <a:pt x="973" y="271"/>
                  </a:lnTo>
                  <a:lnTo>
                    <a:pt x="981" y="245"/>
                  </a:lnTo>
                  <a:lnTo>
                    <a:pt x="990" y="218"/>
                  </a:lnTo>
                  <a:lnTo>
                    <a:pt x="1001" y="194"/>
                  </a:lnTo>
                  <a:lnTo>
                    <a:pt x="1012" y="169"/>
                  </a:lnTo>
                  <a:lnTo>
                    <a:pt x="1024" y="145"/>
                  </a:lnTo>
                  <a:lnTo>
                    <a:pt x="1038" y="123"/>
                  </a:lnTo>
                  <a:lnTo>
                    <a:pt x="1052" y="102"/>
                  </a:lnTo>
                  <a:lnTo>
                    <a:pt x="1069" y="82"/>
                  </a:lnTo>
                  <a:lnTo>
                    <a:pt x="1077" y="73"/>
                  </a:lnTo>
                  <a:lnTo>
                    <a:pt x="1085" y="64"/>
                  </a:lnTo>
                  <a:lnTo>
                    <a:pt x="1095" y="56"/>
                  </a:lnTo>
                  <a:lnTo>
                    <a:pt x="1104" y="48"/>
                  </a:lnTo>
                  <a:lnTo>
                    <a:pt x="1113" y="41"/>
                  </a:lnTo>
                  <a:lnTo>
                    <a:pt x="1124" y="34"/>
                  </a:lnTo>
                  <a:lnTo>
                    <a:pt x="1134" y="28"/>
                  </a:lnTo>
                  <a:lnTo>
                    <a:pt x="1144" y="22"/>
                  </a:lnTo>
                  <a:lnTo>
                    <a:pt x="1156" y="17"/>
                  </a:lnTo>
                  <a:lnTo>
                    <a:pt x="1167" y="13"/>
                  </a:lnTo>
                  <a:lnTo>
                    <a:pt x="1178" y="9"/>
                  </a:lnTo>
                  <a:lnTo>
                    <a:pt x="1191" y="5"/>
                  </a:lnTo>
                  <a:lnTo>
                    <a:pt x="1203" y="3"/>
                  </a:lnTo>
                  <a:lnTo>
                    <a:pt x="1217" y="1"/>
                  </a:lnTo>
                  <a:lnTo>
                    <a:pt x="1230" y="0"/>
                  </a:lnTo>
                  <a:lnTo>
                    <a:pt x="1243" y="0"/>
                  </a:lnTo>
                  <a:close/>
                  <a:moveTo>
                    <a:pt x="7381" y="348"/>
                  </a:moveTo>
                  <a:lnTo>
                    <a:pt x="7398" y="391"/>
                  </a:lnTo>
                  <a:lnTo>
                    <a:pt x="8443" y="3313"/>
                  </a:lnTo>
                  <a:lnTo>
                    <a:pt x="395" y="3313"/>
                  </a:lnTo>
                  <a:lnTo>
                    <a:pt x="1314" y="348"/>
                  </a:lnTo>
                  <a:lnTo>
                    <a:pt x="7381" y="34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srgbClr val="1D1D1A"/>
                </a:solidFill>
                <a:cs typeface="+mn-ea"/>
                <a:sym typeface="+mn-lt"/>
              </a:endParaRPr>
            </a:p>
          </p:txBody>
        </p:sp>
        <p:sp>
          <p:nvSpPr>
            <p:cNvPr id="143" name="Freeform 49">
              <a:extLst>
                <a:ext uri="{FF2B5EF4-FFF2-40B4-BE49-F238E27FC236}">
                  <a16:creationId xmlns:a16="http://schemas.microsoft.com/office/drawing/2014/main" xmlns="" id="{9024DCAD-878C-4B3F-A9AF-1F437138828A}"/>
                </a:ext>
              </a:extLst>
            </p:cNvPr>
            <p:cNvSpPr>
              <a:spLocks noEditPoints="1"/>
            </p:cNvSpPr>
            <p:nvPr/>
          </p:nvSpPr>
          <p:spPr bwMode="auto">
            <a:xfrm>
              <a:off x="2847975" y="4743450"/>
              <a:ext cx="1544638" cy="717550"/>
            </a:xfrm>
            <a:custGeom>
              <a:avLst/>
              <a:gdLst/>
              <a:ahLst/>
              <a:cxnLst>
                <a:cxn ang="0">
                  <a:pos x="15635" y="5"/>
                </a:cxn>
                <a:cxn ang="0">
                  <a:pos x="15832" y="46"/>
                </a:cxn>
                <a:cxn ang="0">
                  <a:pos x="16012" y="122"/>
                </a:cxn>
                <a:cxn ang="0">
                  <a:pos x="16173" y="232"/>
                </a:cxn>
                <a:cxn ang="0">
                  <a:pos x="16310" y="368"/>
                </a:cxn>
                <a:cxn ang="0">
                  <a:pos x="16419" y="529"/>
                </a:cxn>
                <a:cxn ang="0">
                  <a:pos x="16496" y="709"/>
                </a:cxn>
                <a:cxn ang="0">
                  <a:pos x="16536" y="906"/>
                </a:cxn>
                <a:cxn ang="0">
                  <a:pos x="12641" y="3632"/>
                </a:cxn>
                <a:cxn ang="0">
                  <a:pos x="12120" y="2239"/>
                </a:cxn>
                <a:cxn ang="0">
                  <a:pos x="12059" y="2147"/>
                </a:cxn>
                <a:cxn ang="0">
                  <a:pos x="11959" y="2024"/>
                </a:cxn>
                <a:cxn ang="0">
                  <a:pos x="11513" y="1757"/>
                </a:cxn>
                <a:cxn ang="0">
                  <a:pos x="4682" y="1829"/>
                </a:cxn>
                <a:cxn ang="0">
                  <a:pos x="4333" y="2138"/>
                </a:cxn>
                <a:cxn ang="0">
                  <a:pos x="4232" y="2305"/>
                </a:cxn>
                <a:cxn ang="0">
                  <a:pos x="0" y="3632"/>
                </a:cxn>
                <a:cxn ang="0">
                  <a:pos x="11" y="856"/>
                </a:cxn>
                <a:cxn ang="0">
                  <a:pos x="61" y="663"/>
                </a:cxn>
                <a:cxn ang="0">
                  <a:pos x="147" y="487"/>
                </a:cxn>
                <a:cxn ang="0">
                  <a:pos x="263" y="332"/>
                </a:cxn>
                <a:cxn ang="0">
                  <a:pos x="406" y="202"/>
                </a:cxn>
                <a:cxn ang="0">
                  <a:pos x="572" y="100"/>
                </a:cxn>
                <a:cxn ang="0">
                  <a:pos x="757" y="32"/>
                </a:cxn>
                <a:cxn ang="0">
                  <a:pos x="956" y="1"/>
                </a:cxn>
                <a:cxn ang="0">
                  <a:pos x="15134" y="1652"/>
                </a:cxn>
                <a:cxn ang="0">
                  <a:pos x="16541" y="6683"/>
                </a:cxn>
                <a:cxn ang="0">
                  <a:pos x="16520" y="6886"/>
                </a:cxn>
                <a:cxn ang="0">
                  <a:pos x="16461" y="7075"/>
                </a:cxn>
                <a:cxn ang="0">
                  <a:pos x="16368" y="7247"/>
                </a:cxn>
                <a:cxn ang="0">
                  <a:pos x="16244" y="7396"/>
                </a:cxn>
                <a:cxn ang="0">
                  <a:pos x="16095" y="7519"/>
                </a:cxn>
                <a:cxn ang="0">
                  <a:pos x="15924" y="7612"/>
                </a:cxn>
                <a:cxn ang="0">
                  <a:pos x="15735" y="7671"/>
                </a:cxn>
                <a:cxn ang="0">
                  <a:pos x="15532" y="7692"/>
                </a:cxn>
                <a:cxn ang="0">
                  <a:pos x="855" y="7681"/>
                </a:cxn>
                <a:cxn ang="0">
                  <a:pos x="663" y="7631"/>
                </a:cxn>
                <a:cxn ang="0">
                  <a:pos x="486" y="7545"/>
                </a:cxn>
                <a:cxn ang="0">
                  <a:pos x="331" y="7429"/>
                </a:cxn>
                <a:cxn ang="0">
                  <a:pos x="201" y="7286"/>
                </a:cxn>
                <a:cxn ang="0">
                  <a:pos x="99" y="7120"/>
                </a:cxn>
                <a:cxn ang="0">
                  <a:pos x="32" y="6935"/>
                </a:cxn>
                <a:cxn ang="0">
                  <a:pos x="1" y="6736"/>
                </a:cxn>
                <a:cxn ang="0">
                  <a:pos x="3170" y="5677"/>
                </a:cxn>
                <a:cxn ang="0">
                  <a:pos x="3442" y="6527"/>
                </a:cxn>
                <a:cxn ang="0">
                  <a:pos x="4086" y="6792"/>
                </a:cxn>
                <a:cxn ang="0">
                  <a:pos x="12949" y="6640"/>
                </a:cxn>
                <a:cxn ang="0">
                  <a:pos x="13402" y="5878"/>
                </a:cxn>
              </a:cxnLst>
              <a:rect l="0" t="0" r="r" b="b"/>
              <a:pathLst>
                <a:path w="16541" h="7692">
                  <a:moveTo>
                    <a:pt x="1009" y="0"/>
                  </a:moveTo>
                  <a:lnTo>
                    <a:pt x="15532" y="0"/>
                  </a:lnTo>
                  <a:lnTo>
                    <a:pt x="15584" y="1"/>
                  </a:lnTo>
                  <a:lnTo>
                    <a:pt x="15635" y="5"/>
                  </a:lnTo>
                  <a:lnTo>
                    <a:pt x="15685" y="12"/>
                  </a:lnTo>
                  <a:lnTo>
                    <a:pt x="15735" y="21"/>
                  </a:lnTo>
                  <a:lnTo>
                    <a:pt x="15784" y="32"/>
                  </a:lnTo>
                  <a:lnTo>
                    <a:pt x="15832" y="46"/>
                  </a:lnTo>
                  <a:lnTo>
                    <a:pt x="15878" y="62"/>
                  </a:lnTo>
                  <a:lnTo>
                    <a:pt x="15924" y="80"/>
                  </a:lnTo>
                  <a:lnTo>
                    <a:pt x="15968" y="100"/>
                  </a:lnTo>
                  <a:lnTo>
                    <a:pt x="16012" y="122"/>
                  </a:lnTo>
                  <a:lnTo>
                    <a:pt x="16054" y="147"/>
                  </a:lnTo>
                  <a:lnTo>
                    <a:pt x="16095" y="173"/>
                  </a:lnTo>
                  <a:lnTo>
                    <a:pt x="16135" y="202"/>
                  </a:lnTo>
                  <a:lnTo>
                    <a:pt x="16173" y="232"/>
                  </a:lnTo>
                  <a:lnTo>
                    <a:pt x="16209" y="263"/>
                  </a:lnTo>
                  <a:lnTo>
                    <a:pt x="16244" y="297"/>
                  </a:lnTo>
                  <a:lnTo>
                    <a:pt x="16278" y="332"/>
                  </a:lnTo>
                  <a:lnTo>
                    <a:pt x="16310" y="368"/>
                  </a:lnTo>
                  <a:lnTo>
                    <a:pt x="16339" y="406"/>
                  </a:lnTo>
                  <a:lnTo>
                    <a:pt x="16368" y="446"/>
                  </a:lnTo>
                  <a:lnTo>
                    <a:pt x="16394" y="487"/>
                  </a:lnTo>
                  <a:lnTo>
                    <a:pt x="16419" y="529"/>
                  </a:lnTo>
                  <a:lnTo>
                    <a:pt x="16441" y="573"/>
                  </a:lnTo>
                  <a:lnTo>
                    <a:pt x="16461" y="617"/>
                  </a:lnTo>
                  <a:lnTo>
                    <a:pt x="16480" y="663"/>
                  </a:lnTo>
                  <a:lnTo>
                    <a:pt x="16496" y="709"/>
                  </a:lnTo>
                  <a:lnTo>
                    <a:pt x="16509" y="758"/>
                  </a:lnTo>
                  <a:lnTo>
                    <a:pt x="16520" y="806"/>
                  </a:lnTo>
                  <a:lnTo>
                    <a:pt x="16530" y="856"/>
                  </a:lnTo>
                  <a:lnTo>
                    <a:pt x="16536" y="906"/>
                  </a:lnTo>
                  <a:lnTo>
                    <a:pt x="16540" y="957"/>
                  </a:lnTo>
                  <a:lnTo>
                    <a:pt x="16541" y="1009"/>
                  </a:lnTo>
                  <a:lnTo>
                    <a:pt x="16541" y="3632"/>
                  </a:lnTo>
                  <a:lnTo>
                    <a:pt x="12641" y="3632"/>
                  </a:lnTo>
                  <a:lnTo>
                    <a:pt x="12225" y="2466"/>
                  </a:lnTo>
                  <a:lnTo>
                    <a:pt x="12150" y="2291"/>
                  </a:lnTo>
                  <a:lnTo>
                    <a:pt x="12135" y="2264"/>
                  </a:lnTo>
                  <a:lnTo>
                    <a:pt x="12120" y="2239"/>
                  </a:lnTo>
                  <a:lnTo>
                    <a:pt x="12105" y="2215"/>
                  </a:lnTo>
                  <a:lnTo>
                    <a:pt x="12090" y="2191"/>
                  </a:lnTo>
                  <a:lnTo>
                    <a:pt x="12075" y="2169"/>
                  </a:lnTo>
                  <a:lnTo>
                    <a:pt x="12059" y="2147"/>
                  </a:lnTo>
                  <a:lnTo>
                    <a:pt x="12044" y="2126"/>
                  </a:lnTo>
                  <a:lnTo>
                    <a:pt x="12027" y="2105"/>
                  </a:lnTo>
                  <a:lnTo>
                    <a:pt x="11994" y="2064"/>
                  </a:lnTo>
                  <a:lnTo>
                    <a:pt x="11959" y="2024"/>
                  </a:lnTo>
                  <a:lnTo>
                    <a:pt x="11921" y="1983"/>
                  </a:lnTo>
                  <a:lnTo>
                    <a:pt x="11881" y="1941"/>
                  </a:lnTo>
                  <a:lnTo>
                    <a:pt x="11713" y="1832"/>
                  </a:lnTo>
                  <a:lnTo>
                    <a:pt x="11513" y="1757"/>
                  </a:lnTo>
                  <a:lnTo>
                    <a:pt x="11336" y="1739"/>
                  </a:lnTo>
                  <a:lnTo>
                    <a:pt x="5053" y="1739"/>
                  </a:lnTo>
                  <a:lnTo>
                    <a:pt x="4881" y="1757"/>
                  </a:lnTo>
                  <a:lnTo>
                    <a:pt x="4682" y="1829"/>
                  </a:lnTo>
                  <a:lnTo>
                    <a:pt x="4518" y="1933"/>
                  </a:lnTo>
                  <a:lnTo>
                    <a:pt x="4392" y="2054"/>
                  </a:lnTo>
                  <a:lnTo>
                    <a:pt x="4361" y="2096"/>
                  </a:lnTo>
                  <a:lnTo>
                    <a:pt x="4333" y="2138"/>
                  </a:lnTo>
                  <a:lnTo>
                    <a:pt x="4306" y="2178"/>
                  </a:lnTo>
                  <a:lnTo>
                    <a:pt x="4280" y="2219"/>
                  </a:lnTo>
                  <a:lnTo>
                    <a:pt x="4256" y="2262"/>
                  </a:lnTo>
                  <a:lnTo>
                    <a:pt x="4232" y="2305"/>
                  </a:lnTo>
                  <a:lnTo>
                    <a:pt x="4210" y="2351"/>
                  </a:lnTo>
                  <a:lnTo>
                    <a:pt x="4188" y="2398"/>
                  </a:lnTo>
                  <a:lnTo>
                    <a:pt x="3804" y="3632"/>
                  </a:lnTo>
                  <a:lnTo>
                    <a:pt x="0" y="3632"/>
                  </a:lnTo>
                  <a:lnTo>
                    <a:pt x="0" y="1009"/>
                  </a:lnTo>
                  <a:lnTo>
                    <a:pt x="1" y="957"/>
                  </a:lnTo>
                  <a:lnTo>
                    <a:pt x="5" y="906"/>
                  </a:lnTo>
                  <a:lnTo>
                    <a:pt x="11" y="856"/>
                  </a:lnTo>
                  <a:lnTo>
                    <a:pt x="21" y="806"/>
                  </a:lnTo>
                  <a:lnTo>
                    <a:pt x="32" y="758"/>
                  </a:lnTo>
                  <a:lnTo>
                    <a:pt x="45" y="709"/>
                  </a:lnTo>
                  <a:lnTo>
                    <a:pt x="61" y="663"/>
                  </a:lnTo>
                  <a:lnTo>
                    <a:pt x="80" y="617"/>
                  </a:lnTo>
                  <a:lnTo>
                    <a:pt x="99" y="573"/>
                  </a:lnTo>
                  <a:lnTo>
                    <a:pt x="122" y="529"/>
                  </a:lnTo>
                  <a:lnTo>
                    <a:pt x="147" y="487"/>
                  </a:lnTo>
                  <a:lnTo>
                    <a:pt x="173" y="446"/>
                  </a:lnTo>
                  <a:lnTo>
                    <a:pt x="201" y="406"/>
                  </a:lnTo>
                  <a:lnTo>
                    <a:pt x="231" y="368"/>
                  </a:lnTo>
                  <a:lnTo>
                    <a:pt x="263" y="332"/>
                  </a:lnTo>
                  <a:lnTo>
                    <a:pt x="296" y="297"/>
                  </a:lnTo>
                  <a:lnTo>
                    <a:pt x="331" y="263"/>
                  </a:lnTo>
                  <a:lnTo>
                    <a:pt x="368" y="232"/>
                  </a:lnTo>
                  <a:lnTo>
                    <a:pt x="406" y="202"/>
                  </a:lnTo>
                  <a:lnTo>
                    <a:pt x="446" y="173"/>
                  </a:lnTo>
                  <a:lnTo>
                    <a:pt x="486" y="147"/>
                  </a:lnTo>
                  <a:lnTo>
                    <a:pt x="528" y="122"/>
                  </a:lnTo>
                  <a:lnTo>
                    <a:pt x="572" y="100"/>
                  </a:lnTo>
                  <a:lnTo>
                    <a:pt x="617" y="80"/>
                  </a:lnTo>
                  <a:lnTo>
                    <a:pt x="663" y="62"/>
                  </a:lnTo>
                  <a:lnTo>
                    <a:pt x="709" y="46"/>
                  </a:lnTo>
                  <a:lnTo>
                    <a:pt x="757" y="32"/>
                  </a:lnTo>
                  <a:lnTo>
                    <a:pt x="805" y="21"/>
                  </a:lnTo>
                  <a:lnTo>
                    <a:pt x="855" y="12"/>
                  </a:lnTo>
                  <a:lnTo>
                    <a:pt x="906" y="5"/>
                  </a:lnTo>
                  <a:lnTo>
                    <a:pt x="956" y="1"/>
                  </a:lnTo>
                  <a:lnTo>
                    <a:pt x="1009" y="0"/>
                  </a:lnTo>
                  <a:close/>
                  <a:moveTo>
                    <a:pt x="13450" y="910"/>
                  </a:moveTo>
                  <a:lnTo>
                    <a:pt x="15134" y="910"/>
                  </a:lnTo>
                  <a:lnTo>
                    <a:pt x="15134" y="1652"/>
                  </a:lnTo>
                  <a:lnTo>
                    <a:pt x="13450" y="1652"/>
                  </a:lnTo>
                  <a:lnTo>
                    <a:pt x="13450" y="910"/>
                  </a:lnTo>
                  <a:close/>
                  <a:moveTo>
                    <a:pt x="16541" y="4060"/>
                  </a:moveTo>
                  <a:lnTo>
                    <a:pt x="16541" y="6683"/>
                  </a:lnTo>
                  <a:lnTo>
                    <a:pt x="16540" y="6736"/>
                  </a:lnTo>
                  <a:lnTo>
                    <a:pt x="16536" y="6787"/>
                  </a:lnTo>
                  <a:lnTo>
                    <a:pt x="16530" y="6837"/>
                  </a:lnTo>
                  <a:lnTo>
                    <a:pt x="16520" y="6886"/>
                  </a:lnTo>
                  <a:lnTo>
                    <a:pt x="16509" y="6935"/>
                  </a:lnTo>
                  <a:lnTo>
                    <a:pt x="16496" y="6983"/>
                  </a:lnTo>
                  <a:lnTo>
                    <a:pt x="16480" y="7029"/>
                  </a:lnTo>
                  <a:lnTo>
                    <a:pt x="16461" y="7075"/>
                  </a:lnTo>
                  <a:lnTo>
                    <a:pt x="16441" y="7120"/>
                  </a:lnTo>
                  <a:lnTo>
                    <a:pt x="16419" y="7164"/>
                  </a:lnTo>
                  <a:lnTo>
                    <a:pt x="16394" y="7206"/>
                  </a:lnTo>
                  <a:lnTo>
                    <a:pt x="16368" y="7247"/>
                  </a:lnTo>
                  <a:lnTo>
                    <a:pt x="16339" y="7286"/>
                  </a:lnTo>
                  <a:lnTo>
                    <a:pt x="16310" y="7324"/>
                  </a:lnTo>
                  <a:lnTo>
                    <a:pt x="16278" y="7361"/>
                  </a:lnTo>
                  <a:lnTo>
                    <a:pt x="16244" y="7396"/>
                  </a:lnTo>
                  <a:lnTo>
                    <a:pt x="16209" y="7429"/>
                  </a:lnTo>
                  <a:lnTo>
                    <a:pt x="16173" y="7462"/>
                  </a:lnTo>
                  <a:lnTo>
                    <a:pt x="16135" y="7491"/>
                  </a:lnTo>
                  <a:lnTo>
                    <a:pt x="16095" y="7519"/>
                  </a:lnTo>
                  <a:lnTo>
                    <a:pt x="16054" y="7545"/>
                  </a:lnTo>
                  <a:lnTo>
                    <a:pt x="16012" y="7570"/>
                  </a:lnTo>
                  <a:lnTo>
                    <a:pt x="15968" y="7593"/>
                  </a:lnTo>
                  <a:lnTo>
                    <a:pt x="15924" y="7612"/>
                  </a:lnTo>
                  <a:lnTo>
                    <a:pt x="15878" y="7631"/>
                  </a:lnTo>
                  <a:lnTo>
                    <a:pt x="15832" y="7647"/>
                  </a:lnTo>
                  <a:lnTo>
                    <a:pt x="15784" y="7660"/>
                  </a:lnTo>
                  <a:lnTo>
                    <a:pt x="15735" y="7671"/>
                  </a:lnTo>
                  <a:lnTo>
                    <a:pt x="15685" y="7681"/>
                  </a:lnTo>
                  <a:lnTo>
                    <a:pt x="15635" y="7687"/>
                  </a:lnTo>
                  <a:lnTo>
                    <a:pt x="15584" y="7691"/>
                  </a:lnTo>
                  <a:lnTo>
                    <a:pt x="15532" y="7692"/>
                  </a:lnTo>
                  <a:lnTo>
                    <a:pt x="1009" y="7692"/>
                  </a:lnTo>
                  <a:lnTo>
                    <a:pt x="956" y="7691"/>
                  </a:lnTo>
                  <a:lnTo>
                    <a:pt x="906" y="7687"/>
                  </a:lnTo>
                  <a:lnTo>
                    <a:pt x="855" y="7681"/>
                  </a:lnTo>
                  <a:lnTo>
                    <a:pt x="805" y="7671"/>
                  </a:lnTo>
                  <a:lnTo>
                    <a:pt x="757" y="7660"/>
                  </a:lnTo>
                  <a:lnTo>
                    <a:pt x="709" y="7647"/>
                  </a:lnTo>
                  <a:lnTo>
                    <a:pt x="663" y="7631"/>
                  </a:lnTo>
                  <a:lnTo>
                    <a:pt x="617" y="7612"/>
                  </a:lnTo>
                  <a:lnTo>
                    <a:pt x="572" y="7593"/>
                  </a:lnTo>
                  <a:lnTo>
                    <a:pt x="528" y="7570"/>
                  </a:lnTo>
                  <a:lnTo>
                    <a:pt x="486" y="7545"/>
                  </a:lnTo>
                  <a:lnTo>
                    <a:pt x="446" y="7519"/>
                  </a:lnTo>
                  <a:lnTo>
                    <a:pt x="406" y="7491"/>
                  </a:lnTo>
                  <a:lnTo>
                    <a:pt x="368" y="7462"/>
                  </a:lnTo>
                  <a:lnTo>
                    <a:pt x="331" y="7429"/>
                  </a:lnTo>
                  <a:lnTo>
                    <a:pt x="296" y="7396"/>
                  </a:lnTo>
                  <a:lnTo>
                    <a:pt x="263" y="7361"/>
                  </a:lnTo>
                  <a:lnTo>
                    <a:pt x="231" y="7324"/>
                  </a:lnTo>
                  <a:lnTo>
                    <a:pt x="201" y="7286"/>
                  </a:lnTo>
                  <a:lnTo>
                    <a:pt x="173" y="7247"/>
                  </a:lnTo>
                  <a:lnTo>
                    <a:pt x="147" y="7206"/>
                  </a:lnTo>
                  <a:lnTo>
                    <a:pt x="122" y="7164"/>
                  </a:lnTo>
                  <a:lnTo>
                    <a:pt x="99" y="7120"/>
                  </a:lnTo>
                  <a:lnTo>
                    <a:pt x="80" y="7075"/>
                  </a:lnTo>
                  <a:lnTo>
                    <a:pt x="61" y="7029"/>
                  </a:lnTo>
                  <a:lnTo>
                    <a:pt x="45" y="6983"/>
                  </a:lnTo>
                  <a:lnTo>
                    <a:pt x="32" y="6935"/>
                  </a:lnTo>
                  <a:lnTo>
                    <a:pt x="21" y="6886"/>
                  </a:lnTo>
                  <a:lnTo>
                    <a:pt x="11" y="6837"/>
                  </a:lnTo>
                  <a:lnTo>
                    <a:pt x="5" y="6787"/>
                  </a:lnTo>
                  <a:lnTo>
                    <a:pt x="1" y="6736"/>
                  </a:lnTo>
                  <a:lnTo>
                    <a:pt x="0" y="6683"/>
                  </a:lnTo>
                  <a:lnTo>
                    <a:pt x="0" y="4060"/>
                  </a:lnTo>
                  <a:lnTo>
                    <a:pt x="3672" y="4060"/>
                  </a:lnTo>
                  <a:lnTo>
                    <a:pt x="3170" y="5677"/>
                  </a:lnTo>
                  <a:lnTo>
                    <a:pt x="3142" y="5900"/>
                  </a:lnTo>
                  <a:lnTo>
                    <a:pt x="3193" y="6164"/>
                  </a:lnTo>
                  <a:lnTo>
                    <a:pt x="3305" y="6371"/>
                  </a:lnTo>
                  <a:lnTo>
                    <a:pt x="3442" y="6527"/>
                  </a:lnTo>
                  <a:lnTo>
                    <a:pt x="3595" y="6641"/>
                  </a:lnTo>
                  <a:lnTo>
                    <a:pt x="3755" y="6723"/>
                  </a:lnTo>
                  <a:lnTo>
                    <a:pt x="3931" y="6774"/>
                  </a:lnTo>
                  <a:lnTo>
                    <a:pt x="4086" y="6792"/>
                  </a:lnTo>
                  <a:lnTo>
                    <a:pt x="12452" y="6792"/>
                  </a:lnTo>
                  <a:lnTo>
                    <a:pt x="12610" y="6774"/>
                  </a:lnTo>
                  <a:lnTo>
                    <a:pt x="12786" y="6721"/>
                  </a:lnTo>
                  <a:lnTo>
                    <a:pt x="12949" y="6640"/>
                  </a:lnTo>
                  <a:lnTo>
                    <a:pt x="13097" y="6528"/>
                  </a:lnTo>
                  <a:lnTo>
                    <a:pt x="13238" y="6372"/>
                  </a:lnTo>
                  <a:lnTo>
                    <a:pt x="13352" y="6155"/>
                  </a:lnTo>
                  <a:lnTo>
                    <a:pt x="13402" y="5878"/>
                  </a:lnTo>
                  <a:lnTo>
                    <a:pt x="13361" y="5646"/>
                  </a:lnTo>
                  <a:lnTo>
                    <a:pt x="12794" y="4060"/>
                  </a:lnTo>
                  <a:lnTo>
                    <a:pt x="16541" y="406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srgbClr val="1D1D1A"/>
                </a:solidFill>
                <a:cs typeface="+mn-ea"/>
                <a:sym typeface="+mn-lt"/>
              </a:endParaRPr>
            </a:p>
          </p:txBody>
        </p:sp>
        <p:sp>
          <p:nvSpPr>
            <p:cNvPr id="144" name="Freeform 50">
              <a:extLst>
                <a:ext uri="{FF2B5EF4-FFF2-40B4-BE49-F238E27FC236}">
                  <a16:creationId xmlns:a16="http://schemas.microsoft.com/office/drawing/2014/main" xmlns="" id="{8D1F68E5-FAE7-40E5-B303-9E0C442544F3}"/>
                </a:ext>
              </a:extLst>
            </p:cNvPr>
            <p:cNvSpPr>
              <a:spLocks noEditPoints="1"/>
            </p:cNvSpPr>
            <p:nvPr/>
          </p:nvSpPr>
          <p:spPr bwMode="auto">
            <a:xfrm>
              <a:off x="3257550" y="4319588"/>
              <a:ext cx="725488" cy="395287"/>
            </a:xfrm>
            <a:custGeom>
              <a:avLst/>
              <a:gdLst/>
              <a:ahLst/>
              <a:cxnLst>
                <a:cxn ang="0">
                  <a:pos x="7351" y="0"/>
                </a:cxn>
                <a:cxn ang="0">
                  <a:pos x="7394" y="2"/>
                </a:cxn>
                <a:cxn ang="0">
                  <a:pos x="7436" y="8"/>
                </a:cxn>
                <a:cxn ang="0">
                  <a:pos x="7477" y="20"/>
                </a:cxn>
                <a:cxn ang="0">
                  <a:pos x="7515" y="33"/>
                </a:cxn>
                <a:cxn ang="0">
                  <a:pos x="7552" y="52"/>
                </a:cxn>
                <a:cxn ang="0">
                  <a:pos x="7588" y="72"/>
                </a:cxn>
                <a:cxn ang="0">
                  <a:pos x="7620" y="97"/>
                </a:cxn>
                <a:cxn ang="0">
                  <a:pos x="7650" y="124"/>
                </a:cxn>
                <a:cxn ang="0">
                  <a:pos x="7677" y="154"/>
                </a:cxn>
                <a:cxn ang="0">
                  <a:pos x="7702" y="187"/>
                </a:cxn>
                <a:cxn ang="0">
                  <a:pos x="7723" y="222"/>
                </a:cxn>
                <a:cxn ang="0">
                  <a:pos x="7741" y="259"/>
                </a:cxn>
                <a:cxn ang="0">
                  <a:pos x="7755" y="298"/>
                </a:cxn>
                <a:cxn ang="0">
                  <a:pos x="7765" y="338"/>
                </a:cxn>
                <a:cxn ang="0">
                  <a:pos x="7773" y="380"/>
                </a:cxn>
                <a:cxn ang="0">
                  <a:pos x="7775" y="424"/>
                </a:cxn>
                <a:cxn ang="0">
                  <a:pos x="0" y="4236"/>
                </a:cxn>
                <a:cxn ang="0">
                  <a:pos x="1" y="402"/>
                </a:cxn>
                <a:cxn ang="0">
                  <a:pos x="6" y="360"/>
                </a:cxn>
                <a:cxn ang="0">
                  <a:pos x="14" y="318"/>
                </a:cxn>
                <a:cxn ang="0">
                  <a:pos x="26" y="278"/>
                </a:cxn>
                <a:cxn ang="0">
                  <a:pos x="43" y="241"/>
                </a:cxn>
                <a:cxn ang="0">
                  <a:pos x="62" y="205"/>
                </a:cxn>
                <a:cxn ang="0">
                  <a:pos x="85" y="171"/>
                </a:cxn>
                <a:cxn ang="0">
                  <a:pos x="111" y="140"/>
                </a:cxn>
                <a:cxn ang="0">
                  <a:pos x="140" y="111"/>
                </a:cxn>
                <a:cxn ang="0">
                  <a:pos x="171" y="85"/>
                </a:cxn>
                <a:cxn ang="0">
                  <a:pos x="205" y="62"/>
                </a:cxn>
                <a:cxn ang="0">
                  <a:pos x="241" y="42"/>
                </a:cxn>
                <a:cxn ang="0">
                  <a:pos x="279" y="26"/>
                </a:cxn>
                <a:cxn ang="0">
                  <a:pos x="319" y="13"/>
                </a:cxn>
                <a:cxn ang="0">
                  <a:pos x="360" y="5"/>
                </a:cxn>
                <a:cxn ang="0">
                  <a:pos x="403" y="1"/>
                </a:cxn>
                <a:cxn ang="0">
                  <a:pos x="674" y="491"/>
                </a:cxn>
                <a:cxn ang="0">
                  <a:pos x="7139" y="497"/>
                </a:cxn>
                <a:cxn ang="0">
                  <a:pos x="7153" y="509"/>
                </a:cxn>
                <a:cxn ang="0">
                  <a:pos x="7161" y="524"/>
                </a:cxn>
                <a:cxn ang="0">
                  <a:pos x="7164" y="544"/>
                </a:cxn>
                <a:cxn ang="0">
                  <a:pos x="7165" y="3745"/>
                </a:cxn>
                <a:cxn ang="0">
                  <a:pos x="613" y="528"/>
                </a:cxn>
                <a:cxn ang="0">
                  <a:pos x="618" y="517"/>
                </a:cxn>
                <a:cxn ang="0">
                  <a:pos x="624" y="509"/>
                </a:cxn>
                <a:cxn ang="0">
                  <a:pos x="637" y="497"/>
                </a:cxn>
                <a:cxn ang="0">
                  <a:pos x="655" y="493"/>
                </a:cxn>
                <a:cxn ang="0">
                  <a:pos x="674" y="491"/>
                </a:cxn>
              </a:cxnLst>
              <a:rect l="0" t="0" r="r" b="b"/>
              <a:pathLst>
                <a:path w="7775" h="4236">
                  <a:moveTo>
                    <a:pt x="424" y="0"/>
                  </a:moveTo>
                  <a:lnTo>
                    <a:pt x="7351" y="0"/>
                  </a:lnTo>
                  <a:lnTo>
                    <a:pt x="7372" y="1"/>
                  </a:lnTo>
                  <a:lnTo>
                    <a:pt x="7394" y="2"/>
                  </a:lnTo>
                  <a:lnTo>
                    <a:pt x="7415" y="5"/>
                  </a:lnTo>
                  <a:lnTo>
                    <a:pt x="7436" y="8"/>
                  </a:lnTo>
                  <a:lnTo>
                    <a:pt x="7456" y="13"/>
                  </a:lnTo>
                  <a:lnTo>
                    <a:pt x="7477" y="20"/>
                  </a:lnTo>
                  <a:lnTo>
                    <a:pt x="7497" y="26"/>
                  </a:lnTo>
                  <a:lnTo>
                    <a:pt x="7515" y="33"/>
                  </a:lnTo>
                  <a:lnTo>
                    <a:pt x="7534" y="42"/>
                  </a:lnTo>
                  <a:lnTo>
                    <a:pt x="7552" y="52"/>
                  </a:lnTo>
                  <a:lnTo>
                    <a:pt x="7570" y="62"/>
                  </a:lnTo>
                  <a:lnTo>
                    <a:pt x="7588" y="72"/>
                  </a:lnTo>
                  <a:lnTo>
                    <a:pt x="7604" y="85"/>
                  </a:lnTo>
                  <a:lnTo>
                    <a:pt x="7620" y="97"/>
                  </a:lnTo>
                  <a:lnTo>
                    <a:pt x="7635" y="111"/>
                  </a:lnTo>
                  <a:lnTo>
                    <a:pt x="7650" y="124"/>
                  </a:lnTo>
                  <a:lnTo>
                    <a:pt x="7664" y="140"/>
                  </a:lnTo>
                  <a:lnTo>
                    <a:pt x="7677" y="154"/>
                  </a:lnTo>
                  <a:lnTo>
                    <a:pt x="7690" y="171"/>
                  </a:lnTo>
                  <a:lnTo>
                    <a:pt x="7702" y="187"/>
                  </a:lnTo>
                  <a:lnTo>
                    <a:pt x="7713" y="205"/>
                  </a:lnTo>
                  <a:lnTo>
                    <a:pt x="7723" y="222"/>
                  </a:lnTo>
                  <a:lnTo>
                    <a:pt x="7732" y="241"/>
                  </a:lnTo>
                  <a:lnTo>
                    <a:pt x="7741" y="259"/>
                  </a:lnTo>
                  <a:lnTo>
                    <a:pt x="7749" y="278"/>
                  </a:lnTo>
                  <a:lnTo>
                    <a:pt x="7755" y="298"/>
                  </a:lnTo>
                  <a:lnTo>
                    <a:pt x="7761" y="318"/>
                  </a:lnTo>
                  <a:lnTo>
                    <a:pt x="7765" y="338"/>
                  </a:lnTo>
                  <a:lnTo>
                    <a:pt x="7769" y="360"/>
                  </a:lnTo>
                  <a:lnTo>
                    <a:pt x="7773" y="380"/>
                  </a:lnTo>
                  <a:lnTo>
                    <a:pt x="7774" y="402"/>
                  </a:lnTo>
                  <a:lnTo>
                    <a:pt x="7775" y="424"/>
                  </a:lnTo>
                  <a:lnTo>
                    <a:pt x="7775" y="4236"/>
                  </a:lnTo>
                  <a:lnTo>
                    <a:pt x="0" y="4236"/>
                  </a:lnTo>
                  <a:lnTo>
                    <a:pt x="0" y="424"/>
                  </a:lnTo>
                  <a:lnTo>
                    <a:pt x="1" y="402"/>
                  </a:lnTo>
                  <a:lnTo>
                    <a:pt x="3" y="380"/>
                  </a:lnTo>
                  <a:lnTo>
                    <a:pt x="6" y="360"/>
                  </a:lnTo>
                  <a:lnTo>
                    <a:pt x="10" y="338"/>
                  </a:lnTo>
                  <a:lnTo>
                    <a:pt x="14" y="318"/>
                  </a:lnTo>
                  <a:lnTo>
                    <a:pt x="20" y="298"/>
                  </a:lnTo>
                  <a:lnTo>
                    <a:pt x="26" y="278"/>
                  </a:lnTo>
                  <a:lnTo>
                    <a:pt x="34" y="259"/>
                  </a:lnTo>
                  <a:lnTo>
                    <a:pt x="43" y="241"/>
                  </a:lnTo>
                  <a:lnTo>
                    <a:pt x="52" y="222"/>
                  </a:lnTo>
                  <a:lnTo>
                    <a:pt x="62" y="205"/>
                  </a:lnTo>
                  <a:lnTo>
                    <a:pt x="74" y="187"/>
                  </a:lnTo>
                  <a:lnTo>
                    <a:pt x="85" y="171"/>
                  </a:lnTo>
                  <a:lnTo>
                    <a:pt x="98" y="154"/>
                  </a:lnTo>
                  <a:lnTo>
                    <a:pt x="111" y="140"/>
                  </a:lnTo>
                  <a:lnTo>
                    <a:pt x="125" y="124"/>
                  </a:lnTo>
                  <a:lnTo>
                    <a:pt x="140" y="111"/>
                  </a:lnTo>
                  <a:lnTo>
                    <a:pt x="155" y="97"/>
                  </a:lnTo>
                  <a:lnTo>
                    <a:pt x="171" y="85"/>
                  </a:lnTo>
                  <a:lnTo>
                    <a:pt x="187" y="72"/>
                  </a:lnTo>
                  <a:lnTo>
                    <a:pt x="205" y="62"/>
                  </a:lnTo>
                  <a:lnTo>
                    <a:pt x="223" y="52"/>
                  </a:lnTo>
                  <a:lnTo>
                    <a:pt x="241" y="42"/>
                  </a:lnTo>
                  <a:lnTo>
                    <a:pt x="260" y="33"/>
                  </a:lnTo>
                  <a:lnTo>
                    <a:pt x="279" y="26"/>
                  </a:lnTo>
                  <a:lnTo>
                    <a:pt x="299" y="20"/>
                  </a:lnTo>
                  <a:lnTo>
                    <a:pt x="319" y="13"/>
                  </a:lnTo>
                  <a:lnTo>
                    <a:pt x="339" y="8"/>
                  </a:lnTo>
                  <a:lnTo>
                    <a:pt x="360" y="5"/>
                  </a:lnTo>
                  <a:lnTo>
                    <a:pt x="381" y="2"/>
                  </a:lnTo>
                  <a:lnTo>
                    <a:pt x="403" y="1"/>
                  </a:lnTo>
                  <a:lnTo>
                    <a:pt x="424" y="0"/>
                  </a:lnTo>
                  <a:close/>
                  <a:moveTo>
                    <a:pt x="674" y="491"/>
                  </a:moveTo>
                  <a:lnTo>
                    <a:pt x="7129" y="493"/>
                  </a:lnTo>
                  <a:lnTo>
                    <a:pt x="7139" y="497"/>
                  </a:lnTo>
                  <a:lnTo>
                    <a:pt x="7147" y="502"/>
                  </a:lnTo>
                  <a:lnTo>
                    <a:pt x="7153" y="509"/>
                  </a:lnTo>
                  <a:lnTo>
                    <a:pt x="7157" y="516"/>
                  </a:lnTo>
                  <a:lnTo>
                    <a:pt x="7161" y="524"/>
                  </a:lnTo>
                  <a:lnTo>
                    <a:pt x="7163" y="533"/>
                  </a:lnTo>
                  <a:lnTo>
                    <a:pt x="7164" y="544"/>
                  </a:lnTo>
                  <a:lnTo>
                    <a:pt x="7165" y="554"/>
                  </a:lnTo>
                  <a:lnTo>
                    <a:pt x="7165" y="3745"/>
                  </a:lnTo>
                  <a:lnTo>
                    <a:pt x="610" y="3745"/>
                  </a:lnTo>
                  <a:lnTo>
                    <a:pt x="613" y="528"/>
                  </a:lnTo>
                  <a:lnTo>
                    <a:pt x="615" y="522"/>
                  </a:lnTo>
                  <a:lnTo>
                    <a:pt x="618" y="517"/>
                  </a:lnTo>
                  <a:lnTo>
                    <a:pt x="621" y="512"/>
                  </a:lnTo>
                  <a:lnTo>
                    <a:pt x="624" y="509"/>
                  </a:lnTo>
                  <a:lnTo>
                    <a:pt x="630" y="502"/>
                  </a:lnTo>
                  <a:lnTo>
                    <a:pt x="637" y="497"/>
                  </a:lnTo>
                  <a:lnTo>
                    <a:pt x="645" y="494"/>
                  </a:lnTo>
                  <a:lnTo>
                    <a:pt x="655" y="493"/>
                  </a:lnTo>
                  <a:lnTo>
                    <a:pt x="664" y="492"/>
                  </a:lnTo>
                  <a:lnTo>
                    <a:pt x="674" y="491"/>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srgbClr val="1D1D1A"/>
                </a:solidFill>
                <a:cs typeface="+mn-ea"/>
                <a:sym typeface="+mn-lt"/>
              </a:endParaRPr>
            </a:p>
          </p:txBody>
        </p:sp>
      </p:grpSp>
      <p:sp>
        <p:nvSpPr>
          <p:cNvPr id="148" name="圆角矩形 707">
            <a:extLst>
              <a:ext uri="{FF2B5EF4-FFF2-40B4-BE49-F238E27FC236}">
                <a16:creationId xmlns:a16="http://schemas.microsoft.com/office/drawing/2014/main" xmlns="" id="{1FED2832-DE52-4C82-A3BA-FFA648CCF5E9}"/>
              </a:ext>
            </a:extLst>
          </p:cNvPr>
          <p:cNvSpPr/>
          <p:nvPr/>
        </p:nvSpPr>
        <p:spPr>
          <a:xfrm>
            <a:off x="6203955" y="4924616"/>
            <a:ext cx="2517775" cy="1388313"/>
          </a:xfrm>
          <a:prstGeom prst="roundRect">
            <a:avLst>
              <a:gd name="adj" fmla="val 3956"/>
            </a:avLst>
          </a:prstGeom>
          <a:solidFill>
            <a:schemeClr val="bg1"/>
          </a:solidFill>
          <a:ln w="19050" cap="flat" cmpd="sng" algn="ctr">
            <a:solidFill>
              <a:srgbClr val="0070C0"/>
            </a:solidFill>
            <a:prstDash val="solid"/>
            <a:miter lim="800000"/>
          </a:ln>
          <a:effectLst/>
        </p:spPr>
        <p:txBody>
          <a:bodyPr rtlCol="0" anchor="ctr" anchorCtr="0"/>
          <a:lstStyle/>
          <a:p>
            <a:pPr algn="ctr" defTabSz="914400" fontAlgn="base">
              <a:spcBef>
                <a:spcPct val="0"/>
              </a:spcBef>
              <a:spcAft>
                <a:spcPct val="0"/>
              </a:spcAft>
            </a:pPr>
            <a:endParaRPr lang="zh-CN" altLang="en-US" sz="1400" b="1" kern="0" dirty="0">
              <a:solidFill>
                <a:srgbClr val="0070C0"/>
              </a:solidFill>
              <a:cs typeface="+mn-ea"/>
              <a:sym typeface="+mn-lt"/>
            </a:endParaRPr>
          </a:p>
        </p:txBody>
      </p:sp>
      <p:sp>
        <p:nvSpPr>
          <p:cNvPr id="149" name="圆角矩形 708">
            <a:extLst>
              <a:ext uri="{FF2B5EF4-FFF2-40B4-BE49-F238E27FC236}">
                <a16:creationId xmlns:a16="http://schemas.microsoft.com/office/drawing/2014/main" xmlns="" id="{8B24842C-5338-4701-B070-0208CAF0FFB3}"/>
              </a:ext>
            </a:extLst>
          </p:cNvPr>
          <p:cNvSpPr/>
          <p:nvPr/>
        </p:nvSpPr>
        <p:spPr>
          <a:xfrm>
            <a:off x="6327784" y="4761494"/>
            <a:ext cx="2270117" cy="340302"/>
          </a:xfrm>
          <a:prstGeom prst="roundRect">
            <a:avLst>
              <a:gd name="adj" fmla="val 50000"/>
            </a:avLst>
          </a:prstGeom>
          <a:solidFill>
            <a:schemeClr val="accent1"/>
          </a:solidFill>
          <a:ln w="12700" cap="flat" cmpd="sng" algn="ctr">
            <a:noFill/>
            <a:prstDash val="solid"/>
            <a:miter lim="800000"/>
          </a:ln>
          <a:effectLst/>
        </p:spPr>
        <p:txBody>
          <a:bodyPr rtlCol="0" anchor="ctr"/>
          <a:lstStyle/>
          <a:p>
            <a:pPr algn="ctr" defTabSz="685859"/>
            <a:r>
              <a:rPr lang="zh-CN" altLang="en-US" sz="1400" b="1" kern="0" dirty="0">
                <a:solidFill>
                  <a:schemeClr val="bg1"/>
                </a:solidFill>
                <a:sym typeface="+mn-lt"/>
              </a:rPr>
              <a:t>基于终端类型的</a:t>
            </a:r>
          </a:p>
        </p:txBody>
      </p:sp>
      <p:sp>
        <p:nvSpPr>
          <p:cNvPr id="147" name="Rectangle 16">
            <a:extLst>
              <a:ext uri="{FF2B5EF4-FFF2-40B4-BE49-F238E27FC236}">
                <a16:creationId xmlns:a16="http://schemas.microsoft.com/office/drawing/2014/main" xmlns="" id="{5201DA05-B9C2-4540-8F03-65CE2F071B20}"/>
              </a:ext>
            </a:extLst>
          </p:cNvPr>
          <p:cNvSpPr/>
          <p:nvPr/>
        </p:nvSpPr>
        <p:spPr>
          <a:xfrm>
            <a:off x="6228289" y="5115078"/>
            <a:ext cx="2517775" cy="1230401"/>
          </a:xfrm>
          <a:prstGeom prst="rect">
            <a:avLst/>
          </a:prstGeom>
        </p:spPr>
        <p:txBody>
          <a:bodyPr wrap="square">
            <a:spAutoFit/>
          </a:bodyPr>
          <a:lstStyle/>
          <a:p>
            <a:pPr algn="ctr" defTabSz="1219028">
              <a:lnSpc>
                <a:spcPct val="130000"/>
              </a:lnSpc>
              <a:buClr>
                <a:srgbClr val="CC9900"/>
              </a:buClr>
            </a:pPr>
            <a:r>
              <a:rPr lang="zh-CN" altLang="en-US" sz="1600" b="1" dirty="0">
                <a:solidFill>
                  <a:srgbClr val="EC7061"/>
                </a:solidFill>
                <a:cs typeface="+mn-ea"/>
                <a:sym typeface="+mn-lt"/>
              </a:rPr>
              <a:t>自动授权</a:t>
            </a:r>
          </a:p>
          <a:p>
            <a:pPr defTabSz="1219028">
              <a:lnSpc>
                <a:spcPct val="130000"/>
              </a:lnSpc>
              <a:buClr>
                <a:prstClr val="white">
                  <a:lumMod val="75000"/>
                </a:prstClr>
              </a:buClr>
            </a:pPr>
            <a:r>
              <a:rPr lang="zh-CN" altLang="en-US" sz="1400" b="1" dirty="0">
                <a:cs typeface="+mn-ea"/>
                <a:sym typeface="+mn-lt"/>
              </a:rPr>
              <a:t>识别为摄像头</a:t>
            </a:r>
          </a:p>
          <a:p>
            <a:pPr marL="171450" indent="-171450" defTabSz="1219028">
              <a:lnSpc>
                <a:spcPct val="130000"/>
              </a:lnSpc>
              <a:buClr>
                <a:prstClr val="white">
                  <a:lumMod val="75000"/>
                </a:prstClr>
              </a:buClr>
              <a:buFont typeface="Arial" panose="020B0604020202020204" pitchFamily="34" charset="0"/>
              <a:buChar char="•"/>
            </a:pPr>
            <a:r>
              <a:rPr lang="zh-CN" altLang="en-US" sz="1400" dirty="0">
                <a:cs typeface="+mn-ea"/>
                <a:sym typeface="+mn-lt"/>
              </a:rPr>
              <a:t>自动加入“视频监控”组</a:t>
            </a:r>
          </a:p>
          <a:p>
            <a:pPr marL="171450" indent="-171450" defTabSz="1219028">
              <a:lnSpc>
                <a:spcPct val="130000"/>
              </a:lnSpc>
              <a:buClr>
                <a:prstClr val="white">
                  <a:lumMod val="75000"/>
                </a:prstClr>
              </a:buClr>
              <a:buFont typeface="Arial" panose="020B0604020202020204" pitchFamily="34" charset="0"/>
              <a:buChar char="•"/>
            </a:pPr>
            <a:r>
              <a:rPr lang="zh-CN" altLang="en-US" sz="1400" dirty="0">
                <a:cs typeface="+mn-ea"/>
                <a:sym typeface="+mn-lt"/>
              </a:rPr>
              <a:t>设置为“</a:t>
            </a:r>
            <a:r>
              <a:rPr lang="en-US" altLang="zh-CN" sz="1400">
                <a:cs typeface="+mn-ea"/>
                <a:sym typeface="+mn-lt"/>
              </a:rPr>
              <a:t>VIP</a:t>
            </a:r>
            <a:r>
              <a:rPr lang="zh-CN" altLang="en-US" sz="1400">
                <a:cs typeface="+mn-ea"/>
                <a:sym typeface="+mn-lt"/>
              </a:rPr>
              <a:t>”</a:t>
            </a:r>
            <a:r>
              <a:rPr lang="zh-CN" altLang="en-US" sz="1400" dirty="0">
                <a:cs typeface="+mn-ea"/>
                <a:sym typeface="+mn-lt"/>
              </a:rPr>
              <a:t>用户</a:t>
            </a:r>
          </a:p>
        </p:txBody>
      </p:sp>
      <p:sp>
        <p:nvSpPr>
          <p:cNvPr id="153" name="圆角矩形 712">
            <a:extLst>
              <a:ext uri="{FF2B5EF4-FFF2-40B4-BE49-F238E27FC236}">
                <a16:creationId xmlns:a16="http://schemas.microsoft.com/office/drawing/2014/main" xmlns="" id="{40592A8C-EB21-4301-B3EB-C7B3B4049C78}"/>
              </a:ext>
            </a:extLst>
          </p:cNvPr>
          <p:cNvSpPr/>
          <p:nvPr/>
        </p:nvSpPr>
        <p:spPr>
          <a:xfrm>
            <a:off x="3339482" y="4959760"/>
            <a:ext cx="2752592" cy="1351773"/>
          </a:xfrm>
          <a:prstGeom prst="roundRect">
            <a:avLst>
              <a:gd name="adj" fmla="val 3956"/>
            </a:avLst>
          </a:prstGeom>
          <a:solidFill>
            <a:schemeClr val="bg1"/>
          </a:solidFill>
          <a:ln w="19050" cap="flat" cmpd="sng" algn="ctr">
            <a:solidFill>
              <a:srgbClr val="0070C0"/>
            </a:solidFill>
            <a:prstDash val="solid"/>
            <a:miter lim="800000"/>
          </a:ln>
          <a:effectLst/>
        </p:spPr>
        <p:txBody>
          <a:bodyPr rtlCol="0" anchor="ctr" anchorCtr="0"/>
          <a:lstStyle/>
          <a:p>
            <a:pPr algn="ctr" defTabSz="914400" fontAlgn="base">
              <a:spcBef>
                <a:spcPct val="0"/>
              </a:spcBef>
              <a:spcAft>
                <a:spcPct val="0"/>
              </a:spcAft>
            </a:pPr>
            <a:endParaRPr lang="zh-CN" altLang="en-US" sz="1400" b="1" kern="0" dirty="0">
              <a:solidFill>
                <a:srgbClr val="0070C0"/>
              </a:solidFill>
              <a:cs typeface="+mn-ea"/>
              <a:sym typeface="+mn-lt"/>
            </a:endParaRPr>
          </a:p>
        </p:txBody>
      </p:sp>
      <p:sp>
        <p:nvSpPr>
          <p:cNvPr id="154" name="圆角矩形 713">
            <a:extLst>
              <a:ext uri="{FF2B5EF4-FFF2-40B4-BE49-F238E27FC236}">
                <a16:creationId xmlns:a16="http://schemas.microsoft.com/office/drawing/2014/main" xmlns="" id="{ADBD61B0-2D14-41F9-8677-DD9492566463}"/>
              </a:ext>
            </a:extLst>
          </p:cNvPr>
          <p:cNvSpPr/>
          <p:nvPr/>
        </p:nvSpPr>
        <p:spPr>
          <a:xfrm>
            <a:off x="3650704" y="4832175"/>
            <a:ext cx="2196929" cy="269621"/>
          </a:xfrm>
          <a:prstGeom prst="roundRect">
            <a:avLst>
              <a:gd name="adj" fmla="val 50000"/>
            </a:avLst>
          </a:prstGeom>
          <a:solidFill>
            <a:schemeClr val="accent1"/>
          </a:solidFill>
          <a:ln w="12700" cap="flat" cmpd="sng" algn="ctr">
            <a:noFill/>
            <a:prstDash val="solid"/>
            <a:miter lim="800000"/>
          </a:ln>
          <a:effectLst/>
        </p:spPr>
        <p:txBody>
          <a:bodyPr rtlCol="0" anchor="ctr"/>
          <a:lstStyle/>
          <a:p>
            <a:pPr algn="ctr" defTabSz="685859"/>
            <a:r>
              <a:rPr lang="zh-CN" altLang="en-US" sz="1400" b="1" kern="0" dirty="0">
                <a:solidFill>
                  <a:schemeClr val="bg1"/>
                </a:solidFill>
                <a:sym typeface="+mn-lt"/>
              </a:rPr>
              <a:t>基于终端类型的</a:t>
            </a:r>
          </a:p>
        </p:txBody>
      </p:sp>
      <p:sp>
        <p:nvSpPr>
          <p:cNvPr id="152" name="Rectangle 16">
            <a:extLst>
              <a:ext uri="{FF2B5EF4-FFF2-40B4-BE49-F238E27FC236}">
                <a16:creationId xmlns:a16="http://schemas.microsoft.com/office/drawing/2014/main" xmlns="" id="{6DE35FE6-C3C3-49C6-8D8A-EBFD64C4000E}"/>
              </a:ext>
            </a:extLst>
          </p:cNvPr>
          <p:cNvSpPr/>
          <p:nvPr/>
        </p:nvSpPr>
        <p:spPr>
          <a:xfrm>
            <a:off x="3363549" y="5112915"/>
            <a:ext cx="2752592" cy="1272080"/>
          </a:xfrm>
          <a:prstGeom prst="rect">
            <a:avLst/>
          </a:prstGeom>
        </p:spPr>
        <p:txBody>
          <a:bodyPr wrap="square">
            <a:spAutoFit/>
          </a:bodyPr>
          <a:lstStyle/>
          <a:p>
            <a:pPr algn="ctr" defTabSz="1219028">
              <a:lnSpc>
                <a:spcPct val="140000"/>
              </a:lnSpc>
              <a:buClr>
                <a:srgbClr val="CC9900"/>
              </a:buClr>
            </a:pPr>
            <a:r>
              <a:rPr lang="zh-CN" altLang="en-US" sz="1600" b="1">
                <a:solidFill>
                  <a:srgbClr val="EC7061"/>
                </a:solidFill>
                <a:cs typeface="+mn-ea"/>
                <a:sym typeface="+mn-lt"/>
              </a:rPr>
              <a:t>自动认证</a:t>
            </a:r>
            <a:endParaRPr lang="en-US" altLang="zh-CN" sz="1600" b="1" dirty="0">
              <a:solidFill>
                <a:srgbClr val="EC7061"/>
              </a:solidFill>
              <a:cs typeface="+mn-ea"/>
              <a:sym typeface="+mn-lt"/>
            </a:endParaRPr>
          </a:p>
          <a:p>
            <a:pPr defTabSz="1219028">
              <a:lnSpc>
                <a:spcPct val="140000"/>
              </a:lnSpc>
              <a:buClr>
                <a:prstClr val="white">
                  <a:lumMod val="75000"/>
                </a:prstClr>
              </a:buClr>
            </a:pPr>
            <a:r>
              <a:rPr lang="zh-CN" altLang="en-US" sz="1400" b="1" dirty="0">
                <a:cs typeface="+mn-ea"/>
                <a:sym typeface="+mn-lt"/>
              </a:rPr>
              <a:t>识别为打印机</a:t>
            </a:r>
          </a:p>
          <a:p>
            <a:pPr marL="171450" indent="-171450" defTabSz="1219028">
              <a:lnSpc>
                <a:spcPct val="140000"/>
              </a:lnSpc>
              <a:buClr>
                <a:prstClr val="white">
                  <a:lumMod val="75000"/>
                </a:prstClr>
              </a:buClr>
              <a:buFont typeface="Arial" panose="020B0604020202020204" pitchFamily="34" charset="0"/>
              <a:buChar char="•"/>
            </a:pPr>
            <a:r>
              <a:rPr lang="zh-CN" altLang="en-US" sz="1400" dirty="0">
                <a:cs typeface="+mn-ea"/>
                <a:sym typeface="+mn-lt"/>
              </a:rPr>
              <a:t>自动</a:t>
            </a:r>
            <a:r>
              <a:rPr lang="en-US" altLang="zh-CN" sz="1400" dirty="0">
                <a:cs typeface="+mn-ea"/>
                <a:sym typeface="+mn-lt"/>
              </a:rPr>
              <a:t>(MAC)</a:t>
            </a:r>
            <a:r>
              <a:rPr lang="zh-CN" altLang="en-US" sz="1400" dirty="0">
                <a:cs typeface="+mn-ea"/>
                <a:sym typeface="+mn-lt"/>
              </a:rPr>
              <a:t>认证，免</a:t>
            </a:r>
            <a:r>
              <a:rPr lang="en-US" altLang="zh-CN" sz="1400" dirty="0">
                <a:cs typeface="+mn-ea"/>
                <a:sym typeface="+mn-lt"/>
              </a:rPr>
              <a:t>MAC</a:t>
            </a:r>
            <a:r>
              <a:rPr lang="zh-CN" altLang="en-US" sz="1400" dirty="0">
                <a:cs typeface="+mn-ea"/>
                <a:sym typeface="+mn-lt"/>
              </a:rPr>
              <a:t>录入</a:t>
            </a:r>
          </a:p>
          <a:p>
            <a:pPr marL="171450" indent="-171450" defTabSz="1219028">
              <a:lnSpc>
                <a:spcPct val="140000"/>
              </a:lnSpc>
              <a:buClr>
                <a:prstClr val="white">
                  <a:lumMod val="75000"/>
                </a:prstClr>
              </a:buClr>
              <a:buFont typeface="Arial" panose="020B0604020202020204" pitchFamily="34" charset="0"/>
              <a:buChar char="•"/>
            </a:pPr>
            <a:endParaRPr lang="en-US" altLang="zh-CN" sz="1200" dirty="0">
              <a:solidFill>
                <a:prstClr val="black">
                  <a:lumMod val="75000"/>
                  <a:lumOff val="25000"/>
                </a:prstClr>
              </a:solidFill>
              <a:cs typeface="+mn-ea"/>
              <a:sym typeface="+mn-lt"/>
            </a:endParaRPr>
          </a:p>
        </p:txBody>
      </p:sp>
      <p:sp>
        <p:nvSpPr>
          <p:cNvPr id="158" name="圆角矩形 717">
            <a:extLst>
              <a:ext uri="{FF2B5EF4-FFF2-40B4-BE49-F238E27FC236}">
                <a16:creationId xmlns:a16="http://schemas.microsoft.com/office/drawing/2014/main" xmlns="" id="{B3433125-4A7A-4262-9951-FD4F562E4DA5}"/>
              </a:ext>
            </a:extLst>
          </p:cNvPr>
          <p:cNvSpPr/>
          <p:nvPr/>
        </p:nvSpPr>
        <p:spPr>
          <a:xfrm>
            <a:off x="8869894" y="4932053"/>
            <a:ext cx="2725934" cy="1379480"/>
          </a:xfrm>
          <a:prstGeom prst="roundRect">
            <a:avLst>
              <a:gd name="adj" fmla="val 3956"/>
            </a:avLst>
          </a:prstGeom>
          <a:solidFill>
            <a:schemeClr val="bg1"/>
          </a:solidFill>
          <a:ln w="19050" cap="flat" cmpd="sng" algn="ctr">
            <a:solidFill>
              <a:srgbClr val="0070C0"/>
            </a:solidFill>
            <a:prstDash val="solid"/>
            <a:miter lim="800000"/>
          </a:ln>
          <a:effectLst/>
        </p:spPr>
        <p:txBody>
          <a:bodyPr rtlCol="0" anchor="ctr" anchorCtr="0"/>
          <a:lstStyle/>
          <a:p>
            <a:pPr algn="ctr" defTabSz="914400" fontAlgn="base">
              <a:lnSpc>
                <a:spcPts val="1920"/>
              </a:lnSpc>
              <a:spcBef>
                <a:spcPct val="0"/>
              </a:spcBef>
              <a:spcAft>
                <a:spcPct val="0"/>
              </a:spcAft>
            </a:pPr>
            <a:endParaRPr lang="zh-CN" altLang="en-US" sz="1400" b="1" kern="0" dirty="0">
              <a:solidFill>
                <a:srgbClr val="0070C0"/>
              </a:solidFill>
              <a:cs typeface="+mn-ea"/>
              <a:sym typeface="+mn-lt"/>
            </a:endParaRPr>
          </a:p>
        </p:txBody>
      </p:sp>
      <p:sp>
        <p:nvSpPr>
          <p:cNvPr id="159" name="圆角矩形 718">
            <a:extLst>
              <a:ext uri="{FF2B5EF4-FFF2-40B4-BE49-F238E27FC236}">
                <a16:creationId xmlns:a16="http://schemas.microsoft.com/office/drawing/2014/main" xmlns="" id="{BCD4107D-CD4C-4CBE-BAFC-8B11E42D2B4F}"/>
              </a:ext>
            </a:extLst>
          </p:cNvPr>
          <p:cNvSpPr/>
          <p:nvPr/>
        </p:nvSpPr>
        <p:spPr>
          <a:xfrm>
            <a:off x="9062181" y="4761495"/>
            <a:ext cx="2270117" cy="355814"/>
          </a:xfrm>
          <a:prstGeom prst="roundRect">
            <a:avLst>
              <a:gd name="adj" fmla="val 50000"/>
            </a:avLst>
          </a:prstGeom>
          <a:solidFill>
            <a:schemeClr val="accent1"/>
          </a:solidFill>
          <a:ln w="12700" cap="flat" cmpd="sng" algn="ctr">
            <a:noFill/>
            <a:prstDash val="solid"/>
            <a:miter lim="800000"/>
          </a:ln>
          <a:effectLst/>
        </p:spPr>
        <p:txBody>
          <a:bodyPr rtlCol="0" anchor="ctr"/>
          <a:lstStyle/>
          <a:p>
            <a:pPr algn="ctr" defTabSz="685859"/>
            <a:r>
              <a:rPr lang="zh-CN" altLang="en-US" sz="1400" b="1" kern="0" dirty="0">
                <a:solidFill>
                  <a:schemeClr val="bg1"/>
                </a:solidFill>
                <a:sym typeface="+mn-lt"/>
              </a:rPr>
              <a:t>基于终端类型的</a:t>
            </a:r>
          </a:p>
        </p:txBody>
      </p:sp>
      <p:sp>
        <p:nvSpPr>
          <p:cNvPr id="157" name="Rectangle 16">
            <a:extLst>
              <a:ext uri="{FF2B5EF4-FFF2-40B4-BE49-F238E27FC236}">
                <a16:creationId xmlns:a16="http://schemas.microsoft.com/office/drawing/2014/main" xmlns="" id="{0E46556D-0BCB-47B4-96CB-3F1D5A74B03D}"/>
              </a:ext>
            </a:extLst>
          </p:cNvPr>
          <p:cNvSpPr/>
          <p:nvPr/>
        </p:nvSpPr>
        <p:spPr>
          <a:xfrm>
            <a:off x="8932328" y="5117146"/>
            <a:ext cx="2701599" cy="1012650"/>
          </a:xfrm>
          <a:prstGeom prst="rect">
            <a:avLst/>
          </a:prstGeom>
        </p:spPr>
        <p:txBody>
          <a:bodyPr wrap="square">
            <a:spAutoFit/>
          </a:bodyPr>
          <a:lstStyle/>
          <a:p>
            <a:pPr algn="ctr" defTabSz="1219028">
              <a:lnSpc>
                <a:spcPct val="140000"/>
              </a:lnSpc>
              <a:buClr>
                <a:srgbClr val="CC9900"/>
              </a:buClr>
            </a:pPr>
            <a:r>
              <a:rPr lang="zh-CN" altLang="en-US" sz="1600" b="1" dirty="0">
                <a:solidFill>
                  <a:srgbClr val="EC7061"/>
                </a:solidFill>
                <a:cs typeface="+mn-ea"/>
                <a:sym typeface="+mn-lt"/>
              </a:rPr>
              <a:t>仿冒检测</a:t>
            </a:r>
          </a:p>
          <a:p>
            <a:pPr defTabSz="1219028">
              <a:lnSpc>
                <a:spcPct val="140000"/>
              </a:lnSpc>
              <a:buClr>
                <a:prstClr val="white">
                  <a:lumMod val="75000"/>
                </a:prstClr>
              </a:buClr>
            </a:pPr>
            <a:r>
              <a:rPr lang="zh-CN" altLang="en-US" sz="1400" b="1" dirty="0">
                <a:cs typeface="+mn-ea"/>
                <a:sym typeface="+mn-lt"/>
              </a:rPr>
              <a:t>先识别为</a:t>
            </a:r>
            <a:r>
              <a:rPr lang="en-US" altLang="zh-CN" sz="1400" b="1" dirty="0">
                <a:cs typeface="+mn-ea"/>
                <a:sym typeface="+mn-lt"/>
              </a:rPr>
              <a:t>IP</a:t>
            </a:r>
            <a:r>
              <a:rPr lang="zh-CN" altLang="en-US" sz="1400" b="1" dirty="0">
                <a:cs typeface="+mn-ea"/>
                <a:sym typeface="+mn-lt"/>
              </a:rPr>
              <a:t>电话，后识别为</a:t>
            </a:r>
            <a:r>
              <a:rPr lang="en-US" altLang="zh-CN" sz="1400" b="1" dirty="0">
                <a:cs typeface="+mn-ea"/>
                <a:sym typeface="+mn-lt"/>
              </a:rPr>
              <a:t>PC</a:t>
            </a:r>
          </a:p>
          <a:p>
            <a:pPr marL="171450" indent="-171450" defTabSz="1219028">
              <a:lnSpc>
                <a:spcPct val="140000"/>
              </a:lnSpc>
              <a:buClr>
                <a:prstClr val="white">
                  <a:lumMod val="75000"/>
                </a:prstClr>
              </a:buClr>
              <a:buFont typeface="Arial" panose="020B0604020202020204" pitchFamily="34" charset="0"/>
              <a:buChar char="•"/>
            </a:pPr>
            <a:r>
              <a:rPr lang="zh-CN" altLang="en-US" sz="1400" dirty="0">
                <a:cs typeface="+mn-ea"/>
                <a:sym typeface="+mn-lt"/>
              </a:rPr>
              <a:t>上报终端仿冒告警</a:t>
            </a:r>
          </a:p>
        </p:txBody>
      </p:sp>
      <p:sp>
        <p:nvSpPr>
          <p:cNvPr id="160" name="矩形 159">
            <a:extLst>
              <a:ext uri="{FF2B5EF4-FFF2-40B4-BE49-F238E27FC236}">
                <a16:creationId xmlns:a16="http://schemas.microsoft.com/office/drawing/2014/main" xmlns="" id="{56F6BF1A-4CEF-4A46-9FB3-62C64BB8F682}"/>
              </a:ext>
            </a:extLst>
          </p:cNvPr>
          <p:cNvSpPr/>
          <p:nvPr/>
        </p:nvSpPr>
        <p:spPr>
          <a:xfrm rot="10800000" flipH="1" flipV="1">
            <a:off x="9939603" y="4101869"/>
            <a:ext cx="468299" cy="60690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dirty="0">
                <a:solidFill>
                  <a:srgbClr val="666666"/>
                </a:solidFill>
                <a:cs typeface="+mn-ea"/>
                <a:sym typeface="+mn-lt"/>
              </a:rPr>
              <a:t>&gt;&gt;</a:t>
            </a:r>
            <a:endParaRPr lang="zh-CN" altLang="en-US" dirty="0">
              <a:solidFill>
                <a:srgbClr val="666666"/>
              </a:solidFill>
              <a:cs typeface="+mn-ea"/>
              <a:sym typeface="+mn-lt"/>
            </a:endParaRPr>
          </a:p>
        </p:txBody>
      </p:sp>
      <p:grpSp>
        <p:nvGrpSpPr>
          <p:cNvPr id="161" name="组合 174">
            <a:extLst>
              <a:ext uri="{FF2B5EF4-FFF2-40B4-BE49-F238E27FC236}">
                <a16:creationId xmlns:a16="http://schemas.microsoft.com/office/drawing/2014/main" xmlns="" id="{1EB95ACC-76A6-49DA-AF33-329537B39C9E}"/>
              </a:ext>
            </a:extLst>
          </p:cNvPr>
          <p:cNvGrpSpPr>
            <a:grpSpLocks/>
          </p:cNvGrpSpPr>
          <p:nvPr/>
        </p:nvGrpSpPr>
        <p:grpSpPr bwMode="auto">
          <a:xfrm>
            <a:off x="10452742" y="4181853"/>
            <a:ext cx="615238" cy="452378"/>
            <a:chOff x="1949450" y="881063"/>
            <a:chExt cx="719138" cy="528638"/>
          </a:xfrm>
        </p:grpSpPr>
        <p:sp>
          <p:nvSpPr>
            <p:cNvPr id="162" name="Freeform 37">
              <a:extLst>
                <a:ext uri="{FF2B5EF4-FFF2-40B4-BE49-F238E27FC236}">
                  <a16:creationId xmlns:a16="http://schemas.microsoft.com/office/drawing/2014/main" xmlns="" id="{6590787A-6982-47D5-9B45-611AC249826A}"/>
                </a:ext>
              </a:extLst>
            </p:cNvPr>
            <p:cNvSpPr>
              <a:spLocks noEditPoints="1"/>
            </p:cNvSpPr>
            <p:nvPr/>
          </p:nvSpPr>
          <p:spPr bwMode="auto">
            <a:xfrm>
              <a:off x="2165350" y="881063"/>
              <a:ext cx="503238" cy="368300"/>
            </a:xfrm>
            <a:custGeom>
              <a:avLst/>
              <a:gdLst>
                <a:gd name="T0" fmla="*/ 2147483646 w 1200"/>
                <a:gd name="T1" fmla="*/ 2147483646 h 879"/>
                <a:gd name="T2" fmla="*/ 2147483646 w 1200"/>
                <a:gd name="T3" fmla="*/ 2147483646 h 879"/>
                <a:gd name="T4" fmla="*/ 2147483646 w 1200"/>
                <a:gd name="T5" fmla="*/ 2147483646 h 879"/>
                <a:gd name="T6" fmla="*/ 2147483646 w 1200"/>
                <a:gd name="T7" fmla="*/ 2147483646 h 879"/>
                <a:gd name="T8" fmla="*/ 2147483646 w 1200"/>
                <a:gd name="T9" fmla="*/ 2147483646 h 879"/>
                <a:gd name="T10" fmla="*/ 2147483646 w 1200"/>
                <a:gd name="T11" fmla="*/ 2147483646 h 879"/>
                <a:gd name="T12" fmla="*/ 2147483646 w 1200"/>
                <a:gd name="T13" fmla="*/ 2147483646 h 879"/>
                <a:gd name="T14" fmla="*/ 2147483646 w 1200"/>
                <a:gd name="T15" fmla="*/ 2147483646 h 879"/>
                <a:gd name="T16" fmla="*/ 2147483646 w 1200"/>
                <a:gd name="T17" fmla="*/ 2147483646 h 879"/>
                <a:gd name="T18" fmla="*/ 2147483646 w 1200"/>
                <a:gd name="T19" fmla="*/ 2147483646 h 879"/>
                <a:gd name="T20" fmla="*/ 2147483646 w 1200"/>
                <a:gd name="T21" fmla="*/ 0 h 879"/>
                <a:gd name="T22" fmla="*/ 2147483646 w 1200"/>
                <a:gd name="T23" fmla="*/ 0 h 879"/>
                <a:gd name="T24" fmla="*/ 2147483646 w 1200"/>
                <a:gd name="T25" fmla="*/ 0 h 879"/>
                <a:gd name="T26" fmla="*/ 0 w 1200"/>
                <a:gd name="T27" fmla="*/ 2147483646 h 879"/>
                <a:gd name="T28" fmla="*/ 0 w 1200"/>
                <a:gd name="T29" fmla="*/ 2147483646 h 879"/>
                <a:gd name="T30" fmla="*/ 2147483646 w 1200"/>
                <a:gd name="T31" fmla="*/ 2147483646 h 879"/>
                <a:gd name="T32" fmla="*/ 2147483646 w 1200"/>
                <a:gd name="T33" fmla="*/ 2147483646 h 879"/>
                <a:gd name="T34" fmla="*/ 2147483646 w 1200"/>
                <a:gd name="T35" fmla="*/ 2147483646 h 879"/>
                <a:gd name="T36" fmla="*/ 2147483646 w 1200"/>
                <a:gd name="T37" fmla="*/ 2147483646 h 879"/>
                <a:gd name="T38" fmla="*/ 2147483646 w 1200"/>
                <a:gd name="T39" fmla="*/ 0 h 87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200"/>
                <a:gd name="T61" fmla="*/ 0 h 879"/>
                <a:gd name="T62" fmla="*/ 1200 w 1200"/>
                <a:gd name="T63" fmla="*/ 879 h 87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200" h="879">
                  <a:moveTo>
                    <a:pt x="1133" y="788"/>
                  </a:moveTo>
                  <a:lnTo>
                    <a:pt x="1133" y="788"/>
                  </a:lnTo>
                  <a:cubicBezTo>
                    <a:pt x="1133" y="801"/>
                    <a:pt x="1122" y="813"/>
                    <a:pt x="1108" y="813"/>
                  </a:cubicBezTo>
                  <a:lnTo>
                    <a:pt x="92" y="813"/>
                  </a:lnTo>
                  <a:cubicBezTo>
                    <a:pt x="78" y="813"/>
                    <a:pt x="67" y="801"/>
                    <a:pt x="67" y="788"/>
                  </a:cubicBezTo>
                  <a:lnTo>
                    <a:pt x="67" y="92"/>
                  </a:lnTo>
                  <a:cubicBezTo>
                    <a:pt x="67" y="78"/>
                    <a:pt x="78" y="67"/>
                    <a:pt x="92" y="67"/>
                  </a:cubicBezTo>
                  <a:lnTo>
                    <a:pt x="1108" y="67"/>
                  </a:lnTo>
                  <a:cubicBezTo>
                    <a:pt x="1122" y="67"/>
                    <a:pt x="1133" y="78"/>
                    <a:pt x="1133" y="92"/>
                  </a:cubicBezTo>
                  <a:lnTo>
                    <a:pt x="1133" y="788"/>
                  </a:lnTo>
                  <a:close/>
                  <a:moveTo>
                    <a:pt x="1108" y="0"/>
                  </a:moveTo>
                  <a:lnTo>
                    <a:pt x="1108" y="0"/>
                  </a:lnTo>
                  <a:lnTo>
                    <a:pt x="92" y="0"/>
                  </a:lnTo>
                  <a:cubicBezTo>
                    <a:pt x="42" y="0"/>
                    <a:pt x="0" y="41"/>
                    <a:pt x="0" y="92"/>
                  </a:cubicBezTo>
                  <a:lnTo>
                    <a:pt x="0" y="788"/>
                  </a:lnTo>
                  <a:cubicBezTo>
                    <a:pt x="0" y="838"/>
                    <a:pt x="42" y="879"/>
                    <a:pt x="92" y="879"/>
                  </a:cubicBezTo>
                  <a:lnTo>
                    <a:pt x="1108" y="879"/>
                  </a:lnTo>
                  <a:cubicBezTo>
                    <a:pt x="1159" y="879"/>
                    <a:pt x="1200" y="838"/>
                    <a:pt x="1200" y="788"/>
                  </a:cubicBezTo>
                  <a:lnTo>
                    <a:pt x="1200" y="92"/>
                  </a:lnTo>
                  <a:cubicBezTo>
                    <a:pt x="1200" y="41"/>
                    <a:pt x="1159" y="0"/>
                    <a:pt x="110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63" name="Freeform 38">
              <a:extLst>
                <a:ext uri="{FF2B5EF4-FFF2-40B4-BE49-F238E27FC236}">
                  <a16:creationId xmlns:a16="http://schemas.microsoft.com/office/drawing/2014/main" xmlns="" id="{49650AC0-1FD6-4C88-ADD5-CCDD34F1BCC3}"/>
                </a:ext>
              </a:extLst>
            </p:cNvPr>
            <p:cNvSpPr>
              <a:spLocks/>
            </p:cNvSpPr>
            <p:nvPr/>
          </p:nvSpPr>
          <p:spPr bwMode="auto">
            <a:xfrm>
              <a:off x="2336800" y="1265238"/>
              <a:ext cx="161925" cy="26988"/>
            </a:xfrm>
            <a:custGeom>
              <a:avLst/>
              <a:gdLst>
                <a:gd name="T0" fmla="*/ 2147483646 w 385"/>
                <a:gd name="T1" fmla="*/ 2147483646 h 67"/>
                <a:gd name="T2" fmla="*/ 2147483646 w 385"/>
                <a:gd name="T3" fmla="*/ 2147483646 h 67"/>
                <a:gd name="T4" fmla="*/ 2147483646 w 385"/>
                <a:gd name="T5" fmla="*/ 2147483646 h 67"/>
                <a:gd name="T6" fmla="*/ 2147483646 w 385"/>
                <a:gd name="T7" fmla="*/ 0 h 67"/>
                <a:gd name="T8" fmla="*/ 2147483646 w 385"/>
                <a:gd name="T9" fmla="*/ 0 h 67"/>
                <a:gd name="T10" fmla="*/ 0 w 385"/>
                <a:gd name="T11" fmla="*/ 2147483646 h 67"/>
                <a:gd name="T12" fmla="*/ 2147483646 w 385"/>
                <a:gd name="T13" fmla="*/ 2147483646 h 67"/>
                <a:gd name="T14" fmla="*/ 2147483646 w 385"/>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385"/>
                <a:gd name="T25" fmla="*/ 0 h 67"/>
                <a:gd name="T26" fmla="*/ 385 w 385"/>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85" h="67">
                  <a:moveTo>
                    <a:pt x="351" y="67"/>
                  </a:moveTo>
                  <a:lnTo>
                    <a:pt x="351" y="67"/>
                  </a:lnTo>
                  <a:cubicBezTo>
                    <a:pt x="370" y="67"/>
                    <a:pt x="385" y="52"/>
                    <a:pt x="385" y="33"/>
                  </a:cubicBezTo>
                  <a:cubicBezTo>
                    <a:pt x="385" y="15"/>
                    <a:pt x="370" y="0"/>
                    <a:pt x="351" y="0"/>
                  </a:cubicBezTo>
                  <a:lnTo>
                    <a:pt x="33" y="0"/>
                  </a:lnTo>
                  <a:cubicBezTo>
                    <a:pt x="15" y="0"/>
                    <a:pt x="0" y="15"/>
                    <a:pt x="0" y="33"/>
                  </a:cubicBezTo>
                  <a:cubicBezTo>
                    <a:pt x="0" y="52"/>
                    <a:pt x="15" y="67"/>
                    <a:pt x="33" y="67"/>
                  </a:cubicBezTo>
                  <a:lnTo>
                    <a:pt x="351" y="6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64" name="Freeform 39">
              <a:extLst>
                <a:ext uri="{FF2B5EF4-FFF2-40B4-BE49-F238E27FC236}">
                  <a16:creationId xmlns:a16="http://schemas.microsoft.com/office/drawing/2014/main" xmlns="" id="{91A08D71-BB99-4370-B32E-CC568D34D56B}"/>
                </a:ext>
              </a:extLst>
            </p:cNvPr>
            <p:cNvSpPr>
              <a:spLocks noEditPoints="1"/>
            </p:cNvSpPr>
            <p:nvPr/>
          </p:nvSpPr>
          <p:spPr bwMode="auto">
            <a:xfrm>
              <a:off x="2216150" y="928688"/>
              <a:ext cx="401638" cy="273050"/>
            </a:xfrm>
            <a:custGeom>
              <a:avLst/>
              <a:gdLst>
                <a:gd name="T0" fmla="*/ 2147483646 w 958"/>
                <a:gd name="T1" fmla="*/ 2147483646 h 653"/>
                <a:gd name="T2" fmla="*/ 2147483646 w 958"/>
                <a:gd name="T3" fmla="*/ 2147483646 h 653"/>
                <a:gd name="T4" fmla="*/ 2147483646 w 958"/>
                <a:gd name="T5" fmla="*/ 2147483646 h 653"/>
                <a:gd name="T6" fmla="*/ 2147483646 w 958"/>
                <a:gd name="T7" fmla="*/ 2147483646 h 653"/>
                <a:gd name="T8" fmla="*/ 2147483646 w 958"/>
                <a:gd name="T9" fmla="*/ 2147483646 h 653"/>
                <a:gd name="T10" fmla="*/ 2147483646 w 958"/>
                <a:gd name="T11" fmla="*/ 2147483646 h 653"/>
                <a:gd name="T12" fmla="*/ 2147483646 w 958"/>
                <a:gd name="T13" fmla="*/ 2147483646 h 653"/>
                <a:gd name="T14" fmla="*/ 2147483646 w 958"/>
                <a:gd name="T15" fmla="*/ 2147483646 h 653"/>
                <a:gd name="T16" fmla="*/ 2147483646 w 958"/>
                <a:gd name="T17" fmla="*/ 2147483646 h 653"/>
                <a:gd name="T18" fmla="*/ 2147483646 w 958"/>
                <a:gd name="T19" fmla="*/ 2147483646 h 653"/>
                <a:gd name="T20" fmla="*/ 2147483646 w 958"/>
                <a:gd name="T21" fmla="*/ 0 h 653"/>
                <a:gd name="T22" fmla="*/ 2147483646 w 958"/>
                <a:gd name="T23" fmla="*/ 0 h 653"/>
                <a:gd name="T24" fmla="*/ 2147483646 w 958"/>
                <a:gd name="T25" fmla="*/ 0 h 653"/>
                <a:gd name="T26" fmla="*/ 0 w 958"/>
                <a:gd name="T27" fmla="*/ 2147483646 h 653"/>
                <a:gd name="T28" fmla="*/ 0 w 958"/>
                <a:gd name="T29" fmla="*/ 2147483646 h 653"/>
                <a:gd name="T30" fmla="*/ 2147483646 w 958"/>
                <a:gd name="T31" fmla="*/ 2147483646 h 653"/>
                <a:gd name="T32" fmla="*/ 2147483646 w 958"/>
                <a:gd name="T33" fmla="*/ 2147483646 h 653"/>
                <a:gd name="T34" fmla="*/ 2147483646 w 958"/>
                <a:gd name="T35" fmla="*/ 2147483646 h 653"/>
                <a:gd name="T36" fmla="*/ 2147483646 w 958"/>
                <a:gd name="T37" fmla="*/ 2147483646 h 653"/>
                <a:gd name="T38" fmla="*/ 2147483646 w 958"/>
                <a:gd name="T39" fmla="*/ 0 h 653"/>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958"/>
                <a:gd name="T61" fmla="*/ 0 h 653"/>
                <a:gd name="T62" fmla="*/ 958 w 958"/>
                <a:gd name="T63" fmla="*/ 653 h 653"/>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958" h="653">
                  <a:moveTo>
                    <a:pt x="918" y="581"/>
                  </a:moveTo>
                  <a:lnTo>
                    <a:pt x="918" y="581"/>
                  </a:lnTo>
                  <a:cubicBezTo>
                    <a:pt x="918" y="598"/>
                    <a:pt x="903" y="613"/>
                    <a:pt x="886" y="613"/>
                  </a:cubicBezTo>
                  <a:lnTo>
                    <a:pt x="73" y="613"/>
                  </a:lnTo>
                  <a:cubicBezTo>
                    <a:pt x="55" y="613"/>
                    <a:pt x="40" y="598"/>
                    <a:pt x="40" y="581"/>
                  </a:cubicBezTo>
                  <a:lnTo>
                    <a:pt x="40" y="72"/>
                  </a:lnTo>
                  <a:cubicBezTo>
                    <a:pt x="40" y="55"/>
                    <a:pt x="55" y="40"/>
                    <a:pt x="73" y="40"/>
                  </a:cubicBezTo>
                  <a:lnTo>
                    <a:pt x="886" y="40"/>
                  </a:lnTo>
                  <a:cubicBezTo>
                    <a:pt x="903" y="40"/>
                    <a:pt x="918" y="55"/>
                    <a:pt x="918" y="72"/>
                  </a:cubicBezTo>
                  <a:lnTo>
                    <a:pt x="918" y="581"/>
                  </a:lnTo>
                  <a:close/>
                  <a:moveTo>
                    <a:pt x="886" y="0"/>
                  </a:moveTo>
                  <a:lnTo>
                    <a:pt x="886" y="0"/>
                  </a:lnTo>
                  <a:lnTo>
                    <a:pt x="73" y="0"/>
                  </a:lnTo>
                  <a:cubicBezTo>
                    <a:pt x="33" y="0"/>
                    <a:pt x="0" y="33"/>
                    <a:pt x="0" y="72"/>
                  </a:cubicBezTo>
                  <a:lnTo>
                    <a:pt x="0" y="581"/>
                  </a:lnTo>
                  <a:cubicBezTo>
                    <a:pt x="0" y="621"/>
                    <a:pt x="33" y="653"/>
                    <a:pt x="73" y="653"/>
                  </a:cubicBezTo>
                  <a:lnTo>
                    <a:pt x="886" y="653"/>
                  </a:lnTo>
                  <a:cubicBezTo>
                    <a:pt x="926" y="653"/>
                    <a:pt x="958" y="621"/>
                    <a:pt x="958" y="581"/>
                  </a:cubicBezTo>
                  <a:lnTo>
                    <a:pt x="958" y="72"/>
                  </a:lnTo>
                  <a:cubicBezTo>
                    <a:pt x="958" y="33"/>
                    <a:pt x="926" y="0"/>
                    <a:pt x="886"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65" name="Freeform 40">
              <a:extLst>
                <a:ext uri="{FF2B5EF4-FFF2-40B4-BE49-F238E27FC236}">
                  <a16:creationId xmlns:a16="http://schemas.microsoft.com/office/drawing/2014/main" xmlns="" id="{CBF137BF-8C8A-4E18-AA32-D5B755EB22DD}"/>
                </a:ext>
              </a:extLst>
            </p:cNvPr>
            <p:cNvSpPr>
              <a:spLocks/>
            </p:cNvSpPr>
            <p:nvPr/>
          </p:nvSpPr>
          <p:spPr bwMode="auto">
            <a:xfrm>
              <a:off x="2176463" y="1309688"/>
              <a:ext cx="482600" cy="100013"/>
            </a:xfrm>
            <a:custGeom>
              <a:avLst/>
              <a:gdLst>
                <a:gd name="T0" fmla="*/ 2147483646 w 1150"/>
                <a:gd name="T1" fmla="*/ 2147483646 h 239"/>
                <a:gd name="T2" fmla="*/ 2147483646 w 1150"/>
                <a:gd name="T3" fmla="*/ 2147483646 h 239"/>
                <a:gd name="T4" fmla="*/ 2147483646 w 1150"/>
                <a:gd name="T5" fmla="*/ 0 h 239"/>
                <a:gd name="T6" fmla="*/ 2147483646 w 1150"/>
                <a:gd name="T7" fmla="*/ 0 h 239"/>
                <a:gd name="T8" fmla="*/ 2147483646 w 1150"/>
                <a:gd name="T9" fmla="*/ 2147483646 h 239"/>
                <a:gd name="T10" fmla="*/ 2147483646 w 1150"/>
                <a:gd name="T11" fmla="*/ 2147483646 h 239"/>
                <a:gd name="T12" fmla="*/ 2147483646 w 1150"/>
                <a:gd name="T13" fmla="*/ 2147483646 h 239"/>
                <a:gd name="T14" fmla="*/ 2147483646 w 1150"/>
                <a:gd name="T15" fmla="*/ 2147483646 h 239"/>
                <a:gd name="T16" fmla="*/ 2147483646 w 1150"/>
                <a:gd name="T17" fmla="*/ 2147483646 h 239"/>
                <a:gd name="T18" fmla="*/ 2147483646 w 1150"/>
                <a:gd name="T19" fmla="*/ 2147483646 h 239"/>
                <a:gd name="T20" fmla="*/ 2147483646 w 1150"/>
                <a:gd name="T21" fmla="*/ 2147483646 h 239"/>
                <a:gd name="T22" fmla="*/ 2147483646 w 1150"/>
                <a:gd name="T23" fmla="*/ 2147483646 h 239"/>
                <a:gd name="T24" fmla="*/ 2147483646 w 1150"/>
                <a:gd name="T25" fmla="*/ 2147483646 h 239"/>
                <a:gd name="T26" fmla="*/ 2147483646 w 1150"/>
                <a:gd name="T27" fmla="*/ 2147483646 h 239"/>
                <a:gd name="T28" fmla="*/ 2147483646 w 1150"/>
                <a:gd name="T29" fmla="*/ 2147483646 h 239"/>
                <a:gd name="T30" fmla="*/ 2147483646 w 1150"/>
                <a:gd name="T31" fmla="*/ 2147483646 h 239"/>
                <a:gd name="T32" fmla="*/ 2147483646 w 1150"/>
                <a:gd name="T33" fmla="*/ 2147483646 h 239"/>
                <a:gd name="T34" fmla="*/ 2147483646 w 1150"/>
                <a:gd name="T35" fmla="*/ 2147483646 h 239"/>
                <a:gd name="T36" fmla="*/ 2147483646 w 1150"/>
                <a:gd name="T37" fmla="*/ 2147483646 h 239"/>
                <a:gd name="T38" fmla="*/ 2147483646 w 1150"/>
                <a:gd name="T39" fmla="*/ 2147483646 h 239"/>
                <a:gd name="T40" fmla="*/ 2147483646 w 1150"/>
                <a:gd name="T41" fmla="*/ 2147483646 h 239"/>
                <a:gd name="T42" fmla="*/ 2147483646 w 1150"/>
                <a:gd name="T43" fmla="*/ 2147483646 h 239"/>
                <a:gd name="T44" fmla="*/ 2147483646 w 1150"/>
                <a:gd name="T45" fmla="*/ 2147483646 h 239"/>
                <a:gd name="T46" fmla="*/ 2147483646 w 1150"/>
                <a:gd name="T47" fmla="*/ 2147483646 h 239"/>
                <a:gd name="T48" fmla="*/ 2147483646 w 1150"/>
                <a:gd name="T49" fmla="*/ 2147483646 h 239"/>
                <a:gd name="T50" fmla="*/ 2147483646 w 1150"/>
                <a:gd name="T51" fmla="*/ 2147483646 h 239"/>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1150"/>
                <a:gd name="T79" fmla="*/ 0 h 239"/>
                <a:gd name="T80" fmla="*/ 1150 w 1150"/>
                <a:gd name="T81" fmla="*/ 239 h 239"/>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1150" h="239">
                  <a:moveTo>
                    <a:pt x="1049" y="14"/>
                  </a:moveTo>
                  <a:lnTo>
                    <a:pt x="1049" y="14"/>
                  </a:lnTo>
                  <a:cubicBezTo>
                    <a:pt x="1043" y="5"/>
                    <a:pt x="1033" y="0"/>
                    <a:pt x="1022" y="0"/>
                  </a:cubicBezTo>
                  <a:lnTo>
                    <a:pt x="129" y="0"/>
                  </a:lnTo>
                  <a:cubicBezTo>
                    <a:pt x="118" y="0"/>
                    <a:pt x="107" y="5"/>
                    <a:pt x="101" y="14"/>
                  </a:cubicBezTo>
                  <a:lnTo>
                    <a:pt x="8" y="151"/>
                  </a:lnTo>
                  <a:cubicBezTo>
                    <a:pt x="1" y="161"/>
                    <a:pt x="0" y="174"/>
                    <a:pt x="6" y="185"/>
                  </a:cubicBezTo>
                  <a:cubicBezTo>
                    <a:pt x="12" y="196"/>
                    <a:pt x="23" y="203"/>
                    <a:pt x="35" y="203"/>
                  </a:cubicBezTo>
                  <a:lnTo>
                    <a:pt x="663" y="203"/>
                  </a:lnTo>
                  <a:cubicBezTo>
                    <a:pt x="675" y="224"/>
                    <a:pt x="697" y="239"/>
                    <a:pt x="724" y="239"/>
                  </a:cubicBezTo>
                  <a:cubicBezTo>
                    <a:pt x="762" y="239"/>
                    <a:pt x="793" y="208"/>
                    <a:pt x="793" y="170"/>
                  </a:cubicBezTo>
                  <a:cubicBezTo>
                    <a:pt x="793" y="131"/>
                    <a:pt x="762" y="100"/>
                    <a:pt x="724" y="100"/>
                  </a:cubicBezTo>
                  <a:cubicBezTo>
                    <a:pt x="697" y="100"/>
                    <a:pt x="675" y="115"/>
                    <a:pt x="663" y="136"/>
                  </a:cubicBezTo>
                  <a:lnTo>
                    <a:pt x="99" y="136"/>
                  </a:lnTo>
                  <a:lnTo>
                    <a:pt x="146" y="66"/>
                  </a:lnTo>
                  <a:lnTo>
                    <a:pt x="1004" y="66"/>
                  </a:lnTo>
                  <a:lnTo>
                    <a:pt x="1052" y="136"/>
                  </a:lnTo>
                  <a:lnTo>
                    <a:pt x="997" y="136"/>
                  </a:lnTo>
                  <a:cubicBezTo>
                    <a:pt x="985" y="115"/>
                    <a:pt x="963" y="100"/>
                    <a:pt x="937" y="100"/>
                  </a:cubicBezTo>
                  <a:cubicBezTo>
                    <a:pt x="898" y="100"/>
                    <a:pt x="867" y="131"/>
                    <a:pt x="867" y="170"/>
                  </a:cubicBezTo>
                  <a:cubicBezTo>
                    <a:pt x="867" y="208"/>
                    <a:pt x="898" y="239"/>
                    <a:pt x="937" y="239"/>
                  </a:cubicBezTo>
                  <a:cubicBezTo>
                    <a:pt x="963" y="239"/>
                    <a:pt x="985" y="224"/>
                    <a:pt x="997" y="203"/>
                  </a:cubicBezTo>
                  <a:lnTo>
                    <a:pt x="1115" y="203"/>
                  </a:lnTo>
                  <a:cubicBezTo>
                    <a:pt x="1127" y="203"/>
                    <a:pt x="1139" y="196"/>
                    <a:pt x="1144" y="185"/>
                  </a:cubicBezTo>
                  <a:cubicBezTo>
                    <a:pt x="1150" y="174"/>
                    <a:pt x="1149" y="161"/>
                    <a:pt x="1142" y="151"/>
                  </a:cubicBezTo>
                  <a:lnTo>
                    <a:pt x="1049" y="14"/>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66" name="Freeform 41">
              <a:extLst>
                <a:ext uri="{FF2B5EF4-FFF2-40B4-BE49-F238E27FC236}">
                  <a16:creationId xmlns:a16="http://schemas.microsoft.com/office/drawing/2014/main" xmlns="" id="{0E551D01-49AD-4493-9DB7-674854FDBC4B}"/>
                </a:ext>
              </a:extLst>
            </p:cNvPr>
            <p:cNvSpPr>
              <a:spLocks noEditPoints="1"/>
            </p:cNvSpPr>
            <p:nvPr/>
          </p:nvSpPr>
          <p:spPr bwMode="auto">
            <a:xfrm>
              <a:off x="1949450" y="952500"/>
              <a:ext cx="193675" cy="442913"/>
            </a:xfrm>
            <a:custGeom>
              <a:avLst/>
              <a:gdLst>
                <a:gd name="T0" fmla="*/ 2147483646 w 461"/>
                <a:gd name="T1" fmla="*/ 2147483646 h 1055"/>
                <a:gd name="T2" fmla="*/ 2147483646 w 461"/>
                <a:gd name="T3" fmla="*/ 2147483646 h 1055"/>
                <a:gd name="T4" fmla="*/ 2147483646 w 461"/>
                <a:gd name="T5" fmla="*/ 2147483646 h 1055"/>
                <a:gd name="T6" fmla="*/ 2147483646 w 461"/>
                <a:gd name="T7" fmla="*/ 2147483646 h 1055"/>
                <a:gd name="T8" fmla="*/ 2147483646 w 461"/>
                <a:gd name="T9" fmla="*/ 2147483646 h 1055"/>
                <a:gd name="T10" fmla="*/ 2147483646 w 461"/>
                <a:gd name="T11" fmla="*/ 2147483646 h 1055"/>
                <a:gd name="T12" fmla="*/ 2147483646 w 461"/>
                <a:gd name="T13" fmla="*/ 2147483646 h 1055"/>
                <a:gd name="T14" fmla="*/ 2147483646 w 461"/>
                <a:gd name="T15" fmla="*/ 2147483646 h 1055"/>
                <a:gd name="T16" fmla="*/ 2147483646 w 461"/>
                <a:gd name="T17" fmla="*/ 2147483646 h 1055"/>
                <a:gd name="T18" fmla="*/ 2147483646 w 461"/>
                <a:gd name="T19" fmla="*/ 2147483646 h 1055"/>
                <a:gd name="T20" fmla="*/ 2147483646 w 461"/>
                <a:gd name="T21" fmla="*/ 0 h 1055"/>
                <a:gd name="T22" fmla="*/ 2147483646 w 461"/>
                <a:gd name="T23" fmla="*/ 0 h 1055"/>
                <a:gd name="T24" fmla="*/ 2147483646 w 461"/>
                <a:gd name="T25" fmla="*/ 0 h 1055"/>
                <a:gd name="T26" fmla="*/ 0 w 461"/>
                <a:gd name="T27" fmla="*/ 2147483646 h 1055"/>
                <a:gd name="T28" fmla="*/ 0 w 461"/>
                <a:gd name="T29" fmla="*/ 2147483646 h 1055"/>
                <a:gd name="T30" fmla="*/ 2147483646 w 461"/>
                <a:gd name="T31" fmla="*/ 2147483646 h 1055"/>
                <a:gd name="T32" fmla="*/ 2147483646 w 461"/>
                <a:gd name="T33" fmla="*/ 2147483646 h 1055"/>
                <a:gd name="T34" fmla="*/ 2147483646 w 461"/>
                <a:gd name="T35" fmla="*/ 2147483646 h 1055"/>
                <a:gd name="T36" fmla="*/ 2147483646 w 461"/>
                <a:gd name="T37" fmla="*/ 2147483646 h 1055"/>
                <a:gd name="T38" fmla="*/ 2147483646 w 461"/>
                <a:gd name="T39" fmla="*/ 0 h 1055"/>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461"/>
                <a:gd name="T61" fmla="*/ 0 h 1055"/>
                <a:gd name="T62" fmla="*/ 461 w 461"/>
                <a:gd name="T63" fmla="*/ 1055 h 1055"/>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461" h="1055">
                  <a:moveTo>
                    <a:pt x="394" y="955"/>
                  </a:moveTo>
                  <a:lnTo>
                    <a:pt x="394" y="955"/>
                  </a:lnTo>
                  <a:cubicBezTo>
                    <a:pt x="394" y="973"/>
                    <a:pt x="380" y="988"/>
                    <a:pt x="361" y="988"/>
                  </a:cubicBezTo>
                  <a:lnTo>
                    <a:pt x="100" y="988"/>
                  </a:lnTo>
                  <a:cubicBezTo>
                    <a:pt x="82" y="988"/>
                    <a:pt x="67" y="973"/>
                    <a:pt x="67" y="955"/>
                  </a:cubicBezTo>
                  <a:lnTo>
                    <a:pt x="67" y="100"/>
                  </a:lnTo>
                  <a:cubicBezTo>
                    <a:pt x="67" y="82"/>
                    <a:pt x="82" y="67"/>
                    <a:pt x="100" y="67"/>
                  </a:cubicBezTo>
                  <a:lnTo>
                    <a:pt x="361" y="67"/>
                  </a:lnTo>
                  <a:cubicBezTo>
                    <a:pt x="380" y="67"/>
                    <a:pt x="394" y="82"/>
                    <a:pt x="394" y="100"/>
                  </a:cubicBezTo>
                  <a:lnTo>
                    <a:pt x="394" y="955"/>
                  </a:lnTo>
                  <a:close/>
                  <a:moveTo>
                    <a:pt x="361" y="0"/>
                  </a:moveTo>
                  <a:lnTo>
                    <a:pt x="361" y="0"/>
                  </a:lnTo>
                  <a:lnTo>
                    <a:pt x="100" y="0"/>
                  </a:lnTo>
                  <a:cubicBezTo>
                    <a:pt x="45" y="0"/>
                    <a:pt x="0" y="45"/>
                    <a:pt x="0" y="100"/>
                  </a:cubicBezTo>
                  <a:lnTo>
                    <a:pt x="0" y="955"/>
                  </a:lnTo>
                  <a:cubicBezTo>
                    <a:pt x="0" y="1010"/>
                    <a:pt x="45" y="1055"/>
                    <a:pt x="100" y="1055"/>
                  </a:cubicBezTo>
                  <a:lnTo>
                    <a:pt x="361" y="1055"/>
                  </a:lnTo>
                  <a:cubicBezTo>
                    <a:pt x="416" y="1055"/>
                    <a:pt x="461" y="1010"/>
                    <a:pt x="461" y="955"/>
                  </a:cubicBezTo>
                  <a:lnTo>
                    <a:pt x="461" y="100"/>
                  </a:lnTo>
                  <a:cubicBezTo>
                    <a:pt x="461" y="45"/>
                    <a:pt x="416" y="0"/>
                    <a:pt x="361"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67" name="Freeform 42">
              <a:extLst>
                <a:ext uri="{FF2B5EF4-FFF2-40B4-BE49-F238E27FC236}">
                  <a16:creationId xmlns:a16="http://schemas.microsoft.com/office/drawing/2014/main" xmlns="" id="{22B107FA-8F01-4707-B317-07CD9C614A49}"/>
                </a:ext>
              </a:extLst>
            </p:cNvPr>
            <p:cNvSpPr>
              <a:spLocks/>
            </p:cNvSpPr>
            <p:nvPr/>
          </p:nvSpPr>
          <p:spPr bwMode="auto">
            <a:xfrm>
              <a:off x="1990725" y="1030288"/>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3"/>
                  </a:cubicBezTo>
                  <a:cubicBezTo>
                    <a:pt x="0" y="52"/>
                    <a:pt x="15" y="67"/>
                    <a:pt x="34" y="67"/>
                  </a:cubicBezTo>
                  <a:lnTo>
                    <a:pt x="234" y="67"/>
                  </a:lnTo>
                  <a:cubicBezTo>
                    <a:pt x="252" y="67"/>
                    <a:pt x="267" y="52"/>
                    <a:pt x="267" y="33"/>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68" name="Freeform 43">
              <a:extLst>
                <a:ext uri="{FF2B5EF4-FFF2-40B4-BE49-F238E27FC236}">
                  <a16:creationId xmlns:a16="http://schemas.microsoft.com/office/drawing/2014/main" xmlns="" id="{ED798DBA-448E-47E2-BC60-C48AD7D69CF1}"/>
                </a:ext>
              </a:extLst>
            </p:cNvPr>
            <p:cNvSpPr>
              <a:spLocks/>
            </p:cNvSpPr>
            <p:nvPr/>
          </p:nvSpPr>
          <p:spPr bwMode="auto">
            <a:xfrm>
              <a:off x="1990725" y="1069975"/>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4"/>
                  </a:cubicBezTo>
                  <a:cubicBezTo>
                    <a:pt x="0" y="52"/>
                    <a:pt x="15" y="67"/>
                    <a:pt x="34" y="67"/>
                  </a:cubicBezTo>
                  <a:lnTo>
                    <a:pt x="234" y="67"/>
                  </a:lnTo>
                  <a:cubicBezTo>
                    <a:pt x="252" y="67"/>
                    <a:pt x="267" y="52"/>
                    <a:pt x="267" y="34"/>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69" name="Freeform 44">
              <a:extLst>
                <a:ext uri="{FF2B5EF4-FFF2-40B4-BE49-F238E27FC236}">
                  <a16:creationId xmlns:a16="http://schemas.microsoft.com/office/drawing/2014/main" xmlns="" id="{6F0F17E5-6DFC-46FC-BD6C-A18F12776A37}"/>
                </a:ext>
              </a:extLst>
            </p:cNvPr>
            <p:cNvSpPr>
              <a:spLocks/>
            </p:cNvSpPr>
            <p:nvPr/>
          </p:nvSpPr>
          <p:spPr bwMode="auto">
            <a:xfrm>
              <a:off x="1990725" y="1109663"/>
              <a:ext cx="111125" cy="26988"/>
            </a:xfrm>
            <a:custGeom>
              <a:avLst/>
              <a:gdLst>
                <a:gd name="T0" fmla="*/ 2147483646 w 267"/>
                <a:gd name="T1" fmla="*/ 0 h 66"/>
                <a:gd name="T2" fmla="*/ 2147483646 w 267"/>
                <a:gd name="T3" fmla="*/ 0 h 66"/>
                <a:gd name="T4" fmla="*/ 2147483646 w 267"/>
                <a:gd name="T5" fmla="*/ 0 h 66"/>
                <a:gd name="T6" fmla="*/ 0 w 267"/>
                <a:gd name="T7" fmla="*/ 2147483646 h 66"/>
                <a:gd name="T8" fmla="*/ 2147483646 w 267"/>
                <a:gd name="T9" fmla="*/ 2147483646 h 66"/>
                <a:gd name="T10" fmla="*/ 2147483646 w 267"/>
                <a:gd name="T11" fmla="*/ 2147483646 h 66"/>
                <a:gd name="T12" fmla="*/ 2147483646 w 267"/>
                <a:gd name="T13" fmla="*/ 2147483646 h 66"/>
                <a:gd name="T14" fmla="*/ 2147483646 w 267"/>
                <a:gd name="T15" fmla="*/ 0 h 66"/>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6"/>
                <a:gd name="T26" fmla="*/ 267 w 26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6">
                  <a:moveTo>
                    <a:pt x="234" y="0"/>
                  </a:moveTo>
                  <a:lnTo>
                    <a:pt x="234" y="0"/>
                  </a:lnTo>
                  <a:lnTo>
                    <a:pt x="34" y="0"/>
                  </a:lnTo>
                  <a:cubicBezTo>
                    <a:pt x="15" y="0"/>
                    <a:pt x="0" y="15"/>
                    <a:pt x="0" y="33"/>
                  </a:cubicBezTo>
                  <a:cubicBezTo>
                    <a:pt x="0" y="52"/>
                    <a:pt x="15" y="66"/>
                    <a:pt x="34" y="66"/>
                  </a:cubicBezTo>
                  <a:lnTo>
                    <a:pt x="234" y="66"/>
                  </a:lnTo>
                  <a:cubicBezTo>
                    <a:pt x="252" y="66"/>
                    <a:pt x="267" y="52"/>
                    <a:pt x="267" y="33"/>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70" name="Freeform 45">
              <a:extLst>
                <a:ext uri="{FF2B5EF4-FFF2-40B4-BE49-F238E27FC236}">
                  <a16:creationId xmlns:a16="http://schemas.microsoft.com/office/drawing/2014/main" xmlns="" id="{F2AD6996-DD0A-400C-BEB3-F7D6C7024499}"/>
                </a:ext>
              </a:extLst>
            </p:cNvPr>
            <p:cNvSpPr>
              <a:spLocks noEditPoints="1"/>
            </p:cNvSpPr>
            <p:nvPr/>
          </p:nvSpPr>
          <p:spPr bwMode="auto">
            <a:xfrm>
              <a:off x="2005013" y="1254125"/>
              <a:ext cx="82550" cy="84138"/>
            </a:xfrm>
            <a:custGeom>
              <a:avLst/>
              <a:gdLst>
                <a:gd name="T0" fmla="*/ 2147483646 w 200"/>
                <a:gd name="T1" fmla="*/ 2147483646 h 200"/>
                <a:gd name="T2" fmla="*/ 2147483646 w 200"/>
                <a:gd name="T3" fmla="*/ 2147483646 h 200"/>
                <a:gd name="T4" fmla="*/ 2147483646 w 200"/>
                <a:gd name="T5" fmla="*/ 2147483646 h 200"/>
                <a:gd name="T6" fmla="*/ 2147483646 w 200"/>
                <a:gd name="T7" fmla="*/ 2147483646 h 200"/>
                <a:gd name="T8" fmla="*/ 2147483646 w 200"/>
                <a:gd name="T9" fmla="*/ 2147483646 h 200"/>
                <a:gd name="T10" fmla="*/ 2147483646 w 200"/>
                <a:gd name="T11" fmla="*/ 2147483646 h 200"/>
                <a:gd name="T12" fmla="*/ 2147483646 w 200"/>
                <a:gd name="T13" fmla="*/ 0 h 200"/>
                <a:gd name="T14" fmla="*/ 2147483646 w 200"/>
                <a:gd name="T15" fmla="*/ 0 h 200"/>
                <a:gd name="T16" fmla="*/ 0 w 200"/>
                <a:gd name="T17" fmla="*/ 2147483646 h 200"/>
                <a:gd name="T18" fmla="*/ 2147483646 w 200"/>
                <a:gd name="T19" fmla="*/ 2147483646 h 200"/>
                <a:gd name="T20" fmla="*/ 2147483646 w 200"/>
                <a:gd name="T21" fmla="*/ 2147483646 h 200"/>
                <a:gd name="T22" fmla="*/ 2147483646 w 200"/>
                <a:gd name="T23" fmla="*/ 0 h 2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00"/>
                <a:gd name="T37" fmla="*/ 0 h 200"/>
                <a:gd name="T38" fmla="*/ 200 w 200"/>
                <a:gd name="T39" fmla="*/ 200 h 2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00" h="200">
                  <a:moveTo>
                    <a:pt x="100" y="134"/>
                  </a:moveTo>
                  <a:lnTo>
                    <a:pt x="100" y="134"/>
                  </a:lnTo>
                  <a:cubicBezTo>
                    <a:pt x="81" y="134"/>
                    <a:pt x="66" y="119"/>
                    <a:pt x="66" y="100"/>
                  </a:cubicBezTo>
                  <a:cubicBezTo>
                    <a:pt x="66" y="82"/>
                    <a:pt x="81" y="67"/>
                    <a:pt x="100" y="67"/>
                  </a:cubicBezTo>
                  <a:cubicBezTo>
                    <a:pt x="118" y="67"/>
                    <a:pt x="133" y="82"/>
                    <a:pt x="133" y="100"/>
                  </a:cubicBezTo>
                  <a:cubicBezTo>
                    <a:pt x="133" y="119"/>
                    <a:pt x="118" y="134"/>
                    <a:pt x="100" y="134"/>
                  </a:cubicBezTo>
                  <a:close/>
                  <a:moveTo>
                    <a:pt x="100" y="0"/>
                  </a:moveTo>
                  <a:lnTo>
                    <a:pt x="100" y="0"/>
                  </a:lnTo>
                  <a:cubicBezTo>
                    <a:pt x="45" y="0"/>
                    <a:pt x="0" y="45"/>
                    <a:pt x="0" y="100"/>
                  </a:cubicBezTo>
                  <a:cubicBezTo>
                    <a:pt x="0" y="155"/>
                    <a:pt x="45" y="200"/>
                    <a:pt x="100" y="200"/>
                  </a:cubicBezTo>
                  <a:cubicBezTo>
                    <a:pt x="155" y="200"/>
                    <a:pt x="200" y="155"/>
                    <a:pt x="200" y="100"/>
                  </a:cubicBezTo>
                  <a:cubicBezTo>
                    <a:pt x="200" y="45"/>
                    <a:pt x="155" y="0"/>
                    <a:pt x="10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grpSp>
      <p:grpSp>
        <p:nvGrpSpPr>
          <p:cNvPr id="171" name="组合 294">
            <a:extLst>
              <a:ext uri="{FF2B5EF4-FFF2-40B4-BE49-F238E27FC236}">
                <a16:creationId xmlns:a16="http://schemas.microsoft.com/office/drawing/2014/main" xmlns="" id="{1F837974-D29B-4A7D-85D6-85C85C060B6F}"/>
              </a:ext>
            </a:extLst>
          </p:cNvPr>
          <p:cNvGrpSpPr>
            <a:grpSpLocks/>
          </p:cNvGrpSpPr>
          <p:nvPr/>
        </p:nvGrpSpPr>
        <p:grpSpPr bwMode="auto">
          <a:xfrm>
            <a:off x="9644217" y="3552509"/>
            <a:ext cx="561325" cy="442294"/>
            <a:chOff x="2036763" y="2339976"/>
            <a:chExt cx="635000" cy="500062"/>
          </a:xfrm>
        </p:grpSpPr>
        <p:sp>
          <p:nvSpPr>
            <p:cNvPr id="172" name="Freeform 28">
              <a:extLst>
                <a:ext uri="{FF2B5EF4-FFF2-40B4-BE49-F238E27FC236}">
                  <a16:creationId xmlns:a16="http://schemas.microsoft.com/office/drawing/2014/main" xmlns="" id="{48D0B26E-DA32-4ABE-B32E-0C0CCC017D53}"/>
                </a:ext>
              </a:extLst>
            </p:cNvPr>
            <p:cNvSpPr>
              <a:spLocks/>
            </p:cNvSpPr>
            <p:nvPr/>
          </p:nvSpPr>
          <p:spPr bwMode="auto">
            <a:xfrm>
              <a:off x="2036763" y="2589213"/>
              <a:ext cx="635000" cy="250825"/>
            </a:xfrm>
            <a:custGeom>
              <a:avLst/>
              <a:gdLst>
                <a:gd name="T0" fmla="*/ 2147483646 w 1516"/>
                <a:gd name="T1" fmla="*/ 0 h 600"/>
                <a:gd name="T2" fmla="*/ 2147483646 w 1516"/>
                <a:gd name="T3" fmla="*/ 0 h 600"/>
                <a:gd name="T4" fmla="*/ 2147483646 w 1516"/>
                <a:gd name="T5" fmla="*/ 0 h 600"/>
                <a:gd name="T6" fmla="*/ 0 w 1516"/>
                <a:gd name="T7" fmla="*/ 2147483646 h 600"/>
                <a:gd name="T8" fmla="*/ 2147483646 w 1516"/>
                <a:gd name="T9" fmla="*/ 2147483646 h 600"/>
                <a:gd name="T10" fmla="*/ 2147483646 w 1516"/>
                <a:gd name="T11" fmla="*/ 2147483646 h 600"/>
                <a:gd name="T12" fmla="*/ 2147483646 w 1516"/>
                <a:gd name="T13" fmla="*/ 2147483646 h 600"/>
                <a:gd name="T14" fmla="*/ 2147483646 w 1516"/>
                <a:gd name="T15" fmla="*/ 2147483646 h 600"/>
                <a:gd name="T16" fmla="*/ 2147483646 w 1516"/>
                <a:gd name="T17" fmla="*/ 2147483646 h 600"/>
                <a:gd name="T18" fmla="*/ 2147483646 w 1516"/>
                <a:gd name="T19" fmla="*/ 2147483646 h 600"/>
                <a:gd name="T20" fmla="*/ 2147483646 w 1516"/>
                <a:gd name="T21" fmla="*/ 2147483646 h 600"/>
                <a:gd name="T22" fmla="*/ 2147483646 w 1516"/>
                <a:gd name="T23" fmla="*/ 2147483646 h 600"/>
                <a:gd name="T24" fmla="*/ 2147483646 w 1516"/>
                <a:gd name="T25" fmla="*/ 2147483646 h 600"/>
                <a:gd name="T26" fmla="*/ 2147483646 w 1516"/>
                <a:gd name="T27" fmla="*/ 2147483646 h 600"/>
                <a:gd name="T28" fmla="*/ 2147483646 w 1516"/>
                <a:gd name="T29" fmla="*/ 2147483646 h 600"/>
                <a:gd name="T30" fmla="*/ 2147483646 w 1516"/>
                <a:gd name="T31" fmla="*/ 2147483646 h 600"/>
                <a:gd name="T32" fmla="*/ 2147483646 w 1516"/>
                <a:gd name="T33" fmla="*/ 2147483646 h 600"/>
                <a:gd name="T34" fmla="*/ 2147483646 w 1516"/>
                <a:gd name="T35" fmla="*/ 2147483646 h 600"/>
                <a:gd name="T36" fmla="*/ 2147483646 w 1516"/>
                <a:gd name="T37" fmla="*/ 2147483646 h 600"/>
                <a:gd name="T38" fmla="*/ 2147483646 w 1516"/>
                <a:gd name="T39" fmla="*/ 2147483646 h 600"/>
                <a:gd name="T40" fmla="*/ 2147483646 w 1516"/>
                <a:gd name="T41" fmla="*/ 2147483646 h 600"/>
                <a:gd name="T42" fmla="*/ 2147483646 w 1516"/>
                <a:gd name="T43" fmla="*/ 2147483646 h 600"/>
                <a:gd name="T44" fmla="*/ 2147483646 w 1516"/>
                <a:gd name="T45" fmla="*/ 2147483646 h 600"/>
                <a:gd name="T46" fmla="*/ 2147483646 w 1516"/>
                <a:gd name="T47" fmla="*/ 0 h 60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16"/>
                <a:gd name="T73" fmla="*/ 0 h 600"/>
                <a:gd name="T74" fmla="*/ 1516 w 1516"/>
                <a:gd name="T75" fmla="*/ 600 h 60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16" h="600">
                  <a:moveTo>
                    <a:pt x="1238" y="0"/>
                  </a:moveTo>
                  <a:lnTo>
                    <a:pt x="1238" y="0"/>
                  </a:lnTo>
                  <a:lnTo>
                    <a:pt x="278" y="0"/>
                  </a:lnTo>
                  <a:cubicBezTo>
                    <a:pt x="125" y="0"/>
                    <a:pt x="0" y="125"/>
                    <a:pt x="0" y="278"/>
                  </a:cubicBezTo>
                  <a:cubicBezTo>
                    <a:pt x="0" y="431"/>
                    <a:pt x="125" y="556"/>
                    <a:pt x="278" y="556"/>
                  </a:cubicBezTo>
                  <a:lnTo>
                    <a:pt x="786" y="556"/>
                  </a:lnTo>
                  <a:cubicBezTo>
                    <a:pt x="796" y="582"/>
                    <a:pt x="821" y="600"/>
                    <a:pt x="850" y="600"/>
                  </a:cubicBezTo>
                  <a:cubicBezTo>
                    <a:pt x="889" y="600"/>
                    <a:pt x="920" y="568"/>
                    <a:pt x="920" y="530"/>
                  </a:cubicBezTo>
                  <a:cubicBezTo>
                    <a:pt x="920" y="492"/>
                    <a:pt x="889" y="461"/>
                    <a:pt x="850" y="461"/>
                  </a:cubicBezTo>
                  <a:cubicBezTo>
                    <a:pt x="827" y="461"/>
                    <a:pt x="807" y="472"/>
                    <a:pt x="794" y="489"/>
                  </a:cubicBezTo>
                  <a:lnTo>
                    <a:pt x="278" y="489"/>
                  </a:lnTo>
                  <a:cubicBezTo>
                    <a:pt x="161" y="489"/>
                    <a:pt x="67" y="395"/>
                    <a:pt x="67" y="278"/>
                  </a:cubicBezTo>
                  <a:cubicBezTo>
                    <a:pt x="67" y="162"/>
                    <a:pt x="161" y="67"/>
                    <a:pt x="278" y="67"/>
                  </a:cubicBezTo>
                  <a:lnTo>
                    <a:pt x="1238" y="67"/>
                  </a:lnTo>
                  <a:cubicBezTo>
                    <a:pt x="1355" y="67"/>
                    <a:pt x="1450" y="162"/>
                    <a:pt x="1450" y="278"/>
                  </a:cubicBezTo>
                  <a:cubicBezTo>
                    <a:pt x="1450" y="395"/>
                    <a:pt x="1355" y="489"/>
                    <a:pt x="1238" y="489"/>
                  </a:cubicBezTo>
                  <a:lnTo>
                    <a:pt x="1121" y="489"/>
                  </a:lnTo>
                  <a:cubicBezTo>
                    <a:pt x="1108" y="472"/>
                    <a:pt x="1087" y="460"/>
                    <a:pt x="1064" y="460"/>
                  </a:cubicBezTo>
                  <a:cubicBezTo>
                    <a:pt x="1025" y="460"/>
                    <a:pt x="995" y="491"/>
                    <a:pt x="995" y="529"/>
                  </a:cubicBezTo>
                  <a:cubicBezTo>
                    <a:pt x="995" y="568"/>
                    <a:pt x="1025" y="599"/>
                    <a:pt x="1064" y="599"/>
                  </a:cubicBezTo>
                  <a:cubicBezTo>
                    <a:pt x="1093" y="599"/>
                    <a:pt x="1118" y="581"/>
                    <a:pt x="1128" y="556"/>
                  </a:cubicBezTo>
                  <a:lnTo>
                    <a:pt x="1238" y="556"/>
                  </a:lnTo>
                  <a:cubicBezTo>
                    <a:pt x="1391" y="556"/>
                    <a:pt x="1516" y="431"/>
                    <a:pt x="1516" y="278"/>
                  </a:cubicBezTo>
                  <a:cubicBezTo>
                    <a:pt x="1516" y="125"/>
                    <a:pt x="1391" y="0"/>
                    <a:pt x="123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73" name="Freeform 29">
              <a:extLst>
                <a:ext uri="{FF2B5EF4-FFF2-40B4-BE49-F238E27FC236}">
                  <a16:creationId xmlns:a16="http://schemas.microsoft.com/office/drawing/2014/main" xmlns="" id="{78796359-4F09-4586-B449-0784E7842DA9}"/>
                </a:ext>
              </a:extLst>
            </p:cNvPr>
            <p:cNvSpPr>
              <a:spLocks/>
            </p:cNvSpPr>
            <p:nvPr/>
          </p:nvSpPr>
          <p:spPr bwMode="auto">
            <a:xfrm>
              <a:off x="2200275" y="2663826"/>
              <a:ext cx="125413" cy="88900"/>
            </a:xfrm>
            <a:custGeom>
              <a:avLst/>
              <a:gdLst>
                <a:gd name="T0" fmla="*/ 2147483646 w 297"/>
                <a:gd name="T1" fmla="*/ 2147483646 h 212"/>
                <a:gd name="T2" fmla="*/ 2147483646 w 297"/>
                <a:gd name="T3" fmla="*/ 2147483646 h 212"/>
                <a:gd name="T4" fmla="*/ 2147483646 w 297"/>
                <a:gd name="T5" fmla="*/ 2147483646 h 212"/>
                <a:gd name="T6" fmla="*/ 2147483646 w 297"/>
                <a:gd name="T7" fmla="*/ 2147483646 h 212"/>
                <a:gd name="T8" fmla="*/ 2147483646 w 297"/>
                <a:gd name="T9" fmla="*/ 0 h 212"/>
                <a:gd name="T10" fmla="*/ 2147483646 w 297"/>
                <a:gd name="T11" fmla="*/ 0 h 212"/>
                <a:gd name="T12" fmla="*/ 2147483646 w 297"/>
                <a:gd name="T13" fmla="*/ 2147483646 h 212"/>
                <a:gd name="T14" fmla="*/ 2147483646 w 297"/>
                <a:gd name="T15" fmla="*/ 2147483646 h 212"/>
                <a:gd name="T16" fmla="*/ 2147483646 w 297"/>
                <a:gd name="T17" fmla="*/ 2147483646 h 212"/>
                <a:gd name="T18" fmla="*/ 2147483646 w 297"/>
                <a:gd name="T19" fmla="*/ 2147483646 h 212"/>
                <a:gd name="T20" fmla="*/ 2147483646 w 297"/>
                <a:gd name="T21" fmla="*/ 0 h 212"/>
                <a:gd name="T22" fmla="*/ 0 w 297"/>
                <a:gd name="T23" fmla="*/ 0 h 212"/>
                <a:gd name="T24" fmla="*/ 2147483646 w 297"/>
                <a:gd name="T25" fmla="*/ 2147483646 h 212"/>
                <a:gd name="T26" fmla="*/ 2147483646 w 297"/>
                <a:gd name="T27" fmla="*/ 2147483646 h 212"/>
                <a:gd name="T28" fmla="*/ 2147483646 w 297"/>
                <a:gd name="T29" fmla="*/ 2147483646 h 212"/>
                <a:gd name="T30" fmla="*/ 2147483646 w 297"/>
                <a:gd name="T31" fmla="*/ 2147483646 h 212"/>
                <a:gd name="T32" fmla="*/ 2147483646 w 297"/>
                <a:gd name="T33" fmla="*/ 2147483646 h 212"/>
                <a:gd name="T34" fmla="*/ 2147483646 w 297"/>
                <a:gd name="T35" fmla="*/ 2147483646 h 212"/>
                <a:gd name="T36" fmla="*/ 2147483646 w 297"/>
                <a:gd name="T37" fmla="*/ 2147483646 h 212"/>
                <a:gd name="T38" fmla="*/ 2147483646 w 297"/>
                <a:gd name="T39" fmla="*/ 2147483646 h 212"/>
                <a:gd name="T40" fmla="*/ 2147483646 w 297"/>
                <a:gd name="T41" fmla="*/ 0 h 212"/>
                <a:gd name="T42" fmla="*/ 2147483646 w 297"/>
                <a:gd name="T43" fmla="*/ 0 h 212"/>
                <a:gd name="T44" fmla="*/ 2147483646 w 297"/>
                <a:gd name="T45" fmla="*/ 2147483646 h 212"/>
                <a:gd name="T46" fmla="*/ 2147483646 w 297"/>
                <a:gd name="T47" fmla="*/ 2147483646 h 212"/>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7"/>
                <a:gd name="T73" fmla="*/ 0 h 212"/>
                <a:gd name="T74" fmla="*/ 297 w 297"/>
                <a:gd name="T75" fmla="*/ 212 h 212"/>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7" h="212">
                  <a:moveTo>
                    <a:pt x="217" y="168"/>
                  </a:moveTo>
                  <a:lnTo>
                    <a:pt x="217" y="168"/>
                  </a:lnTo>
                  <a:lnTo>
                    <a:pt x="216" y="168"/>
                  </a:lnTo>
                  <a:cubicBezTo>
                    <a:pt x="215" y="158"/>
                    <a:pt x="214" y="151"/>
                    <a:pt x="213" y="145"/>
                  </a:cubicBezTo>
                  <a:lnTo>
                    <a:pt x="177" y="0"/>
                  </a:lnTo>
                  <a:lnTo>
                    <a:pt x="129" y="0"/>
                  </a:lnTo>
                  <a:lnTo>
                    <a:pt x="89" y="143"/>
                  </a:lnTo>
                  <a:cubicBezTo>
                    <a:pt x="87" y="152"/>
                    <a:pt x="85" y="160"/>
                    <a:pt x="85" y="168"/>
                  </a:cubicBezTo>
                  <a:lnTo>
                    <a:pt x="84" y="168"/>
                  </a:lnTo>
                  <a:cubicBezTo>
                    <a:pt x="83" y="158"/>
                    <a:pt x="82" y="150"/>
                    <a:pt x="81" y="144"/>
                  </a:cubicBezTo>
                  <a:lnTo>
                    <a:pt x="49" y="0"/>
                  </a:lnTo>
                  <a:lnTo>
                    <a:pt x="0" y="0"/>
                  </a:lnTo>
                  <a:lnTo>
                    <a:pt x="56" y="212"/>
                  </a:lnTo>
                  <a:lnTo>
                    <a:pt x="109" y="212"/>
                  </a:lnTo>
                  <a:lnTo>
                    <a:pt x="146" y="74"/>
                  </a:lnTo>
                  <a:cubicBezTo>
                    <a:pt x="147" y="68"/>
                    <a:pt x="149" y="60"/>
                    <a:pt x="150" y="50"/>
                  </a:cubicBezTo>
                  <a:cubicBezTo>
                    <a:pt x="151" y="58"/>
                    <a:pt x="152" y="66"/>
                    <a:pt x="154" y="74"/>
                  </a:cubicBezTo>
                  <a:lnTo>
                    <a:pt x="190" y="212"/>
                  </a:lnTo>
                  <a:lnTo>
                    <a:pt x="240" y="212"/>
                  </a:lnTo>
                  <a:lnTo>
                    <a:pt x="297" y="0"/>
                  </a:lnTo>
                  <a:lnTo>
                    <a:pt x="251" y="0"/>
                  </a:lnTo>
                  <a:lnTo>
                    <a:pt x="220" y="144"/>
                  </a:lnTo>
                  <a:cubicBezTo>
                    <a:pt x="218" y="152"/>
                    <a:pt x="217" y="160"/>
                    <a:pt x="217" y="1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74" name="Freeform 30">
              <a:extLst>
                <a:ext uri="{FF2B5EF4-FFF2-40B4-BE49-F238E27FC236}">
                  <a16:creationId xmlns:a16="http://schemas.microsoft.com/office/drawing/2014/main" xmlns="" id="{A4FCCFA6-6EE9-4236-BB72-7579D7A61B3E}"/>
                </a:ext>
              </a:extLst>
            </p:cNvPr>
            <p:cNvSpPr>
              <a:spLocks/>
            </p:cNvSpPr>
            <p:nvPr/>
          </p:nvSpPr>
          <p:spPr bwMode="auto">
            <a:xfrm>
              <a:off x="23352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75" name="Freeform 31">
              <a:extLst>
                <a:ext uri="{FF2B5EF4-FFF2-40B4-BE49-F238E27FC236}">
                  <a16:creationId xmlns:a16="http://schemas.microsoft.com/office/drawing/2014/main" xmlns="" id="{2182B0BA-01D2-4FE8-A4FA-7313FEB3874A}"/>
                </a:ext>
              </a:extLst>
            </p:cNvPr>
            <p:cNvSpPr>
              <a:spLocks/>
            </p:cNvSpPr>
            <p:nvPr/>
          </p:nvSpPr>
          <p:spPr bwMode="auto">
            <a:xfrm>
              <a:off x="23336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4" y="7"/>
                  </a:moveTo>
                  <a:lnTo>
                    <a:pt x="44" y="7"/>
                  </a:lnTo>
                  <a:cubicBezTo>
                    <a:pt x="40" y="3"/>
                    <a:pt x="33" y="0"/>
                    <a:pt x="26" y="0"/>
                  </a:cubicBezTo>
                  <a:cubicBezTo>
                    <a:pt x="18" y="0"/>
                    <a:pt x="12" y="3"/>
                    <a:pt x="7" y="7"/>
                  </a:cubicBezTo>
                  <a:cubicBezTo>
                    <a:pt x="2" y="11"/>
                    <a:pt x="0" y="17"/>
                    <a:pt x="0" y="23"/>
                  </a:cubicBezTo>
                  <a:cubicBezTo>
                    <a:pt x="0" y="30"/>
                    <a:pt x="2" y="36"/>
                    <a:pt x="7" y="40"/>
                  </a:cubicBezTo>
                  <a:cubicBezTo>
                    <a:pt x="12" y="45"/>
                    <a:pt x="18" y="47"/>
                    <a:pt x="26" y="47"/>
                  </a:cubicBezTo>
                  <a:cubicBezTo>
                    <a:pt x="33" y="47"/>
                    <a:pt x="39" y="45"/>
                    <a:pt x="44" y="40"/>
                  </a:cubicBezTo>
                  <a:cubicBezTo>
                    <a:pt x="49" y="36"/>
                    <a:pt x="52" y="30"/>
                    <a:pt x="52" y="23"/>
                  </a:cubicBezTo>
                  <a:cubicBezTo>
                    <a:pt x="52" y="17"/>
                    <a:pt x="49" y="11"/>
                    <a:pt x="44"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76" name="Freeform 32">
              <a:extLst>
                <a:ext uri="{FF2B5EF4-FFF2-40B4-BE49-F238E27FC236}">
                  <a16:creationId xmlns:a16="http://schemas.microsoft.com/office/drawing/2014/main" xmlns="" id="{7FD2BCFA-03C7-446C-8369-EC55374A7858}"/>
                </a:ext>
              </a:extLst>
            </p:cNvPr>
            <p:cNvSpPr>
              <a:spLocks/>
            </p:cNvSpPr>
            <p:nvPr/>
          </p:nvSpPr>
          <p:spPr bwMode="auto">
            <a:xfrm>
              <a:off x="2370138" y="2711451"/>
              <a:ext cx="34925" cy="14288"/>
            </a:xfrm>
            <a:custGeom>
              <a:avLst/>
              <a:gdLst>
                <a:gd name="T0" fmla="*/ 2147483646 w 81"/>
                <a:gd name="T1" fmla="*/ 0 h 32"/>
                <a:gd name="T2" fmla="*/ 2147483646 w 81"/>
                <a:gd name="T3" fmla="*/ 0 h 32"/>
                <a:gd name="T4" fmla="*/ 0 w 81"/>
                <a:gd name="T5" fmla="*/ 0 h 32"/>
                <a:gd name="T6" fmla="*/ 0 w 81"/>
                <a:gd name="T7" fmla="*/ 2147483646 h 32"/>
                <a:gd name="T8" fmla="*/ 2147483646 w 81"/>
                <a:gd name="T9" fmla="*/ 2147483646 h 32"/>
                <a:gd name="T10" fmla="*/ 2147483646 w 81"/>
                <a:gd name="T11" fmla="*/ 0 h 32"/>
                <a:gd name="T12" fmla="*/ 0 60000 65536"/>
                <a:gd name="T13" fmla="*/ 0 60000 65536"/>
                <a:gd name="T14" fmla="*/ 0 60000 65536"/>
                <a:gd name="T15" fmla="*/ 0 60000 65536"/>
                <a:gd name="T16" fmla="*/ 0 60000 65536"/>
                <a:gd name="T17" fmla="*/ 0 60000 65536"/>
                <a:gd name="T18" fmla="*/ 0 w 81"/>
                <a:gd name="T19" fmla="*/ 0 h 32"/>
                <a:gd name="T20" fmla="*/ 81 w 81"/>
                <a:gd name="T21" fmla="*/ 32 h 32"/>
              </a:gdLst>
              <a:ahLst/>
              <a:cxnLst>
                <a:cxn ang="T12">
                  <a:pos x="T0" y="T1"/>
                </a:cxn>
                <a:cxn ang="T13">
                  <a:pos x="T2" y="T3"/>
                </a:cxn>
                <a:cxn ang="T14">
                  <a:pos x="T4" y="T5"/>
                </a:cxn>
                <a:cxn ang="T15">
                  <a:pos x="T6" y="T7"/>
                </a:cxn>
                <a:cxn ang="T16">
                  <a:pos x="T8" y="T9"/>
                </a:cxn>
                <a:cxn ang="T17">
                  <a:pos x="T10" y="T11"/>
                </a:cxn>
              </a:cxnLst>
              <a:rect l="T18" t="T19" r="T20" b="T21"/>
              <a:pathLst>
                <a:path w="81" h="32">
                  <a:moveTo>
                    <a:pt x="81" y="0"/>
                  </a:moveTo>
                  <a:lnTo>
                    <a:pt x="81" y="0"/>
                  </a:lnTo>
                  <a:lnTo>
                    <a:pt x="0" y="0"/>
                  </a:lnTo>
                  <a:lnTo>
                    <a:pt x="0" y="32"/>
                  </a:lnTo>
                  <a:lnTo>
                    <a:pt x="81" y="32"/>
                  </a:lnTo>
                  <a:lnTo>
                    <a:pt x="8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77" name="Freeform 33">
              <a:extLst>
                <a:ext uri="{FF2B5EF4-FFF2-40B4-BE49-F238E27FC236}">
                  <a16:creationId xmlns:a16="http://schemas.microsoft.com/office/drawing/2014/main" xmlns="" id="{B4CC537E-CA96-4F5A-82D7-696556B0D03A}"/>
                </a:ext>
              </a:extLst>
            </p:cNvPr>
            <p:cNvSpPr>
              <a:spLocks/>
            </p:cNvSpPr>
            <p:nvPr/>
          </p:nvSpPr>
          <p:spPr bwMode="auto">
            <a:xfrm>
              <a:off x="2424113" y="2663826"/>
              <a:ext cx="50800" cy="88900"/>
            </a:xfrm>
            <a:custGeom>
              <a:avLst/>
              <a:gdLst>
                <a:gd name="T0" fmla="*/ 2147483646 w 122"/>
                <a:gd name="T1" fmla="*/ 2147483646 h 212"/>
                <a:gd name="T2" fmla="*/ 2147483646 w 122"/>
                <a:gd name="T3" fmla="*/ 2147483646 h 212"/>
                <a:gd name="T4" fmla="*/ 2147483646 w 122"/>
                <a:gd name="T5" fmla="*/ 2147483646 h 212"/>
                <a:gd name="T6" fmla="*/ 2147483646 w 122"/>
                <a:gd name="T7" fmla="*/ 2147483646 h 212"/>
                <a:gd name="T8" fmla="*/ 2147483646 w 122"/>
                <a:gd name="T9" fmla="*/ 2147483646 h 212"/>
                <a:gd name="T10" fmla="*/ 2147483646 w 122"/>
                <a:gd name="T11" fmla="*/ 0 h 212"/>
                <a:gd name="T12" fmla="*/ 0 w 122"/>
                <a:gd name="T13" fmla="*/ 0 h 212"/>
                <a:gd name="T14" fmla="*/ 0 w 122"/>
                <a:gd name="T15" fmla="*/ 2147483646 h 212"/>
                <a:gd name="T16" fmla="*/ 2147483646 w 122"/>
                <a:gd name="T17" fmla="*/ 2147483646 h 212"/>
                <a:gd name="T18" fmla="*/ 2147483646 w 122"/>
                <a:gd name="T19" fmla="*/ 2147483646 h 212"/>
                <a:gd name="T20" fmla="*/ 2147483646 w 122"/>
                <a:gd name="T21" fmla="*/ 2147483646 h 212"/>
                <a:gd name="T22" fmla="*/ 2147483646 w 122"/>
                <a:gd name="T23" fmla="*/ 2147483646 h 21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22"/>
                <a:gd name="T37" fmla="*/ 0 h 212"/>
                <a:gd name="T38" fmla="*/ 122 w 122"/>
                <a:gd name="T39" fmla="*/ 212 h 21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22" h="212">
                  <a:moveTo>
                    <a:pt x="116" y="91"/>
                  </a:moveTo>
                  <a:lnTo>
                    <a:pt x="116" y="91"/>
                  </a:lnTo>
                  <a:lnTo>
                    <a:pt x="46" y="91"/>
                  </a:lnTo>
                  <a:lnTo>
                    <a:pt x="46" y="37"/>
                  </a:lnTo>
                  <a:lnTo>
                    <a:pt x="122" y="37"/>
                  </a:lnTo>
                  <a:lnTo>
                    <a:pt x="122" y="0"/>
                  </a:lnTo>
                  <a:lnTo>
                    <a:pt x="0" y="0"/>
                  </a:lnTo>
                  <a:lnTo>
                    <a:pt x="0" y="212"/>
                  </a:lnTo>
                  <a:lnTo>
                    <a:pt x="46" y="212"/>
                  </a:lnTo>
                  <a:lnTo>
                    <a:pt x="46" y="128"/>
                  </a:lnTo>
                  <a:lnTo>
                    <a:pt x="116" y="128"/>
                  </a:lnTo>
                  <a:lnTo>
                    <a:pt x="116" y="9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78" name="Freeform 34">
              <a:extLst>
                <a:ext uri="{FF2B5EF4-FFF2-40B4-BE49-F238E27FC236}">
                  <a16:creationId xmlns:a16="http://schemas.microsoft.com/office/drawing/2014/main" xmlns="" id="{8930C6EB-77DC-4736-9893-FF4775FC2143}"/>
                </a:ext>
              </a:extLst>
            </p:cNvPr>
            <p:cNvSpPr>
              <a:spLocks/>
            </p:cNvSpPr>
            <p:nvPr/>
          </p:nvSpPr>
          <p:spPr bwMode="auto">
            <a:xfrm>
              <a:off x="24860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5" y="7"/>
                  </a:moveTo>
                  <a:lnTo>
                    <a:pt x="45" y="7"/>
                  </a:lnTo>
                  <a:cubicBezTo>
                    <a:pt x="40" y="3"/>
                    <a:pt x="34" y="0"/>
                    <a:pt x="26" y="0"/>
                  </a:cubicBezTo>
                  <a:cubicBezTo>
                    <a:pt x="18" y="0"/>
                    <a:pt x="12" y="3"/>
                    <a:pt x="7" y="7"/>
                  </a:cubicBezTo>
                  <a:cubicBezTo>
                    <a:pt x="3" y="11"/>
                    <a:pt x="0" y="17"/>
                    <a:pt x="0" y="23"/>
                  </a:cubicBezTo>
                  <a:cubicBezTo>
                    <a:pt x="0" y="30"/>
                    <a:pt x="3" y="36"/>
                    <a:pt x="7" y="40"/>
                  </a:cubicBezTo>
                  <a:cubicBezTo>
                    <a:pt x="12" y="45"/>
                    <a:pt x="18" y="47"/>
                    <a:pt x="26" y="47"/>
                  </a:cubicBezTo>
                  <a:cubicBezTo>
                    <a:pt x="33" y="47"/>
                    <a:pt x="40" y="45"/>
                    <a:pt x="44" y="40"/>
                  </a:cubicBezTo>
                  <a:cubicBezTo>
                    <a:pt x="49" y="36"/>
                    <a:pt x="52" y="30"/>
                    <a:pt x="52" y="23"/>
                  </a:cubicBezTo>
                  <a:cubicBezTo>
                    <a:pt x="52" y="17"/>
                    <a:pt x="49" y="11"/>
                    <a:pt x="45"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79" name="Freeform 35">
              <a:extLst>
                <a:ext uri="{FF2B5EF4-FFF2-40B4-BE49-F238E27FC236}">
                  <a16:creationId xmlns:a16="http://schemas.microsoft.com/office/drawing/2014/main" xmlns="" id="{0A1CA0FC-C463-4DF9-87E3-3123ABD6B82B}"/>
                </a:ext>
              </a:extLst>
            </p:cNvPr>
            <p:cNvSpPr>
              <a:spLocks/>
            </p:cNvSpPr>
            <p:nvPr/>
          </p:nvSpPr>
          <p:spPr bwMode="auto">
            <a:xfrm>
              <a:off x="24876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80" name="Freeform 36">
              <a:extLst>
                <a:ext uri="{FF2B5EF4-FFF2-40B4-BE49-F238E27FC236}">
                  <a16:creationId xmlns:a16="http://schemas.microsoft.com/office/drawing/2014/main" xmlns="" id="{1131AFC3-1AA0-4487-A36D-C19194C3023B}"/>
                </a:ext>
              </a:extLst>
            </p:cNvPr>
            <p:cNvSpPr>
              <a:spLocks/>
            </p:cNvSpPr>
            <p:nvPr/>
          </p:nvSpPr>
          <p:spPr bwMode="auto">
            <a:xfrm>
              <a:off x="2273300" y="2508251"/>
              <a:ext cx="163513" cy="52388"/>
            </a:xfrm>
            <a:custGeom>
              <a:avLst/>
              <a:gdLst>
                <a:gd name="T0" fmla="*/ 2147483646 w 390"/>
                <a:gd name="T1" fmla="*/ 2147483646 h 127"/>
                <a:gd name="T2" fmla="*/ 2147483646 w 390"/>
                <a:gd name="T3" fmla="*/ 2147483646 h 127"/>
                <a:gd name="T4" fmla="*/ 2147483646 w 390"/>
                <a:gd name="T5" fmla="*/ 2147483646 h 127"/>
                <a:gd name="T6" fmla="*/ 2147483646 w 390"/>
                <a:gd name="T7" fmla="*/ 2147483646 h 127"/>
                <a:gd name="T8" fmla="*/ 2147483646 w 390"/>
                <a:gd name="T9" fmla="*/ 2147483646 h 127"/>
                <a:gd name="T10" fmla="*/ 2147483646 w 390"/>
                <a:gd name="T11" fmla="*/ 2147483646 h 127"/>
                <a:gd name="T12" fmla="*/ 2147483646 w 390"/>
                <a:gd name="T13" fmla="*/ 2147483646 h 127"/>
                <a:gd name="T14" fmla="*/ 2147483646 w 390"/>
                <a:gd name="T15" fmla="*/ 2147483646 h 127"/>
                <a:gd name="T16" fmla="*/ 2147483646 w 390"/>
                <a:gd name="T17" fmla="*/ 2147483646 h 127"/>
                <a:gd name="T18" fmla="*/ 2147483646 w 390"/>
                <a:gd name="T19" fmla="*/ 2147483646 h 127"/>
                <a:gd name="T20" fmla="*/ 2147483646 w 390"/>
                <a:gd name="T21" fmla="*/ 0 h 127"/>
                <a:gd name="T22" fmla="*/ 2147483646 w 390"/>
                <a:gd name="T23" fmla="*/ 2147483646 h 12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90"/>
                <a:gd name="T37" fmla="*/ 0 h 127"/>
                <a:gd name="T38" fmla="*/ 390 w 390"/>
                <a:gd name="T39" fmla="*/ 127 h 12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90" h="127">
                  <a:moveTo>
                    <a:pt x="14" y="66"/>
                  </a:moveTo>
                  <a:lnTo>
                    <a:pt x="14" y="66"/>
                  </a:lnTo>
                  <a:cubicBezTo>
                    <a:pt x="1" y="78"/>
                    <a:pt x="0" y="99"/>
                    <a:pt x="12" y="113"/>
                  </a:cubicBezTo>
                  <a:cubicBezTo>
                    <a:pt x="18" y="121"/>
                    <a:pt x="27" y="124"/>
                    <a:pt x="37" y="124"/>
                  </a:cubicBezTo>
                  <a:cubicBezTo>
                    <a:pt x="45" y="124"/>
                    <a:pt x="52" y="122"/>
                    <a:pt x="59" y="116"/>
                  </a:cubicBezTo>
                  <a:cubicBezTo>
                    <a:pt x="93" y="85"/>
                    <a:pt x="143" y="67"/>
                    <a:pt x="195" y="67"/>
                  </a:cubicBezTo>
                  <a:cubicBezTo>
                    <a:pt x="247" y="67"/>
                    <a:pt x="296" y="85"/>
                    <a:pt x="331" y="115"/>
                  </a:cubicBezTo>
                  <a:cubicBezTo>
                    <a:pt x="344" y="127"/>
                    <a:pt x="365" y="126"/>
                    <a:pt x="378" y="112"/>
                  </a:cubicBezTo>
                  <a:cubicBezTo>
                    <a:pt x="390" y="98"/>
                    <a:pt x="388" y="77"/>
                    <a:pt x="375" y="65"/>
                  </a:cubicBezTo>
                  <a:cubicBezTo>
                    <a:pt x="327" y="23"/>
                    <a:pt x="264" y="0"/>
                    <a:pt x="194" y="0"/>
                  </a:cubicBezTo>
                  <a:cubicBezTo>
                    <a:pt x="126" y="1"/>
                    <a:pt x="62" y="24"/>
                    <a:pt x="14"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81" name="Freeform 37">
              <a:extLst>
                <a:ext uri="{FF2B5EF4-FFF2-40B4-BE49-F238E27FC236}">
                  <a16:creationId xmlns:a16="http://schemas.microsoft.com/office/drawing/2014/main" xmlns="" id="{C4CEDE6D-4BEF-4A7F-B7AD-6F73DB37A061}"/>
                </a:ext>
              </a:extLst>
            </p:cNvPr>
            <p:cNvSpPr>
              <a:spLocks/>
            </p:cNvSpPr>
            <p:nvPr/>
          </p:nvSpPr>
          <p:spPr bwMode="auto">
            <a:xfrm>
              <a:off x="2217738" y="2427288"/>
              <a:ext cx="274638" cy="79375"/>
            </a:xfrm>
            <a:custGeom>
              <a:avLst/>
              <a:gdLst>
                <a:gd name="T0" fmla="*/ 2147483646 w 657"/>
                <a:gd name="T1" fmla="*/ 2147483646 h 189"/>
                <a:gd name="T2" fmla="*/ 2147483646 w 657"/>
                <a:gd name="T3" fmla="*/ 2147483646 h 189"/>
                <a:gd name="T4" fmla="*/ 2147483646 w 657"/>
                <a:gd name="T5" fmla="*/ 2147483646 h 189"/>
                <a:gd name="T6" fmla="*/ 2147483646 w 657"/>
                <a:gd name="T7" fmla="*/ 0 h 189"/>
                <a:gd name="T8" fmla="*/ 2147483646 w 657"/>
                <a:gd name="T9" fmla="*/ 2147483646 h 189"/>
                <a:gd name="T10" fmla="*/ 2147483646 w 657"/>
                <a:gd name="T11" fmla="*/ 2147483646 h 189"/>
                <a:gd name="T12" fmla="*/ 2147483646 w 657"/>
                <a:gd name="T13" fmla="*/ 2147483646 h 189"/>
                <a:gd name="T14" fmla="*/ 2147483646 w 657"/>
                <a:gd name="T15" fmla="*/ 2147483646 h 189"/>
                <a:gd name="T16" fmla="*/ 2147483646 w 657"/>
                <a:gd name="T17" fmla="*/ 2147483646 h 189"/>
                <a:gd name="T18" fmla="*/ 2147483646 w 657"/>
                <a:gd name="T19" fmla="*/ 2147483646 h 189"/>
                <a:gd name="T20" fmla="*/ 2147483646 w 657"/>
                <a:gd name="T21" fmla="*/ 2147483646 h 189"/>
                <a:gd name="T22" fmla="*/ 2147483646 w 657"/>
                <a:gd name="T23" fmla="*/ 2147483646 h 18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657"/>
                <a:gd name="T37" fmla="*/ 0 h 189"/>
                <a:gd name="T38" fmla="*/ 657 w 657"/>
                <a:gd name="T39" fmla="*/ 189 h 18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657" h="189">
                  <a:moveTo>
                    <a:pt x="644" y="176"/>
                  </a:moveTo>
                  <a:lnTo>
                    <a:pt x="644" y="176"/>
                  </a:lnTo>
                  <a:cubicBezTo>
                    <a:pt x="657" y="163"/>
                    <a:pt x="657" y="142"/>
                    <a:pt x="644" y="129"/>
                  </a:cubicBezTo>
                  <a:cubicBezTo>
                    <a:pt x="563" y="47"/>
                    <a:pt x="447" y="0"/>
                    <a:pt x="328" y="0"/>
                  </a:cubicBezTo>
                  <a:cubicBezTo>
                    <a:pt x="209" y="1"/>
                    <a:pt x="94" y="48"/>
                    <a:pt x="13" y="131"/>
                  </a:cubicBezTo>
                  <a:cubicBezTo>
                    <a:pt x="0" y="144"/>
                    <a:pt x="0" y="165"/>
                    <a:pt x="13" y="178"/>
                  </a:cubicBezTo>
                  <a:cubicBezTo>
                    <a:pt x="20" y="184"/>
                    <a:pt x="28" y="188"/>
                    <a:pt x="37" y="188"/>
                  </a:cubicBezTo>
                  <a:cubicBezTo>
                    <a:pt x="45" y="188"/>
                    <a:pt x="54" y="184"/>
                    <a:pt x="60" y="178"/>
                  </a:cubicBezTo>
                  <a:cubicBezTo>
                    <a:pt x="129" y="108"/>
                    <a:pt x="227" y="67"/>
                    <a:pt x="328" y="67"/>
                  </a:cubicBezTo>
                  <a:lnTo>
                    <a:pt x="330" y="67"/>
                  </a:lnTo>
                  <a:cubicBezTo>
                    <a:pt x="431" y="67"/>
                    <a:pt x="528" y="107"/>
                    <a:pt x="597" y="176"/>
                  </a:cubicBezTo>
                  <a:cubicBezTo>
                    <a:pt x="610" y="189"/>
                    <a:pt x="631" y="189"/>
                    <a:pt x="644" y="17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82" name="Freeform 38">
              <a:extLst>
                <a:ext uri="{FF2B5EF4-FFF2-40B4-BE49-F238E27FC236}">
                  <a16:creationId xmlns:a16="http://schemas.microsoft.com/office/drawing/2014/main" xmlns="" id="{6816AF9D-F580-4B06-8D2D-CEA63359678D}"/>
                </a:ext>
              </a:extLst>
            </p:cNvPr>
            <p:cNvSpPr>
              <a:spLocks/>
            </p:cNvSpPr>
            <p:nvPr/>
          </p:nvSpPr>
          <p:spPr bwMode="auto">
            <a:xfrm>
              <a:off x="2159000" y="2339976"/>
              <a:ext cx="400050" cy="100013"/>
            </a:xfrm>
            <a:custGeom>
              <a:avLst/>
              <a:gdLst>
                <a:gd name="T0" fmla="*/ 2147483646 w 952"/>
                <a:gd name="T1" fmla="*/ 2147483646 h 237"/>
                <a:gd name="T2" fmla="*/ 2147483646 w 952"/>
                <a:gd name="T3" fmla="*/ 2147483646 h 237"/>
                <a:gd name="T4" fmla="*/ 2147483646 w 952"/>
                <a:gd name="T5" fmla="*/ 2147483646 h 237"/>
                <a:gd name="T6" fmla="*/ 2147483646 w 952"/>
                <a:gd name="T7" fmla="*/ 2147483646 h 237"/>
                <a:gd name="T8" fmla="*/ 2147483646 w 952"/>
                <a:gd name="T9" fmla="*/ 2147483646 h 237"/>
                <a:gd name="T10" fmla="*/ 2147483646 w 952"/>
                <a:gd name="T11" fmla="*/ 2147483646 h 237"/>
                <a:gd name="T12" fmla="*/ 2147483646 w 952"/>
                <a:gd name="T13" fmla="*/ 2147483646 h 237"/>
                <a:gd name="T14" fmla="*/ 2147483646 w 952"/>
                <a:gd name="T15" fmla="*/ 2147483646 h 237"/>
                <a:gd name="T16" fmla="*/ 2147483646 w 952"/>
                <a:gd name="T17" fmla="*/ 2147483646 h 237"/>
                <a:gd name="T18" fmla="*/ 2147483646 w 952"/>
                <a:gd name="T19" fmla="*/ 2147483646 h 237"/>
                <a:gd name="T20" fmla="*/ 2147483646 w 952"/>
                <a:gd name="T21" fmla="*/ 2147483646 h 237"/>
                <a:gd name="T22" fmla="*/ 2147483646 w 952"/>
                <a:gd name="T23" fmla="*/ 2147483646 h 23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2"/>
                <a:gd name="T37" fmla="*/ 0 h 237"/>
                <a:gd name="T38" fmla="*/ 952 w 952"/>
                <a:gd name="T39" fmla="*/ 237 h 23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2" h="237">
                  <a:moveTo>
                    <a:pt x="59" y="216"/>
                  </a:moveTo>
                  <a:lnTo>
                    <a:pt x="59" y="216"/>
                  </a:lnTo>
                  <a:cubicBezTo>
                    <a:pt x="171" y="121"/>
                    <a:pt x="316" y="68"/>
                    <a:pt x="466" y="68"/>
                  </a:cubicBezTo>
                  <a:lnTo>
                    <a:pt x="468" y="68"/>
                  </a:lnTo>
                  <a:cubicBezTo>
                    <a:pt x="627" y="68"/>
                    <a:pt x="778" y="125"/>
                    <a:pt x="892" y="229"/>
                  </a:cubicBezTo>
                  <a:cubicBezTo>
                    <a:pt x="898" y="234"/>
                    <a:pt x="906" y="237"/>
                    <a:pt x="914" y="237"/>
                  </a:cubicBezTo>
                  <a:cubicBezTo>
                    <a:pt x="924" y="237"/>
                    <a:pt x="933" y="234"/>
                    <a:pt x="939" y="226"/>
                  </a:cubicBezTo>
                  <a:cubicBezTo>
                    <a:pt x="952" y="213"/>
                    <a:pt x="951" y="192"/>
                    <a:pt x="937" y="179"/>
                  </a:cubicBezTo>
                  <a:cubicBezTo>
                    <a:pt x="810" y="64"/>
                    <a:pt x="642" y="0"/>
                    <a:pt x="466" y="1"/>
                  </a:cubicBezTo>
                  <a:cubicBezTo>
                    <a:pt x="300" y="2"/>
                    <a:pt x="140" y="60"/>
                    <a:pt x="16" y="165"/>
                  </a:cubicBezTo>
                  <a:cubicBezTo>
                    <a:pt x="2" y="177"/>
                    <a:pt x="0" y="198"/>
                    <a:pt x="12" y="212"/>
                  </a:cubicBezTo>
                  <a:cubicBezTo>
                    <a:pt x="24" y="226"/>
                    <a:pt x="45" y="228"/>
                    <a:pt x="59" y="21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grpSp>
      <p:grpSp>
        <p:nvGrpSpPr>
          <p:cNvPr id="183" name="组合 294">
            <a:extLst>
              <a:ext uri="{FF2B5EF4-FFF2-40B4-BE49-F238E27FC236}">
                <a16:creationId xmlns:a16="http://schemas.microsoft.com/office/drawing/2014/main" xmlns="" id="{9A216C90-EA03-43A3-87CA-407E81153D79}"/>
              </a:ext>
            </a:extLst>
          </p:cNvPr>
          <p:cNvGrpSpPr>
            <a:grpSpLocks/>
          </p:cNvGrpSpPr>
          <p:nvPr/>
        </p:nvGrpSpPr>
        <p:grpSpPr bwMode="auto">
          <a:xfrm>
            <a:off x="6812428" y="3552509"/>
            <a:ext cx="561325" cy="442294"/>
            <a:chOff x="2036763" y="2339976"/>
            <a:chExt cx="635000" cy="500062"/>
          </a:xfrm>
        </p:grpSpPr>
        <p:sp>
          <p:nvSpPr>
            <p:cNvPr id="184" name="Freeform 28">
              <a:extLst>
                <a:ext uri="{FF2B5EF4-FFF2-40B4-BE49-F238E27FC236}">
                  <a16:creationId xmlns:a16="http://schemas.microsoft.com/office/drawing/2014/main" xmlns="" id="{D9537DE1-CDE1-4474-802E-06867B987A06}"/>
                </a:ext>
              </a:extLst>
            </p:cNvPr>
            <p:cNvSpPr>
              <a:spLocks/>
            </p:cNvSpPr>
            <p:nvPr/>
          </p:nvSpPr>
          <p:spPr bwMode="auto">
            <a:xfrm>
              <a:off x="2036763" y="2589213"/>
              <a:ext cx="635000" cy="250825"/>
            </a:xfrm>
            <a:custGeom>
              <a:avLst/>
              <a:gdLst>
                <a:gd name="T0" fmla="*/ 2147483646 w 1516"/>
                <a:gd name="T1" fmla="*/ 0 h 600"/>
                <a:gd name="T2" fmla="*/ 2147483646 w 1516"/>
                <a:gd name="T3" fmla="*/ 0 h 600"/>
                <a:gd name="T4" fmla="*/ 2147483646 w 1516"/>
                <a:gd name="T5" fmla="*/ 0 h 600"/>
                <a:gd name="T6" fmla="*/ 0 w 1516"/>
                <a:gd name="T7" fmla="*/ 2147483646 h 600"/>
                <a:gd name="T8" fmla="*/ 2147483646 w 1516"/>
                <a:gd name="T9" fmla="*/ 2147483646 h 600"/>
                <a:gd name="T10" fmla="*/ 2147483646 w 1516"/>
                <a:gd name="T11" fmla="*/ 2147483646 h 600"/>
                <a:gd name="T12" fmla="*/ 2147483646 w 1516"/>
                <a:gd name="T13" fmla="*/ 2147483646 h 600"/>
                <a:gd name="T14" fmla="*/ 2147483646 w 1516"/>
                <a:gd name="T15" fmla="*/ 2147483646 h 600"/>
                <a:gd name="T16" fmla="*/ 2147483646 w 1516"/>
                <a:gd name="T17" fmla="*/ 2147483646 h 600"/>
                <a:gd name="T18" fmla="*/ 2147483646 w 1516"/>
                <a:gd name="T19" fmla="*/ 2147483646 h 600"/>
                <a:gd name="T20" fmla="*/ 2147483646 w 1516"/>
                <a:gd name="T21" fmla="*/ 2147483646 h 600"/>
                <a:gd name="T22" fmla="*/ 2147483646 w 1516"/>
                <a:gd name="T23" fmla="*/ 2147483646 h 600"/>
                <a:gd name="T24" fmla="*/ 2147483646 w 1516"/>
                <a:gd name="T25" fmla="*/ 2147483646 h 600"/>
                <a:gd name="T26" fmla="*/ 2147483646 w 1516"/>
                <a:gd name="T27" fmla="*/ 2147483646 h 600"/>
                <a:gd name="T28" fmla="*/ 2147483646 w 1516"/>
                <a:gd name="T29" fmla="*/ 2147483646 h 600"/>
                <a:gd name="T30" fmla="*/ 2147483646 w 1516"/>
                <a:gd name="T31" fmla="*/ 2147483646 h 600"/>
                <a:gd name="T32" fmla="*/ 2147483646 w 1516"/>
                <a:gd name="T33" fmla="*/ 2147483646 h 600"/>
                <a:gd name="T34" fmla="*/ 2147483646 w 1516"/>
                <a:gd name="T35" fmla="*/ 2147483646 h 600"/>
                <a:gd name="T36" fmla="*/ 2147483646 w 1516"/>
                <a:gd name="T37" fmla="*/ 2147483646 h 600"/>
                <a:gd name="T38" fmla="*/ 2147483646 w 1516"/>
                <a:gd name="T39" fmla="*/ 2147483646 h 600"/>
                <a:gd name="T40" fmla="*/ 2147483646 w 1516"/>
                <a:gd name="T41" fmla="*/ 2147483646 h 600"/>
                <a:gd name="T42" fmla="*/ 2147483646 w 1516"/>
                <a:gd name="T43" fmla="*/ 2147483646 h 600"/>
                <a:gd name="T44" fmla="*/ 2147483646 w 1516"/>
                <a:gd name="T45" fmla="*/ 2147483646 h 600"/>
                <a:gd name="T46" fmla="*/ 2147483646 w 1516"/>
                <a:gd name="T47" fmla="*/ 0 h 60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16"/>
                <a:gd name="T73" fmla="*/ 0 h 600"/>
                <a:gd name="T74" fmla="*/ 1516 w 1516"/>
                <a:gd name="T75" fmla="*/ 600 h 60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16" h="600">
                  <a:moveTo>
                    <a:pt x="1238" y="0"/>
                  </a:moveTo>
                  <a:lnTo>
                    <a:pt x="1238" y="0"/>
                  </a:lnTo>
                  <a:lnTo>
                    <a:pt x="278" y="0"/>
                  </a:lnTo>
                  <a:cubicBezTo>
                    <a:pt x="125" y="0"/>
                    <a:pt x="0" y="125"/>
                    <a:pt x="0" y="278"/>
                  </a:cubicBezTo>
                  <a:cubicBezTo>
                    <a:pt x="0" y="431"/>
                    <a:pt x="125" y="556"/>
                    <a:pt x="278" y="556"/>
                  </a:cubicBezTo>
                  <a:lnTo>
                    <a:pt x="786" y="556"/>
                  </a:lnTo>
                  <a:cubicBezTo>
                    <a:pt x="796" y="582"/>
                    <a:pt x="821" y="600"/>
                    <a:pt x="850" y="600"/>
                  </a:cubicBezTo>
                  <a:cubicBezTo>
                    <a:pt x="889" y="600"/>
                    <a:pt x="920" y="568"/>
                    <a:pt x="920" y="530"/>
                  </a:cubicBezTo>
                  <a:cubicBezTo>
                    <a:pt x="920" y="492"/>
                    <a:pt x="889" y="461"/>
                    <a:pt x="850" y="461"/>
                  </a:cubicBezTo>
                  <a:cubicBezTo>
                    <a:pt x="827" y="461"/>
                    <a:pt x="807" y="472"/>
                    <a:pt x="794" y="489"/>
                  </a:cubicBezTo>
                  <a:lnTo>
                    <a:pt x="278" y="489"/>
                  </a:lnTo>
                  <a:cubicBezTo>
                    <a:pt x="161" y="489"/>
                    <a:pt x="67" y="395"/>
                    <a:pt x="67" y="278"/>
                  </a:cubicBezTo>
                  <a:cubicBezTo>
                    <a:pt x="67" y="162"/>
                    <a:pt x="161" y="67"/>
                    <a:pt x="278" y="67"/>
                  </a:cubicBezTo>
                  <a:lnTo>
                    <a:pt x="1238" y="67"/>
                  </a:lnTo>
                  <a:cubicBezTo>
                    <a:pt x="1355" y="67"/>
                    <a:pt x="1450" y="162"/>
                    <a:pt x="1450" y="278"/>
                  </a:cubicBezTo>
                  <a:cubicBezTo>
                    <a:pt x="1450" y="395"/>
                    <a:pt x="1355" y="489"/>
                    <a:pt x="1238" y="489"/>
                  </a:cubicBezTo>
                  <a:lnTo>
                    <a:pt x="1121" y="489"/>
                  </a:lnTo>
                  <a:cubicBezTo>
                    <a:pt x="1108" y="472"/>
                    <a:pt x="1087" y="460"/>
                    <a:pt x="1064" y="460"/>
                  </a:cubicBezTo>
                  <a:cubicBezTo>
                    <a:pt x="1025" y="460"/>
                    <a:pt x="995" y="491"/>
                    <a:pt x="995" y="529"/>
                  </a:cubicBezTo>
                  <a:cubicBezTo>
                    <a:pt x="995" y="568"/>
                    <a:pt x="1025" y="599"/>
                    <a:pt x="1064" y="599"/>
                  </a:cubicBezTo>
                  <a:cubicBezTo>
                    <a:pt x="1093" y="599"/>
                    <a:pt x="1118" y="581"/>
                    <a:pt x="1128" y="556"/>
                  </a:cubicBezTo>
                  <a:lnTo>
                    <a:pt x="1238" y="556"/>
                  </a:lnTo>
                  <a:cubicBezTo>
                    <a:pt x="1391" y="556"/>
                    <a:pt x="1516" y="431"/>
                    <a:pt x="1516" y="278"/>
                  </a:cubicBezTo>
                  <a:cubicBezTo>
                    <a:pt x="1516" y="125"/>
                    <a:pt x="1391" y="0"/>
                    <a:pt x="123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85" name="Freeform 29">
              <a:extLst>
                <a:ext uri="{FF2B5EF4-FFF2-40B4-BE49-F238E27FC236}">
                  <a16:creationId xmlns:a16="http://schemas.microsoft.com/office/drawing/2014/main" xmlns="" id="{57EF1D84-E186-4828-A99F-5B1D0E2F2E74}"/>
                </a:ext>
              </a:extLst>
            </p:cNvPr>
            <p:cNvSpPr>
              <a:spLocks/>
            </p:cNvSpPr>
            <p:nvPr/>
          </p:nvSpPr>
          <p:spPr bwMode="auto">
            <a:xfrm>
              <a:off x="2200275" y="2663826"/>
              <a:ext cx="125413" cy="88900"/>
            </a:xfrm>
            <a:custGeom>
              <a:avLst/>
              <a:gdLst>
                <a:gd name="T0" fmla="*/ 2147483646 w 297"/>
                <a:gd name="T1" fmla="*/ 2147483646 h 212"/>
                <a:gd name="T2" fmla="*/ 2147483646 w 297"/>
                <a:gd name="T3" fmla="*/ 2147483646 h 212"/>
                <a:gd name="T4" fmla="*/ 2147483646 w 297"/>
                <a:gd name="T5" fmla="*/ 2147483646 h 212"/>
                <a:gd name="T6" fmla="*/ 2147483646 w 297"/>
                <a:gd name="T7" fmla="*/ 2147483646 h 212"/>
                <a:gd name="T8" fmla="*/ 2147483646 w 297"/>
                <a:gd name="T9" fmla="*/ 0 h 212"/>
                <a:gd name="T10" fmla="*/ 2147483646 w 297"/>
                <a:gd name="T11" fmla="*/ 0 h 212"/>
                <a:gd name="T12" fmla="*/ 2147483646 w 297"/>
                <a:gd name="T13" fmla="*/ 2147483646 h 212"/>
                <a:gd name="T14" fmla="*/ 2147483646 w 297"/>
                <a:gd name="T15" fmla="*/ 2147483646 h 212"/>
                <a:gd name="T16" fmla="*/ 2147483646 w 297"/>
                <a:gd name="T17" fmla="*/ 2147483646 h 212"/>
                <a:gd name="T18" fmla="*/ 2147483646 w 297"/>
                <a:gd name="T19" fmla="*/ 2147483646 h 212"/>
                <a:gd name="T20" fmla="*/ 2147483646 w 297"/>
                <a:gd name="T21" fmla="*/ 0 h 212"/>
                <a:gd name="T22" fmla="*/ 0 w 297"/>
                <a:gd name="T23" fmla="*/ 0 h 212"/>
                <a:gd name="T24" fmla="*/ 2147483646 w 297"/>
                <a:gd name="T25" fmla="*/ 2147483646 h 212"/>
                <a:gd name="T26" fmla="*/ 2147483646 w 297"/>
                <a:gd name="T27" fmla="*/ 2147483646 h 212"/>
                <a:gd name="T28" fmla="*/ 2147483646 w 297"/>
                <a:gd name="T29" fmla="*/ 2147483646 h 212"/>
                <a:gd name="T30" fmla="*/ 2147483646 w 297"/>
                <a:gd name="T31" fmla="*/ 2147483646 h 212"/>
                <a:gd name="T32" fmla="*/ 2147483646 w 297"/>
                <a:gd name="T33" fmla="*/ 2147483646 h 212"/>
                <a:gd name="T34" fmla="*/ 2147483646 w 297"/>
                <a:gd name="T35" fmla="*/ 2147483646 h 212"/>
                <a:gd name="T36" fmla="*/ 2147483646 w 297"/>
                <a:gd name="T37" fmla="*/ 2147483646 h 212"/>
                <a:gd name="T38" fmla="*/ 2147483646 w 297"/>
                <a:gd name="T39" fmla="*/ 2147483646 h 212"/>
                <a:gd name="T40" fmla="*/ 2147483646 w 297"/>
                <a:gd name="T41" fmla="*/ 0 h 212"/>
                <a:gd name="T42" fmla="*/ 2147483646 w 297"/>
                <a:gd name="T43" fmla="*/ 0 h 212"/>
                <a:gd name="T44" fmla="*/ 2147483646 w 297"/>
                <a:gd name="T45" fmla="*/ 2147483646 h 212"/>
                <a:gd name="T46" fmla="*/ 2147483646 w 297"/>
                <a:gd name="T47" fmla="*/ 2147483646 h 212"/>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7"/>
                <a:gd name="T73" fmla="*/ 0 h 212"/>
                <a:gd name="T74" fmla="*/ 297 w 297"/>
                <a:gd name="T75" fmla="*/ 212 h 212"/>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7" h="212">
                  <a:moveTo>
                    <a:pt x="217" y="168"/>
                  </a:moveTo>
                  <a:lnTo>
                    <a:pt x="217" y="168"/>
                  </a:lnTo>
                  <a:lnTo>
                    <a:pt x="216" y="168"/>
                  </a:lnTo>
                  <a:cubicBezTo>
                    <a:pt x="215" y="158"/>
                    <a:pt x="214" y="151"/>
                    <a:pt x="213" y="145"/>
                  </a:cubicBezTo>
                  <a:lnTo>
                    <a:pt x="177" y="0"/>
                  </a:lnTo>
                  <a:lnTo>
                    <a:pt x="129" y="0"/>
                  </a:lnTo>
                  <a:lnTo>
                    <a:pt x="89" y="143"/>
                  </a:lnTo>
                  <a:cubicBezTo>
                    <a:pt x="87" y="152"/>
                    <a:pt x="85" y="160"/>
                    <a:pt x="85" y="168"/>
                  </a:cubicBezTo>
                  <a:lnTo>
                    <a:pt x="84" y="168"/>
                  </a:lnTo>
                  <a:cubicBezTo>
                    <a:pt x="83" y="158"/>
                    <a:pt x="82" y="150"/>
                    <a:pt x="81" y="144"/>
                  </a:cubicBezTo>
                  <a:lnTo>
                    <a:pt x="49" y="0"/>
                  </a:lnTo>
                  <a:lnTo>
                    <a:pt x="0" y="0"/>
                  </a:lnTo>
                  <a:lnTo>
                    <a:pt x="56" y="212"/>
                  </a:lnTo>
                  <a:lnTo>
                    <a:pt x="109" y="212"/>
                  </a:lnTo>
                  <a:lnTo>
                    <a:pt x="146" y="74"/>
                  </a:lnTo>
                  <a:cubicBezTo>
                    <a:pt x="147" y="68"/>
                    <a:pt x="149" y="60"/>
                    <a:pt x="150" y="50"/>
                  </a:cubicBezTo>
                  <a:cubicBezTo>
                    <a:pt x="151" y="58"/>
                    <a:pt x="152" y="66"/>
                    <a:pt x="154" y="74"/>
                  </a:cubicBezTo>
                  <a:lnTo>
                    <a:pt x="190" y="212"/>
                  </a:lnTo>
                  <a:lnTo>
                    <a:pt x="240" y="212"/>
                  </a:lnTo>
                  <a:lnTo>
                    <a:pt x="297" y="0"/>
                  </a:lnTo>
                  <a:lnTo>
                    <a:pt x="251" y="0"/>
                  </a:lnTo>
                  <a:lnTo>
                    <a:pt x="220" y="144"/>
                  </a:lnTo>
                  <a:cubicBezTo>
                    <a:pt x="218" y="152"/>
                    <a:pt x="217" y="160"/>
                    <a:pt x="217" y="1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86" name="Freeform 30">
              <a:extLst>
                <a:ext uri="{FF2B5EF4-FFF2-40B4-BE49-F238E27FC236}">
                  <a16:creationId xmlns:a16="http://schemas.microsoft.com/office/drawing/2014/main" xmlns="" id="{E44027B0-A7DC-4C77-B8C2-AD3F1A575F48}"/>
                </a:ext>
              </a:extLst>
            </p:cNvPr>
            <p:cNvSpPr>
              <a:spLocks/>
            </p:cNvSpPr>
            <p:nvPr/>
          </p:nvSpPr>
          <p:spPr bwMode="auto">
            <a:xfrm>
              <a:off x="23352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87" name="Freeform 31">
              <a:extLst>
                <a:ext uri="{FF2B5EF4-FFF2-40B4-BE49-F238E27FC236}">
                  <a16:creationId xmlns:a16="http://schemas.microsoft.com/office/drawing/2014/main" xmlns="" id="{D2641D9C-B34A-4A89-A78F-6874CC1A6C2E}"/>
                </a:ext>
              </a:extLst>
            </p:cNvPr>
            <p:cNvSpPr>
              <a:spLocks/>
            </p:cNvSpPr>
            <p:nvPr/>
          </p:nvSpPr>
          <p:spPr bwMode="auto">
            <a:xfrm>
              <a:off x="23336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4" y="7"/>
                  </a:moveTo>
                  <a:lnTo>
                    <a:pt x="44" y="7"/>
                  </a:lnTo>
                  <a:cubicBezTo>
                    <a:pt x="40" y="3"/>
                    <a:pt x="33" y="0"/>
                    <a:pt x="26" y="0"/>
                  </a:cubicBezTo>
                  <a:cubicBezTo>
                    <a:pt x="18" y="0"/>
                    <a:pt x="12" y="3"/>
                    <a:pt x="7" y="7"/>
                  </a:cubicBezTo>
                  <a:cubicBezTo>
                    <a:pt x="2" y="11"/>
                    <a:pt x="0" y="17"/>
                    <a:pt x="0" y="23"/>
                  </a:cubicBezTo>
                  <a:cubicBezTo>
                    <a:pt x="0" y="30"/>
                    <a:pt x="2" y="36"/>
                    <a:pt x="7" y="40"/>
                  </a:cubicBezTo>
                  <a:cubicBezTo>
                    <a:pt x="12" y="45"/>
                    <a:pt x="18" y="47"/>
                    <a:pt x="26" y="47"/>
                  </a:cubicBezTo>
                  <a:cubicBezTo>
                    <a:pt x="33" y="47"/>
                    <a:pt x="39" y="45"/>
                    <a:pt x="44" y="40"/>
                  </a:cubicBezTo>
                  <a:cubicBezTo>
                    <a:pt x="49" y="36"/>
                    <a:pt x="52" y="30"/>
                    <a:pt x="52" y="23"/>
                  </a:cubicBezTo>
                  <a:cubicBezTo>
                    <a:pt x="52" y="17"/>
                    <a:pt x="49" y="11"/>
                    <a:pt x="44"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88" name="Freeform 32">
              <a:extLst>
                <a:ext uri="{FF2B5EF4-FFF2-40B4-BE49-F238E27FC236}">
                  <a16:creationId xmlns:a16="http://schemas.microsoft.com/office/drawing/2014/main" xmlns="" id="{C34F88CF-3DF9-423A-973A-2C99F4C80C49}"/>
                </a:ext>
              </a:extLst>
            </p:cNvPr>
            <p:cNvSpPr>
              <a:spLocks/>
            </p:cNvSpPr>
            <p:nvPr/>
          </p:nvSpPr>
          <p:spPr bwMode="auto">
            <a:xfrm>
              <a:off x="2370138" y="2711451"/>
              <a:ext cx="34925" cy="14288"/>
            </a:xfrm>
            <a:custGeom>
              <a:avLst/>
              <a:gdLst>
                <a:gd name="T0" fmla="*/ 2147483646 w 81"/>
                <a:gd name="T1" fmla="*/ 0 h 32"/>
                <a:gd name="T2" fmla="*/ 2147483646 w 81"/>
                <a:gd name="T3" fmla="*/ 0 h 32"/>
                <a:gd name="T4" fmla="*/ 0 w 81"/>
                <a:gd name="T5" fmla="*/ 0 h 32"/>
                <a:gd name="T6" fmla="*/ 0 w 81"/>
                <a:gd name="T7" fmla="*/ 2147483646 h 32"/>
                <a:gd name="T8" fmla="*/ 2147483646 w 81"/>
                <a:gd name="T9" fmla="*/ 2147483646 h 32"/>
                <a:gd name="T10" fmla="*/ 2147483646 w 81"/>
                <a:gd name="T11" fmla="*/ 0 h 32"/>
                <a:gd name="T12" fmla="*/ 0 60000 65536"/>
                <a:gd name="T13" fmla="*/ 0 60000 65536"/>
                <a:gd name="T14" fmla="*/ 0 60000 65536"/>
                <a:gd name="T15" fmla="*/ 0 60000 65536"/>
                <a:gd name="T16" fmla="*/ 0 60000 65536"/>
                <a:gd name="T17" fmla="*/ 0 60000 65536"/>
                <a:gd name="T18" fmla="*/ 0 w 81"/>
                <a:gd name="T19" fmla="*/ 0 h 32"/>
                <a:gd name="T20" fmla="*/ 81 w 81"/>
                <a:gd name="T21" fmla="*/ 32 h 32"/>
              </a:gdLst>
              <a:ahLst/>
              <a:cxnLst>
                <a:cxn ang="T12">
                  <a:pos x="T0" y="T1"/>
                </a:cxn>
                <a:cxn ang="T13">
                  <a:pos x="T2" y="T3"/>
                </a:cxn>
                <a:cxn ang="T14">
                  <a:pos x="T4" y="T5"/>
                </a:cxn>
                <a:cxn ang="T15">
                  <a:pos x="T6" y="T7"/>
                </a:cxn>
                <a:cxn ang="T16">
                  <a:pos x="T8" y="T9"/>
                </a:cxn>
                <a:cxn ang="T17">
                  <a:pos x="T10" y="T11"/>
                </a:cxn>
              </a:cxnLst>
              <a:rect l="T18" t="T19" r="T20" b="T21"/>
              <a:pathLst>
                <a:path w="81" h="32">
                  <a:moveTo>
                    <a:pt x="81" y="0"/>
                  </a:moveTo>
                  <a:lnTo>
                    <a:pt x="81" y="0"/>
                  </a:lnTo>
                  <a:lnTo>
                    <a:pt x="0" y="0"/>
                  </a:lnTo>
                  <a:lnTo>
                    <a:pt x="0" y="32"/>
                  </a:lnTo>
                  <a:lnTo>
                    <a:pt x="81" y="32"/>
                  </a:lnTo>
                  <a:lnTo>
                    <a:pt x="8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89" name="Freeform 33">
              <a:extLst>
                <a:ext uri="{FF2B5EF4-FFF2-40B4-BE49-F238E27FC236}">
                  <a16:creationId xmlns:a16="http://schemas.microsoft.com/office/drawing/2014/main" xmlns="" id="{3CD963A9-4496-4A51-AB48-285B4CE5F215}"/>
                </a:ext>
              </a:extLst>
            </p:cNvPr>
            <p:cNvSpPr>
              <a:spLocks/>
            </p:cNvSpPr>
            <p:nvPr/>
          </p:nvSpPr>
          <p:spPr bwMode="auto">
            <a:xfrm>
              <a:off x="2424113" y="2663826"/>
              <a:ext cx="50800" cy="88900"/>
            </a:xfrm>
            <a:custGeom>
              <a:avLst/>
              <a:gdLst>
                <a:gd name="T0" fmla="*/ 2147483646 w 122"/>
                <a:gd name="T1" fmla="*/ 2147483646 h 212"/>
                <a:gd name="T2" fmla="*/ 2147483646 w 122"/>
                <a:gd name="T3" fmla="*/ 2147483646 h 212"/>
                <a:gd name="T4" fmla="*/ 2147483646 w 122"/>
                <a:gd name="T5" fmla="*/ 2147483646 h 212"/>
                <a:gd name="T6" fmla="*/ 2147483646 w 122"/>
                <a:gd name="T7" fmla="*/ 2147483646 h 212"/>
                <a:gd name="T8" fmla="*/ 2147483646 w 122"/>
                <a:gd name="T9" fmla="*/ 2147483646 h 212"/>
                <a:gd name="T10" fmla="*/ 2147483646 w 122"/>
                <a:gd name="T11" fmla="*/ 0 h 212"/>
                <a:gd name="T12" fmla="*/ 0 w 122"/>
                <a:gd name="T13" fmla="*/ 0 h 212"/>
                <a:gd name="T14" fmla="*/ 0 w 122"/>
                <a:gd name="T15" fmla="*/ 2147483646 h 212"/>
                <a:gd name="T16" fmla="*/ 2147483646 w 122"/>
                <a:gd name="T17" fmla="*/ 2147483646 h 212"/>
                <a:gd name="T18" fmla="*/ 2147483646 w 122"/>
                <a:gd name="T19" fmla="*/ 2147483646 h 212"/>
                <a:gd name="T20" fmla="*/ 2147483646 w 122"/>
                <a:gd name="T21" fmla="*/ 2147483646 h 212"/>
                <a:gd name="T22" fmla="*/ 2147483646 w 122"/>
                <a:gd name="T23" fmla="*/ 2147483646 h 21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22"/>
                <a:gd name="T37" fmla="*/ 0 h 212"/>
                <a:gd name="T38" fmla="*/ 122 w 122"/>
                <a:gd name="T39" fmla="*/ 212 h 21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22" h="212">
                  <a:moveTo>
                    <a:pt x="116" y="91"/>
                  </a:moveTo>
                  <a:lnTo>
                    <a:pt x="116" y="91"/>
                  </a:lnTo>
                  <a:lnTo>
                    <a:pt x="46" y="91"/>
                  </a:lnTo>
                  <a:lnTo>
                    <a:pt x="46" y="37"/>
                  </a:lnTo>
                  <a:lnTo>
                    <a:pt x="122" y="37"/>
                  </a:lnTo>
                  <a:lnTo>
                    <a:pt x="122" y="0"/>
                  </a:lnTo>
                  <a:lnTo>
                    <a:pt x="0" y="0"/>
                  </a:lnTo>
                  <a:lnTo>
                    <a:pt x="0" y="212"/>
                  </a:lnTo>
                  <a:lnTo>
                    <a:pt x="46" y="212"/>
                  </a:lnTo>
                  <a:lnTo>
                    <a:pt x="46" y="128"/>
                  </a:lnTo>
                  <a:lnTo>
                    <a:pt x="116" y="128"/>
                  </a:lnTo>
                  <a:lnTo>
                    <a:pt x="116" y="9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90" name="Freeform 34">
              <a:extLst>
                <a:ext uri="{FF2B5EF4-FFF2-40B4-BE49-F238E27FC236}">
                  <a16:creationId xmlns:a16="http://schemas.microsoft.com/office/drawing/2014/main" xmlns="" id="{F9E16F95-73A9-4D70-8D3B-F96B3B94AA0D}"/>
                </a:ext>
              </a:extLst>
            </p:cNvPr>
            <p:cNvSpPr>
              <a:spLocks/>
            </p:cNvSpPr>
            <p:nvPr/>
          </p:nvSpPr>
          <p:spPr bwMode="auto">
            <a:xfrm>
              <a:off x="24860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5" y="7"/>
                  </a:moveTo>
                  <a:lnTo>
                    <a:pt x="45" y="7"/>
                  </a:lnTo>
                  <a:cubicBezTo>
                    <a:pt x="40" y="3"/>
                    <a:pt x="34" y="0"/>
                    <a:pt x="26" y="0"/>
                  </a:cubicBezTo>
                  <a:cubicBezTo>
                    <a:pt x="18" y="0"/>
                    <a:pt x="12" y="3"/>
                    <a:pt x="7" y="7"/>
                  </a:cubicBezTo>
                  <a:cubicBezTo>
                    <a:pt x="3" y="11"/>
                    <a:pt x="0" y="17"/>
                    <a:pt x="0" y="23"/>
                  </a:cubicBezTo>
                  <a:cubicBezTo>
                    <a:pt x="0" y="30"/>
                    <a:pt x="3" y="36"/>
                    <a:pt x="7" y="40"/>
                  </a:cubicBezTo>
                  <a:cubicBezTo>
                    <a:pt x="12" y="45"/>
                    <a:pt x="18" y="47"/>
                    <a:pt x="26" y="47"/>
                  </a:cubicBezTo>
                  <a:cubicBezTo>
                    <a:pt x="33" y="47"/>
                    <a:pt x="40" y="45"/>
                    <a:pt x="44" y="40"/>
                  </a:cubicBezTo>
                  <a:cubicBezTo>
                    <a:pt x="49" y="36"/>
                    <a:pt x="52" y="30"/>
                    <a:pt x="52" y="23"/>
                  </a:cubicBezTo>
                  <a:cubicBezTo>
                    <a:pt x="52" y="17"/>
                    <a:pt x="49" y="11"/>
                    <a:pt x="45"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91" name="Freeform 35">
              <a:extLst>
                <a:ext uri="{FF2B5EF4-FFF2-40B4-BE49-F238E27FC236}">
                  <a16:creationId xmlns:a16="http://schemas.microsoft.com/office/drawing/2014/main" xmlns="" id="{A3AB4A69-E6A1-4555-908C-417262807ED4}"/>
                </a:ext>
              </a:extLst>
            </p:cNvPr>
            <p:cNvSpPr>
              <a:spLocks/>
            </p:cNvSpPr>
            <p:nvPr/>
          </p:nvSpPr>
          <p:spPr bwMode="auto">
            <a:xfrm>
              <a:off x="24876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92" name="Freeform 36">
              <a:extLst>
                <a:ext uri="{FF2B5EF4-FFF2-40B4-BE49-F238E27FC236}">
                  <a16:creationId xmlns:a16="http://schemas.microsoft.com/office/drawing/2014/main" xmlns="" id="{8C44D787-9439-40C8-9124-C353CD498D5A}"/>
                </a:ext>
              </a:extLst>
            </p:cNvPr>
            <p:cNvSpPr>
              <a:spLocks/>
            </p:cNvSpPr>
            <p:nvPr/>
          </p:nvSpPr>
          <p:spPr bwMode="auto">
            <a:xfrm>
              <a:off x="2273300" y="2508251"/>
              <a:ext cx="163513" cy="52388"/>
            </a:xfrm>
            <a:custGeom>
              <a:avLst/>
              <a:gdLst>
                <a:gd name="T0" fmla="*/ 2147483646 w 390"/>
                <a:gd name="T1" fmla="*/ 2147483646 h 127"/>
                <a:gd name="T2" fmla="*/ 2147483646 w 390"/>
                <a:gd name="T3" fmla="*/ 2147483646 h 127"/>
                <a:gd name="T4" fmla="*/ 2147483646 w 390"/>
                <a:gd name="T5" fmla="*/ 2147483646 h 127"/>
                <a:gd name="T6" fmla="*/ 2147483646 w 390"/>
                <a:gd name="T7" fmla="*/ 2147483646 h 127"/>
                <a:gd name="T8" fmla="*/ 2147483646 w 390"/>
                <a:gd name="T9" fmla="*/ 2147483646 h 127"/>
                <a:gd name="T10" fmla="*/ 2147483646 w 390"/>
                <a:gd name="T11" fmla="*/ 2147483646 h 127"/>
                <a:gd name="T12" fmla="*/ 2147483646 w 390"/>
                <a:gd name="T13" fmla="*/ 2147483646 h 127"/>
                <a:gd name="T14" fmla="*/ 2147483646 w 390"/>
                <a:gd name="T15" fmla="*/ 2147483646 h 127"/>
                <a:gd name="T16" fmla="*/ 2147483646 w 390"/>
                <a:gd name="T17" fmla="*/ 2147483646 h 127"/>
                <a:gd name="T18" fmla="*/ 2147483646 w 390"/>
                <a:gd name="T19" fmla="*/ 2147483646 h 127"/>
                <a:gd name="T20" fmla="*/ 2147483646 w 390"/>
                <a:gd name="T21" fmla="*/ 0 h 127"/>
                <a:gd name="T22" fmla="*/ 2147483646 w 390"/>
                <a:gd name="T23" fmla="*/ 2147483646 h 12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90"/>
                <a:gd name="T37" fmla="*/ 0 h 127"/>
                <a:gd name="T38" fmla="*/ 390 w 390"/>
                <a:gd name="T39" fmla="*/ 127 h 12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90" h="127">
                  <a:moveTo>
                    <a:pt x="14" y="66"/>
                  </a:moveTo>
                  <a:lnTo>
                    <a:pt x="14" y="66"/>
                  </a:lnTo>
                  <a:cubicBezTo>
                    <a:pt x="1" y="78"/>
                    <a:pt x="0" y="99"/>
                    <a:pt x="12" y="113"/>
                  </a:cubicBezTo>
                  <a:cubicBezTo>
                    <a:pt x="18" y="121"/>
                    <a:pt x="27" y="124"/>
                    <a:pt x="37" y="124"/>
                  </a:cubicBezTo>
                  <a:cubicBezTo>
                    <a:pt x="45" y="124"/>
                    <a:pt x="52" y="122"/>
                    <a:pt x="59" y="116"/>
                  </a:cubicBezTo>
                  <a:cubicBezTo>
                    <a:pt x="93" y="85"/>
                    <a:pt x="143" y="67"/>
                    <a:pt x="195" y="67"/>
                  </a:cubicBezTo>
                  <a:cubicBezTo>
                    <a:pt x="247" y="67"/>
                    <a:pt x="296" y="85"/>
                    <a:pt x="331" y="115"/>
                  </a:cubicBezTo>
                  <a:cubicBezTo>
                    <a:pt x="344" y="127"/>
                    <a:pt x="365" y="126"/>
                    <a:pt x="378" y="112"/>
                  </a:cubicBezTo>
                  <a:cubicBezTo>
                    <a:pt x="390" y="98"/>
                    <a:pt x="388" y="77"/>
                    <a:pt x="375" y="65"/>
                  </a:cubicBezTo>
                  <a:cubicBezTo>
                    <a:pt x="327" y="23"/>
                    <a:pt x="264" y="0"/>
                    <a:pt x="194" y="0"/>
                  </a:cubicBezTo>
                  <a:cubicBezTo>
                    <a:pt x="126" y="1"/>
                    <a:pt x="62" y="24"/>
                    <a:pt x="14"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93" name="Freeform 37">
              <a:extLst>
                <a:ext uri="{FF2B5EF4-FFF2-40B4-BE49-F238E27FC236}">
                  <a16:creationId xmlns:a16="http://schemas.microsoft.com/office/drawing/2014/main" xmlns="" id="{5777296C-69D1-455A-819A-68E0207762C9}"/>
                </a:ext>
              </a:extLst>
            </p:cNvPr>
            <p:cNvSpPr>
              <a:spLocks/>
            </p:cNvSpPr>
            <p:nvPr/>
          </p:nvSpPr>
          <p:spPr bwMode="auto">
            <a:xfrm>
              <a:off x="2217738" y="2427288"/>
              <a:ext cx="274638" cy="79375"/>
            </a:xfrm>
            <a:custGeom>
              <a:avLst/>
              <a:gdLst>
                <a:gd name="T0" fmla="*/ 2147483646 w 657"/>
                <a:gd name="T1" fmla="*/ 2147483646 h 189"/>
                <a:gd name="T2" fmla="*/ 2147483646 w 657"/>
                <a:gd name="T3" fmla="*/ 2147483646 h 189"/>
                <a:gd name="T4" fmla="*/ 2147483646 w 657"/>
                <a:gd name="T5" fmla="*/ 2147483646 h 189"/>
                <a:gd name="T6" fmla="*/ 2147483646 w 657"/>
                <a:gd name="T7" fmla="*/ 0 h 189"/>
                <a:gd name="T8" fmla="*/ 2147483646 w 657"/>
                <a:gd name="T9" fmla="*/ 2147483646 h 189"/>
                <a:gd name="T10" fmla="*/ 2147483646 w 657"/>
                <a:gd name="T11" fmla="*/ 2147483646 h 189"/>
                <a:gd name="T12" fmla="*/ 2147483646 w 657"/>
                <a:gd name="T13" fmla="*/ 2147483646 h 189"/>
                <a:gd name="T14" fmla="*/ 2147483646 w 657"/>
                <a:gd name="T15" fmla="*/ 2147483646 h 189"/>
                <a:gd name="T16" fmla="*/ 2147483646 w 657"/>
                <a:gd name="T17" fmla="*/ 2147483646 h 189"/>
                <a:gd name="T18" fmla="*/ 2147483646 w 657"/>
                <a:gd name="T19" fmla="*/ 2147483646 h 189"/>
                <a:gd name="T20" fmla="*/ 2147483646 w 657"/>
                <a:gd name="T21" fmla="*/ 2147483646 h 189"/>
                <a:gd name="T22" fmla="*/ 2147483646 w 657"/>
                <a:gd name="T23" fmla="*/ 2147483646 h 18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657"/>
                <a:gd name="T37" fmla="*/ 0 h 189"/>
                <a:gd name="T38" fmla="*/ 657 w 657"/>
                <a:gd name="T39" fmla="*/ 189 h 18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657" h="189">
                  <a:moveTo>
                    <a:pt x="644" y="176"/>
                  </a:moveTo>
                  <a:lnTo>
                    <a:pt x="644" y="176"/>
                  </a:lnTo>
                  <a:cubicBezTo>
                    <a:pt x="657" y="163"/>
                    <a:pt x="657" y="142"/>
                    <a:pt x="644" y="129"/>
                  </a:cubicBezTo>
                  <a:cubicBezTo>
                    <a:pt x="563" y="47"/>
                    <a:pt x="447" y="0"/>
                    <a:pt x="328" y="0"/>
                  </a:cubicBezTo>
                  <a:cubicBezTo>
                    <a:pt x="209" y="1"/>
                    <a:pt x="94" y="48"/>
                    <a:pt x="13" y="131"/>
                  </a:cubicBezTo>
                  <a:cubicBezTo>
                    <a:pt x="0" y="144"/>
                    <a:pt x="0" y="165"/>
                    <a:pt x="13" y="178"/>
                  </a:cubicBezTo>
                  <a:cubicBezTo>
                    <a:pt x="20" y="184"/>
                    <a:pt x="28" y="188"/>
                    <a:pt x="37" y="188"/>
                  </a:cubicBezTo>
                  <a:cubicBezTo>
                    <a:pt x="45" y="188"/>
                    <a:pt x="54" y="184"/>
                    <a:pt x="60" y="178"/>
                  </a:cubicBezTo>
                  <a:cubicBezTo>
                    <a:pt x="129" y="108"/>
                    <a:pt x="227" y="67"/>
                    <a:pt x="328" y="67"/>
                  </a:cubicBezTo>
                  <a:lnTo>
                    <a:pt x="330" y="67"/>
                  </a:lnTo>
                  <a:cubicBezTo>
                    <a:pt x="431" y="67"/>
                    <a:pt x="528" y="107"/>
                    <a:pt x="597" y="176"/>
                  </a:cubicBezTo>
                  <a:cubicBezTo>
                    <a:pt x="610" y="189"/>
                    <a:pt x="631" y="189"/>
                    <a:pt x="644" y="17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sp>
          <p:nvSpPr>
            <p:cNvPr id="194" name="Freeform 38">
              <a:extLst>
                <a:ext uri="{FF2B5EF4-FFF2-40B4-BE49-F238E27FC236}">
                  <a16:creationId xmlns:a16="http://schemas.microsoft.com/office/drawing/2014/main" xmlns="" id="{D6FF895C-A3B2-466F-AF7B-6795E2B292D3}"/>
                </a:ext>
              </a:extLst>
            </p:cNvPr>
            <p:cNvSpPr>
              <a:spLocks/>
            </p:cNvSpPr>
            <p:nvPr/>
          </p:nvSpPr>
          <p:spPr bwMode="auto">
            <a:xfrm>
              <a:off x="2159000" y="2339976"/>
              <a:ext cx="400050" cy="100013"/>
            </a:xfrm>
            <a:custGeom>
              <a:avLst/>
              <a:gdLst>
                <a:gd name="T0" fmla="*/ 2147483646 w 952"/>
                <a:gd name="T1" fmla="*/ 2147483646 h 237"/>
                <a:gd name="T2" fmla="*/ 2147483646 w 952"/>
                <a:gd name="T3" fmla="*/ 2147483646 h 237"/>
                <a:gd name="T4" fmla="*/ 2147483646 w 952"/>
                <a:gd name="T5" fmla="*/ 2147483646 h 237"/>
                <a:gd name="T6" fmla="*/ 2147483646 w 952"/>
                <a:gd name="T7" fmla="*/ 2147483646 h 237"/>
                <a:gd name="T8" fmla="*/ 2147483646 w 952"/>
                <a:gd name="T9" fmla="*/ 2147483646 h 237"/>
                <a:gd name="T10" fmla="*/ 2147483646 w 952"/>
                <a:gd name="T11" fmla="*/ 2147483646 h 237"/>
                <a:gd name="T12" fmla="*/ 2147483646 w 952"/>
                <a:gd name="T13" fmla="*/ 2147483646 h 237"/>
                <a:gd name="T14" fmla="*/ 2147483646 w 952"/>
                <a:gd name="T15" fmla="*/ 2147483646 h 237"/>
                <a:gd name="T16" fmla="*/ 2147483646 w 952"/>
                <a:gd name="T17" fmla="*/ 2147483646 h 237"/>
                <a:gd name="T18" fmla="*/ 2147483646 w 952"/>
                <a:gd name="T19" fmla="*/ 2147483646 h 237"/>
                <a:gd name="T20" fmla="*/ 2147483646 w 952"/>
                <a:gd name="T21" fmla="*/ 2147483646 h 237"/>
                <a:gd name="T22" fmla="*/ 2147483646 w 952"/>
                <a:gd name="T23" fmla="*/ 2147483646 h 23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2"/>
                <a:gd name="T37" fmla="*/ 0 h 237"/>
                <a:gd name="T38" fmla="*/ 952 w 952"/>
                <a:gd name="T39" fmla="*/ 237 h 23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2" h="237">
                  <a:moveTo>
                    <a:pt x="59" y="216"/>
                  </a:moveTo>
                  <a:lnTo>
                    <a:pt x="59" y="216"/>
                  </a:lnTo>
                  <a:cubicBezTo>
                    <a:pt x="171" y="121"/>
                    <a:pt x="316" y="68"/>
                    <a:pt x="466" y="68"/>
                  </a:cubicBezTo>
                  <a:lnTo>
                    <a:pt x="468" y="68"/>
                  </a:lnTo>
                  <a:cubicBezTo>
                    <a:pt x="627" y="68"/>
                    <a:pt x="778" y="125"/>
                    <a:pt x="892" y="229"/>
                  </a:cubicBezTo>
                  <a:cubicBezTo>
                    <a:pt x="898" y="234"/>
                    <a:pt x="906" y="237"/>
                    <a:pt x="914" y="237"/>
                  </a:cubicBezTo>
                  <a:cubicBezTo>
                    <a:pt x="924" y="237"/>
                    <a:pt x="933" y="234"/>
                    <a:pt x="939" y="226"/>
                  </a:cubicBezTo>
                  <a:cubicBezTo>
                    <a:pt x="952" y="213"/>
                    <a:pt x="951" y="192"/>
                    <a:pt x="937" y="179"/>
                  </a:cubicBezTo>
                  <a:cubicBezTo>
                    <a:pt x="810" y="64"/>
                    <a:pt x="642" y="0"/>
                    <a:pt x="466" y="1"/>
                  </a:cubicBezTo>
                  <a:cubicBezTo>
                    <a:pt x="300" y="2"/>
                    <a:pt x="140" y="60"/>
                    <a:pt x="16" y="165"/>
                  </a:cubicBezTo>
                  <a:cubicBezTo>
                    <a:pt x="2" y="177"/>
                    <a:pt x="0" y="198"/>
                    <a:pt x="12" y="212"/>
                  </a:cubicBezTo>
                  <a:cubicBezTo>
                    <a:pt x="24" y="226"/>
                    <a:pt x="45" y="228"/>
                    <a:pt x="59" y="21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1200">
                <a:cs typeface="+mn-ea"/>
                <a:sym typeface="+mn-lt"/>
              </a:endParaRPr>
            </a:p>
          </p:txBody>
        </p:sp>
      </p:grpSp>
      <p:grpSp>
        <p:nvGrpSpPr>
          <p:cNvPr id="195" name="组合 315">
            <a:extLst>
              <a:ext uri="{FF2B5EF4-FFF2-40B4-BE49-F238E27FC236}">
                <a16:creationId xmlns:a16="http://schemas.microsoft.com/office/drawing/2014/main" xmlns="" id="{CAE11270-1B78-4627-A3E5-47FE7E0A6DAC}"/>
              </a:ext>
            </a:extLst>
          </p:cNvPr>
          <p:cNvGrpSpPr>
            <a:grpSpLocks/>
          </p:cNvGrpSpPr>
          <p:nvPr/>
        </p:nvGrpSpPr>
        <p:grpSpPr bwMode="auto">
          <a:xfrm>
            <a:off x="4828966" y="3600683"/>
            <a:ext cx="818181" cy="180426"/>
            <a:chOff x="2851150" y="1166813"/>
            <a:chExt cx="923925" cy="203200"/>
          </a:xfrm>
        </p:grpSpPr>
        <p:sp>
          <p:nvSpPr>
            <p:cNvPr id="196" name="Freeform 240">
              <a:extLst>
                <a:ext uri="{FF2B5EF4-FFF2-40B4-BE49-F238E27FC236}">
                  <a16:creationId xmlns:a16="http://schemas.microsoft.com/office/drawing/2014/main" xmlns="" id="{90AAACDD-F9B7-4D20-A682-E4850366C53C}"/>
                </a:ext>
              </a:extLst>
            </p:cNvPr>
            <p:cNvSpPr>
              <a:spLocks/>
            </p:cNvSpPr>
            <p:nvPr/>
          </p:nvSpPr>
          <p:spPr bwMode="auto">
            <a:xfrm>
              <a:off x="2851150" y="1166813"/>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97" name="Freeform 241">
              <a:extLst>
                <a:ext uri="{FF2B5EF4-FFF2-40B4-BE49-F238E27FC236}">
                  <a16:creationId xmlns:a16="http://schemas.microsoft.com/office/drawing/2014/main" xmlns="" id="{C3D768EB-270B-4C01-A952-272E975C27A2}"/>
                </a:ext>
              </a:extLst>
            </p:cNvPr>
            <p:cNvSpPr>
              <a:spLocks/>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98" name="Freeform 242">
              <a:extLst>
                <a:ext uri="{FF2B5EF4-FFF2-40B4-BE49-F238E27FC236}">
                  <a16:creationId xmlns:a16="http://schemas.microsoft.com/office/drawing/2014/main" xmlns="" id="{52E2675F-D4AC-4CBE-BF7F-3A285DE31C02}"/>
                </a:ext>
              </a:extLst>
            </p:cNvPr>
            <p:cNvSpPr>
              <a:spLocks/>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199" name="Freeform 243">
              <a:extLst>
                <a:ext uri="{FF2B5EF4-FFF2-40B4-BE49-F238E27FC236}">
                  <a16:creationId xmlns:a16="http://schemas.microsoft.com/office/drawing/2014/main" xmlns="" id="{565A2444-7BE7-4E95-B54C-AF5E3A536B19}"/>
                </a:ext>
              </a:extLst>
            </p:cNvPr>
            <p:cNvSpPr>
              <a:spLocks/>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00" name="Freeform 244">
              <a:extLst>
                <a:ext uri="{FF2B5EF4-FFF2-40B4-BE49-F238E27FC236}">
                  <a16:creationId xmlns:a16="http://schemas.microsoft.com/office/drawing/2014/main" xmlns="" id="{72F67A4D-0D94-4BF3-9340-14CBDE791C7B}"/>
                </a:ext>
              </a:extLst>
            </p:cNvPr>
            <p:cNvSpPr>
              <a:spLocks/>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01" name="Freeform 245">
              <a:extLst>
                <a:ext uri="{FF2B5EF4-FFF2-40B4-BE49-F238E27FC236}">
                  <a16:creationId xmlns:a16="http://schemas.microsoft.com/office/drawing/2014/main" xmlns="" id="{3E330923-4FFF-4D53-AEC3-23111FA13EE2}"/>
                </a:ext>
              </a:extLst>
            </p:cNvPr>
            <p:cNvSpPr>
              <a:spLocks/>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02" name="Freeform 246">
              <a:extLst>
                <a:ext uri="{FF2B5EF4-FFF2-40B4-BE49-F238E27FC236}">
                  <a16:creationId xmlns:a16="http://schemas.microsoft.com/office/drawing/2014/main" xmlns="" id="{F3721779-C123-40CA-84AF-8F217C73114F}"/>
                </a:ext>
              </a:extLst>
            </p:cNvPr>
            <p:cNvSpPr>
              <a:spLocks/>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03" name="Freeform 247">
              <a:extLst>
                <a:ext uri="{FF2B5EF4-FFF2-40B4-BE49-F238E27FC236}">
                  <a16:creationId xmlns:a16="http://schemas.microsoft.com/office/drawing/2014/main" xmlns="" id="{E151F4FD-B247-4EDE-A430-1ABFDA36919A}"/>
                </a:ext>
              </a:extLst>
            </p:cNvPr>
            <p:cNvSpPr>
              <a:spLocks/>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04" name="Freeform 248">
              <a:extLst>
                <a:ext uri="{FF2B5EF4-FFF2-40B4-BE49-F238E27FC236}">
                  <a16:creationId xmlns:a16="http://schemas.microsoft.com/office/drawing/2014/main" xmlns="" id="{A8A3FB56-ABF4-4BEB-91F0-9E487D582274}"/>
                </a:ext>
              </a:extLst>
            </p:cNvPr>
            <p:cNvSpPr>
              <a:spLocks/>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05" name="Freeform 249">
              <a:extLst>
                <a:ext uri="{FF2B5EF4-FFF2-40B4-BE49-F238E27FC236}">
                  <a16:creationId xmlns:a16="http://schemas.microsoft.com/office/drawing/2014/main" xmlns="" id="{013209C9-D5BE-42B9-9FBF-E7389D63A779}"/>
                </a:ext>
              </a:extLst>
            </p:cNvPr>
            <p:cNvSpPr>
              <a:spLocks/>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06" name="Freeform 250">
              <a:extLst>
                <a:ext uri="{FF2B5EF4-FFF2-40B4-BE49-F238E27FC236}">
                  <a16:creationId xmlns:a16="http://schemas.microsoft.com/office/drawing/2014/main" xmlns="" id="{F8802A55-F1A8-4917-959F-8F302BA42D1D}"/>
                </a:ext>
              </a:extLst>
            </p:cNvPr>
            <p:cNvSpPr>
              <a:spLocks/>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07" name="Freeform 251">
              <a:extLst>
                <a:ext uri="{FF2B5EF4-FFF2-40B4-BE49-F238E27FC236}">
                  <a16:creationId xmlns:a16="http://schemas.microsoft.com/office/drawing/2014/main" xmlns="" id="{88ECD39F-3D56-471B-81D7-08CCEE2C408D}"/>
                </a:ext>
              </a:extLst>
            </p:cNvPr>
            <p:cNvSpPr>
              <a:spLocks/>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grpSp>
      <p:grpSp>
        <p:nvGrpSpPr>
          <p:cNvPr id="208" name="组合 315">
            <a:extLst>
              <a:ext uri="{FF2B5EF4-FFF2-40B4-BE49-F238E27FC236}">
                <a16:creationId xmlns:a16="http://schemas.microsoft.com/office/drawing/2014/main" xmlns="" id="{CFE89F2F-C176-440C-9163-8D2670313F2D}"/>
              </a:ext>
            </a:extLst>
          </p:cNvPr>
          <p:cNvGrpSpPr>
            <a:grpSpLocks/>
          </p:cNvGrpSpPr>
          <p:nvPr/>
        </p:nvGrpSpPr>
        <p:grpSpPr bwMode="auto">
          <a:xfrm>
            <a:off x="7487177" y="3647947"/>
            <a:ext cx="818181" cy="180426"/>
            <a:chOff x="2851150" y="1166813"/>
            <a:chExt cx="923925" cy="203200"/>
          </a:xfrm>
        </p:grpSpPr>
        <p:sp>
          <p:nvSpPr>
            <p:cNvPr id="209" name="Freeform 240">
              <a:extLst>
                <a:ext uri="{FF2B5EF4-FFF2-40B4-BE49-F238E27FC236}">
                  <a16:creationId xmlns:a16="http://schemas.microsoft.com/office/drawing/2014/main" xmlns="" id="{A14062A2-AC7E-4916-A67F-C2F147C8376E}"/>
                </a:ext>
              </a:extLst>
            </p:cNvPr>
            <p:cNvSpPr>
              <a:spLocks/>
            </p:cNvSpPr>
            <p:nvPr/>
          </p:nvSpPr>
          <p:spPr bwMode="auto">
            <a:xfrm>
              <a:off x="2851150" y="1166813"/>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0" name="Freeform 241">
              <a:extLst>
                <a:ext uri="{FF2B5EF4-FFF2-40B4-BE49-F238E27FC236}">
                  <a16:creationId xmlns:a16="http://schemas.microsoft.com/office/drawing/2014/main" xmlns="" id="{E1B0CF3C-5403-47FD-9C42-A096EE24B2C0}"/>
                </a:ext>
              </a:extLst>
            </p:cNvPr>
            <p:cNvSpPr>
              <a:spLocks/>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1" name="Freeform 242">
              <a:extLst>
                <a:ext uri="{FF2B5EF4-FFF2-40B4-BE49-F238E27FC236}">
                  <a16:creationId xmlns:a16="http://schemas.microsoft.com/office/drawing/2014/main" xmlns="" id="{28EA6343-6F97-40C6-BA7A-2BF581985604}"/>
                </a:ext>
              </a:extLst>
            </p:cNvPr>
            <p:cNvSpPr>
              <a:spLocks/>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2" name="Freeform 243">
              <a:extLst>
                <a:ext uri="{FF2B5EF4-FFF2-40B4-BE49-F238E27FC236}">
                  <a16:creationId xmlns:a16="http://schemas.microsoft.com/office/drawing/2014/main" xmlns="" id="{6F23EE52-40F2-4869-8E43-396D00E1D200}"/>
                </a:ext>
              </a:extLst>
            </p:cNvPr>
            <p:cNvSpPr>
              <a:spLocks/>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3" name="Freeform 244">
              <a:extLst>
                <a:ext uri="{FF2B5EF4-FFF2-40B4-BE49-F238E27FC236}">
                  <a16:creationId xmlns:a16="http://schemas.microsoft.com/office/drawing/2014/main" xmlns="" id="{9E783670-0712-4718-9EEC-64D7312968FD}"/>
                </a:ext>
              </a:extLst>
            </p:cNvPr>
            <p:cNvSpPr>
              <a:spLocks/>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4" name="Freeform 245">
              <a:extLst>
                <a:ext uri="{FF2B5EF4-FFF2-40B4-BE49-F238E27FC236}">
                  <a16:creationId xmlns:a16="http://schemas.microsoft.com/office/drawing/2014/main" xmlns="" id="{A1B361A8-2E22-4182-9852-71A1217030DF}"/>
                </a:ext>
              </a:extLst>
            </p:cNvPr>
            <p:cNvSpPr>
              <a:spLocks/>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5" name="Freeform 246">
              <a:extLst>
                <a:ext uri="{FF2B5EF4-FFF2-40B4-BE49-F238E27FC236}">
                  <a16:creationId xmlns:a16="http://schemas.microsoft.com/office/drawing/2014/main" xmlns="" id="{E44444DB-9DC1-4123-AE81-4F35D7BBDA0C}"/>
                </a:ext>
              </a:extLst>
            </p:cNvPr>
            <p:cNvSpPr>
              <a:spLocks/>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6" name="Freeform 247">
              <a:extLst>
                <a:ext uri="{FF2B5EF4-FFF2-40B4-BE49-F238E27FC236}">
                  <a16:creationId xmlns:a16="http://schemas.microsoft.com/office/drawing/2014/main" xmlns="" id="{33E6C1C5-FAEC-4054-996E-15115C1A50BE}"/>
                </a:ext>
              </a:extLst>
            </p:cNvPr>
            <p:cNvSpPr>
              <a:spLocks/>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7" name="Freeform 248">
              <a:extLst>
                <a:ext uri="{FF2B5EF4-FFF2-40B4-BE49-F238E27FC236}">
                  <a16:creationId xmlns:a16="http://schemas.microsoft.com/office/drawing/2014/main" xmlns="" id="{0A95FA9E-4F0D-4D53-ABB2-6CCA942C23BC}"/>
                </a:ext>
              </a:extLst>
            </p:cNvPr>
            <p:cNvSpPr>
              <a:spLocks/>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8" name="Freeform 249">
              <a:extLst>
                <a:ext uri="{FF2B5EF4-FFF2-40B4-BE49-F238E27FC236}">
                  <a16:creationId xmlns:a16="http://schemas.microsoft.com/office/drawing/2014/main" xmlns="" id="{4E99ED03-9ECA-4E18-99E2-17086392ECA1}"/>
                </a:ext>
              </a:extLst>
            </p:cNvPr>
            <p:cNvSpPr>
              <a:spLocks/>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19" name="Freeform 250">
              <a:extLst>
                <a:ext uri="{FF2B5EF4-FFF2-40B4-BE49-F238E27FC236}">
                  <a16:creationId xmlns:a16="http://schemas.microsoft.com/office/drawing/2014/main" xmlns="" id="{A57E6108-DDBE-4605-9CC5-29268FEF9139}"/>
                </a:ext>
              </a:extLst>
            </p:cNvPr>
            <p:cNvSpPr>
              <a:spLocks/>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20" name="Freeform 251">
              <a:extLst>
                <a:ext uri="{FF2B5EF4-FFF2-40B4-BE49-F238E27FC236}">
                  <a16:creationId xmlns:a16="http://schemas.microsoft.com/office/drawing/2014/main" xmlns="" id="{B7F33411-AA92-42E7-99B3-607E5F0E4B50}"/>
                </a:ext>
              </a:extLst>
            </p:cNvPr>
            <p:cNvSpPr>
              <a:spLocks/>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grpSp>
      <p:grpSp>
        <p:nvGrpSpPr>
          <p:cNvPr id="221" name="组合 315">
            <a:extLst>
              <a:ext uri="{FF2B5EF4-FFF2-40B4-BE49-F238E27FC236}">
                <a16:creationId xmlns:a16="http://schemas.microsoft.com/office/drawing/2014/main" xmlns="" id="{AE695BDD-8BBE-410F-AD56-5D383999BDC9}"/>
              </a:ext>
            </a:extLst>
          </p:cNvPr>
          <p:cNvGrpSpPr>
            <a:grpSpLocks/>
          </p:cNvGrpSpPr>
          <p:nvPr/>
        </p:nvGrpSpPr>
        <p:grpSpPr bwMode="auto">
          <a:xfrm>
            <a:off x="10289875" y="3647947"/>
            <a:ext cx="818181" cy="180426"/>
            <a:chOff x="2851150" y="1166813"/>
            <a:chExt cx="923925" cy="203200"/>
          </a:xfrm>
        </p:grpSpPr>
        <p:sp>
          <p:nvSpPr>
            <p:cNvPr id="222" name="Freeform 240">
              <a:extLst>
                <a:ext uri="{FF2B5EF4-FFF2-40B4-BE49-F238E27FC236}">
                  <a16:creationId xmlns:a16="http://schemas.microsoft.com/office/drawing/2014/main" xmlns="" id="{42B53A37-09EA-444A-A27E-DD9510797AFD}"/>
                </a:ext>
              </a:extLst>
            </p:cNvPr>
            <p:cNvSpPr>
              <a:spLocks/>
            </p:cNvSpPr>
            <p:nvPr/>
          </p:nvSpPr>
          <p:spPr bwMode="auto">
            <a:xfrm>
              <a:off x="2851150" y="1166813"/>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23" name="Freeform 241">
              <a:extLst>
                <a:ext uri="{FF2B5EF4-FFF2-40B4-BE49-F238E27FC236}">
                  <a16:creationId xmlns:a16="http://schemas.microsoft.com/office/drawing/2014/main" xmlns="" id="{4063E775-3175-4A2C-8C4A-B4FB24C029E2}"/>
                </a:ext>
              </a:extLst>
            </p:cNvPr>
            <p:cNvSpPr>
              <a:spLocks/>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24" name="Freeform 242">
              <a:extLst>
                <a:ext uri="{FF2B5EF4-FFF2-40B4-BE49-F238E27FC236}">
                  <a16:creationId xmlns:a16="http://schemas.microsoft.com/office/drawing/2014/main" xmlns="" id="{2021BE70-459A-4832-9F30-BF730FCDCD92}"/>
                </a:ext>
              </a:extLst>
            </p:cNvPr>
            <p:cNvSpPr>
              <a:spLocks/>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25" name="Freeform 243">
              <a:extLst>
                <a:ext uri="{FF2B5EF4-FFF2-40B4-BE49-F238E27FC236}">
                  <a16:creationId xmlns:a16="http://schemas.microsoft.com/office/drawing/2014/main" xmlns="" id="{E75CBD99-8D7A-406E-8B68-D7AA95232D30}"/>
                </a:ext>
              </a:extLst>
            </p:cNvPr>
            <p:cNvSpPr>
              <a:spLocks/>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26" name="Freeform 244">
              <a:extLst>
                <a:ext uri="{FF2B5EF4-FFF2-40B4-BE49-F238E27FC236}">
                  <a16:creationId xmlns:a16="http://schemas.microsoft.com/office/drawing/2014/main" xmlns="" id="{EB5CFED8-6EF3-4B4E-9AB0-A389E725F236}"/>
                </a:ext>
              </a:extLst>
            </p:cNvPr>
            <p:cNvSpPr>
              <a:spLocks/>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27" name="Freeform 245">
              <a:extLst>
                <a:ext uri="{FF2B5EF4-FFF2-40B4-BE49-F238E27FC236}">
                  <a16:creationId xmlns:a16="http://schemas.microsoft.com/office/drawing/2014/main" xmlns="" id="{EFD4BE9C-444F-4540-96AC-436DA5173E04}"/>
                </a:ext>
              </a:extLst>
            </p:cNvPr>
            <p:cNvSpPr>
              <a:spLocks/>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28" name="Freeform 246">
              <a:extLst>
                <a:ext uri="{FF2B5EF4-FFF2-40B4-BE49-F238E27FC236}">
                  <a16:creationId xmlns:a16="http://schemas.microsoft.com/office/drawing/2014/main" xmlns="" id="{4381A94A-6D2D-40EC-B7D4-8D2C8A613521}"/>
                </a:ext>
              </a:extLst>
            </p:cNvPr>
            <p:cNvSpPr>
              <a:spLocks/>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29" name="Freeform 247">
              <a:extLst>
                <a:ext uri="{FF2B5EF4-FFF2-40B4-BE49-F238E27FC236}">
                  <a16:creationId xmlns:a16="http://schemas.microsoft.com/office/drawing/2014/main" xmlns="" id="{290E0026-7E66-4DC0-97A2-A3661C0308AF}"/>
                </a:ext>
              </a:extLst>
            </p:cNvPr>
            <p:cNvSpPr>
              <a:spLocks/>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30" name="Freeform 248">
              <a:extLst>
                <a:ext uri="{FF2B5EF4-FFF2-40B4-BE49-F238E27FC236}">
                  <a16:creationId xmlns:a16="http://schemas.microsoft.com/office/drawing/2014/main" xmlns="" id="{3467C887-9AFA-458E-A30C-54A0D01F23C4}"/>
                </a:ext>
              </a:extLst>
            </p:cNvPr>
            <p:cNvSpPr>
              <a:spLocks/>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31" name="Freeform 249">
              <a:extLst>
                <a:ext uri="{FF2B5EF4-FFF2-40B4-BE49-F238E27FC236}">
                  <a16:creationId xmlns:a16="http://schemas.microsoft.com/office/drawing/2014/main" xmlns="" id="{35B99B54-6CAC-49D6-906D-34A028110704}"/>
                </a:ext>
              </a:extLst>
            </p:cNvPr>
            <p:cNvSpPr>
              <a:spLocks/>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32" name="Freeform 250">
              <a:extLst>
                <a:ext uri="{FF2B5EF4-FFF2-40B4-BE49-F238E27FC236}">
                  <a16:creationId xmlns:a16="http://schemas.microsoft.com/office/drawing/2014/main" xmlns="" id="{753A519A-6765-4F33-BAF6-3A0A1A945519}"/>
                </a:ext>
              </a:extLst>
            </p:cNvPr>
            <p:cNvSpPr>
              <a:spLocks/>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sp>
          <p:nvSpPr>
            <p:cNvPr id="233" name="Freeform 251">
              <a:extLst>
                <a:ext uri="{FF2B5EF4-FFF2-40B4-BE49-F238E27FC236}">
                  <a16:creationId xmlns:a16="http://schemas.microsoft.com/office/drawing/2014/main" xmlns="" id="{92E7E468-80D1-41C6-9EF4-931282FE9D4C}"/>
                </a:ext>
              </a:extLst>
            </p:cNvPr>
            <p:cNvSpPr>
              <a:spLocks/>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cs typeface="+mn-ea"/>
                <a:sym typeface="+mn-lt"/>
              </a:endParaRPr>
            </a:p>
          </p:txBody>
        </p:sp>
      </p:grpSp>
      <p:sp>
        <p:nvSpPr>
          <p:cNvPr id="234" name="燕尾形 25">
            <a:extLst>
              <a:ext uri="{FF2B5EF4-FFF2-40B4-BE49-F238E27FC236}">
                <a16:creationId xmlns:a16="http://schemas.microsoft.com/office/drawing/2014/main" xmlns="" id="{D4346589-67E5-43BA-97E3-EC23B19B58C8}"/>
              </a:ext>
            </a:extLst>
          </p:cNvPr>
          <p:cNvSpPr/>
          <p:nvPr/>
        </p:nvSpPr>
        <p:spPr bwMode="auto">
          <a:xfrm>
            <a:off x="10187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数据中心</a:t>
            </a:r>
            <a:endParaRPr lang="en-US" altLang="zh-CN" sz="1200" kern="0"/>
          </a:p>
        </p:txBody>
      </p:sp>
      <p:sp>
        <p:nvSpPr>
          <p:cNvPr id="235" name="燕尾形 26">
            <a:extLst>
              <a:ext uri="{FF2B5EF4-FFF2-40B4-BE49-F238E27FC236}">
                <a16:creationId xmlns:a16="http://schemas.microsoft.com/office/drawing/2014/main" xmlns="" id="{CA544769-6455-43A6-84A7-79179893462B}"/>
              </a:ext>
            </a:extLst>
          </p:cNvPr>
          <p:cNvSpPr/>
          <p:nvPr/>
        </p:nvSpPr>
        <p:spPr bwMode="auto">
          <a:xfrm>
            <a:off x="10996392"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企业园区</a:t>
            </a:r>
            <a:endParaRPr lang="en-US" altLang="zh-CN" sz="1200" b="1" kern="0">
              <a:solidFill>
                <a:srgbClr val="FFFFFF"/>
              </a:solidFill>
            </a:endParaRPr>
          </a:p>
        </p:txBody>
      </p:sp>
    </p:spTree>
    <p:extLst>
      <p:ext uri="{BB962C8B-B14F-4D97-AF65-F5344CB8AC3E}">
        <p14:creationId xmlns:p14="http://schemas.microsoft.com/office/powerpoint/2010/main" val="276405827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关键特性：园区网络</a:t>
            </a:r>
            <a:r>
              <a:rPr lang="en-US" altLang="zh-CN"/>
              <a:t>AI</a:t>
            </a:r>
            <a:r>
              <a:rPr lang="zh-CN" altLang="en-US"/>
              <a:t>智能运维</a:t>
            </a:r>
          </a:p>
        </p:txBody>
      </p:sp>
      <p:sp>
        <p:nvSpPr>
          <p:cNvPr id="10" name="圆角矩形 9"/>
          <p:cNvSpPr/>
          <p:nvPr/>
        </p:nvSpPr>
        <p:spPr bwMode="auto">
          <a:xfrm>
            <a:off x="487578" y="1327974"/>
            <a:ext cx="4499618" cy="435600"/>
          </a:xfrm>
          <a:prstGeom prst="roundRect">
            <a:avLst/>
          </a:prstGeom>
          <a:solidFill>
            <a:srgbClr val="00B0F0"/>
          </a:solidFill>
          <a:ln>
            <a:noFill/>
          </a:ln>
        </p:spPr>
        <p:txBody>
          <a:bodyPr wrap="square" rtlCol="0" anchor="ctr" anchorCtr="0">
            <a:noAutofit/>
          </a:bodyPr>
          <a:lstStyle/>
          <a:p>
            <a:pPr algn="ctr"/>
            <a:r>
              <a:rPr lang="en-US" altLang="zh-CN" b="1" dirty="0">
                <a:solidFill>
                  <a:prstClr val="white"/>
                </a:solidFill>
                <a:latin typeface="Huawei Sans" panose="020C0503030203020204" pitchFamily="34" charset="0"/>
                <a:ea typeface="方正兰亭黑简体" panose="02000000000000000000" pitchFamily="2" charset="-122"/>
                <a:sym typeface="+mn-lt"/>
              </a:rPr>
              <a:t>AS-IS</a:t>
            </a:r>
            <a:r>
              <a:rPr lang="zh-CN" altLang="en-US" b="1" dirty="0">
                <a:solidFill>
                  <a:prstClr val="white"/>
                </a:solidFill>
                <a:latin typeface="Huawei Sans" panose="020C0503030203020204" pitchFamily="34" charset="0"/>
                <a:ea typeface="方正兰亭黑简体" panose="02000000000000000000" pitchFamily="2" charset="-122"/>
                <a:sym typeface="+mn-lt"/>
              </a:rPr>
              <a:t>：以设备为中心的网络管理</a:t>
            </a:r>
            <a:endParaRPr lang="en-US" altLang="zh-CN" b="1" dirty="0">
              <a:solidFill>
                <a:prstClr val="white"/>
              </a:solidFill>
              <a:latin typeface="Huawei Sans" panose="020C0503030203020204" pitchFamily="34" charset="0"/>
              <a:ea typeface="方正兰亭黑简体" panose="02000000000000000000" pitchFamily="2" charset="-122"/>
              <a:sym typeface="+mn-lt"/>
            </a:endParaRPr>
          </a:p>
        </p:txBody>
      </p:sp>
      <p:sp>
        <p:nvSpPr>
          <p:cNvPr id="11" name="圆角矩形 10"/>
          <p:cNvSpPr/>
          <p:nvPr/>
        </p:nvSpPr>
        <p:spPr bwMode="auto">
          <a:xfrm>
            <a:off x="5870268" y="1327974"/>
            <a:ext cx="5762932" cy="435600"/>
          </a:xfrm>
          <a:prstGeom prst="roundRect">
            <a:avLst/>
          </a:prstGeom>
          <a:solidFill>
            <a:srgbClr val="00B0F0"/>
          </a:solidFill>
          <a:ln>
            <a:noFill/>
          </a:ln>
        </p:spPr>
        <p:txBody>
          <a:bodyPr wrap="square" rtlCol="0" anchor="ctr" anchorCtr="0">
            <a:noAutofit/>
          </a:bodyPr>
          <a:lstStyle/>
          <a:p>
            <a:pPr algn="ctr"/>
            <a:r>
              <a:rPr lang="en-US" altLang="zh-CN" b="1">
                <a:solidFill>
                  <a:prstClr val="white"/>
                </a:solidFill>
                <a:latin typeface="Huawei Sans" panose="020C0503030203020204" pitchFamily="34" charset="0"/>
                <a:ea typeface="方正兰亭黑简体" panose="02000000000000000000" pitchFamily="2" charset="-122"/>
                <a:sym typeface="+mn-lt"/>
              </a:rPr>
              <a:t>TO-BE</a:t>
            </a:r>
            <a:r>
              <a:rPr lang="zh-CN" altLang="en-US" b="1">
                <a:solidFill>
                  <a:prstClr val="white"/>
                </a:solidFill>
                <a:latin typeface="Huawei Sans" panose="020C0503030203020204" pitchFamily="34" charset="0"/>
                <a:ea typeface="方正兰亭黑简体" panose="02000000000000000000" pitchFamily="2" charset="-122"/>
                <a:sym typeface="+mn-lt"/>
              </a:rPr>
              <a:t>：以用户体验为中心的</a:t>
            </a:r>
            <a:r>
              <a:rPr lang="en-US" altLang="zh-CN" b="1">
                <a:solidFill>
                  <a:prstClr val="white"/>
                </a:solidFill>
                <a:latin typeface="Huawei Sans" panose="020C0503030203020204" pitchFamily="34" charset="0"/>
                <a:ea typeface="方正兰亭黑简体" panose="02000000000000000000" pitchFamily="2" charset="-122"/>
                <a:sym typeface="+mn-lt"/>
              </a:rPr>
              <a:t>AI</a:t>
            </a:r>
            <a:r>
              <a:rPr lang="zh-CN" altLang="en-US" b="1">
                <a:solidFill>
                  <a:prstClr val="white"/>
                </a:solidFill>
                <a:latin typeface="Huawei Sans" panose="020C0503030203020204" pitchFamily="34" charset="0"/>
                <a:ea typeface="方正兰亭黑简体" panose="02000000000000000000" pitchFamily="2" charset="-122"/>
                <a:sym typeface="+mn-lt"/>
              </a:rPr>
              <a:t>智能运维</a:t>
            </a:r>
            <a:endParaRPr lang="en-US" altLang="zh-CN" b="1">
              <a:solidFill>
                <a:prstClr val="white"/>
              </a:solidFill>
              <a:latin typeface="Huawei Sans" panose="020C0503030203020204" pitchFamily="34" charset="0"/>
              <a:ea typeface="方正兰亭黑简体" panose="02000000000000000000" pitchFamily="2" charset="-122"/>
              <a:sym typeface="+mn-lt"/>
            </a:endParaRPr>
          </a:p>
        </p:txBody>
      </p:sp>
      <p:sp>
        <p:nvSpPr>
          <p:cNvPr id="12" name="圆角矩形 11"/>
          <p:cNvSpPr/>
          <p:nvPr/>
        </p:nvSpPr>
        <p:spPr bwMode="auto">
          <a:xfrm>
            <a:off x="5870268" y="1800316"/>
            <a:ext cx="5762932" cy="4046196"/>
          </a:xfrm>
          <a:prstGeom prst="roundRect">
            <a:avLst>
              <a:gd name="adj" fmla="val 973"/>
            </a:avLst>
          </a:prstGeom>
          <a:noFill/>
          <a:ln w="3175" cap="flat" cmpd="sng" algn="ctr">
            <a:solidFill>
              <a:schemeClr val="bg1">
                <a:lumMod val="65000"/>
              </a:schemeClr>
            </a:solidFill>
            <a:prstDash val="solid"/>
            <a:round/>
            <a:headEnd type="none" w="med" len="med"/>
            <a:tailEnd type="none" w="med" len="med"/>
          </a:ln>
          <a:effectLst/>
        </p:spPr>
        <p:txBody>
          <a:bodyPr vert="horz" wrap="square" lIns="121896" tIns="60949" rIns="121896" bIns="60949" numCol="1" rtlCol="0" anchor="t" anchorCtr="0" compatLnSpc="1">
            <a:prstTxWarp prst="textNoShape">
              <a:avLst/>
            </a:prstTxWarp>
          </a:bodyPr>
          <a:lstStyle/>
          <a:p>
            <a:pPr algn="ctr" defTabSz="1068595"/>
            <a:endParaRPr lang="zh-CN" altLang="en-US" sz="3199" b="1" dirty="0">
              <a:solidFill>
                <a:prstClr val="black"/>
              </a:solidFill>
              <a:latin typeface="+mj-lt"/>
              <a:cs typeface="+mn-ea"/>
              <a:sym typeface="+mn-lt"/>
            </a:endParaRPr>
          </a:p>
        </p:txBody>
      </p:sp>
      <p:sp>
        <p:nvSpPr>
          <p:cNvPr id="13" name="圆角矩形 12"/>
          <p:cNvSpPr/>
          <p:nvPr/>
        </p:nvSpPr>
        <p:spPr bwMode="auto">
          <a:xfrm>
            <a:off x="483478" y="1800314"/>
            <a:ext cx="4503389" cy="4046198"/>
          </a:xfrm>
          <a:prstGeom prst="roundRect">
            <a:avLst>
              <a:gd name="adj" fmla="val 1810"/>
            </a:avLst>
          </a:prstGeom>
          <a:noFill/>
          <a:ln w="3175" cap="flat" cmpd="sng" algn="ctr">
            <a:solidFill>
              <a:schemeClr val="bg1">
                <a:lumMod val="65000"/>
              </a:schemeClr>
            </a:solidFill>
            <a:prstDash val="solid"/>
            <a:round/>
            <a:headEnd type="none" w="med" len="med"/>
            <a:tailEnd type="none" w="med" len="med"/>
          </a:ln>
          <a:effectLst/>
        </p:spPr>
        <p:txBody>
          <a:bodyPr vert="horz" wrap="square" lIns="121896" tIns="60949" rIns="121896" bIns="60949" numCol="1" rtlCol="0" anchor="t" anchorCtr="0" compatLnSpc="1">
            <a:prstTxWarp prst="textNoShape">
              <a:avLst/>
            </a:prstTxWarp>
          </a:bodyPr>
          <a:lstStyle/>
          <a:p>
            <a:pPr algn="ctr" defTabSz="1068595"/>
            <a:endParaRPr lang="zh-CN" altLang="en-US" sz="3199" b="1" dirty="0">
              <a:solidFill>
                <a:prstClr val="black"/>
              </a:solidFill>
              <a:latin typeface="+mj-lt"/>
              <a:cs typeface="+mn-ea"/>
              <a:sym typeface="+mn-lt"/>
            </a:endParaRPr>
          </a:p>
        </p:txBody>
      </p:sp>
      <p:sp>
        <p:nvSpPr>
          <p:cNvPr id="14" name="文本框 13"/>
          <p:cNvSpPr txBox="1"/>
          <p:nvPr/>
        </p:nvSpPr>
        <p:spPr>
          <a:xfrm>
            <a:off x="973370" y="1342300"/>
            <a:ext cx="184731" cy="369204"/>
          </a:xfrm>
          <a:prstGeom prst="rect">
            <a:avLst/>
          </a:prstGeom>
          <a:noFill/>
        </p:spPr>
        <p:txBody>
          <a:bodyPr wrap="none" rtlCol="0">
            <a:spAutoFit/>
          </a:bodyPr>
          <a:lstStyle/>
          <a:p>
            <a:pPr defTabSz="1218418"/>
            <a:endParaRPr lang="en-US" altLang="zh-CN" sz="1799" dirty="0">
              <a:solidFill>
                <a:prstClr val="white"/>
              </a:solidFill>
              <a:latin typeface="+mj-lt"/>
              <a:cs typeface="+mn-ea"/>
              <a:sym typeface="+mn-lt"/>
            </a:endParaRPr>
          </a:p>
        </p:txBody>
      </p:sp>
      <p:sp>
        <p:nvSpPr>
          <p:cNvPr id="15" name="燕尾形 14"/>
          <p:cNvSpPr/>
          <p:nvPr/>
        </p:nvSpPr>
        <p:spPr>
          <a:xfrm>
            <a:off x="5220501" y="3155539"/>
            <a:ext cx="287845" cy="1007456"/>
          </a:xfrm>
          <a:prstGeom prst="chevron">
            <a:avLst/>
          </a:prstGeom>
          <a:solidFill>
            <a:srgbClr val="EC7061"/>
          </a:solidFill>
          <a:ln w="12700" cap="flat" cmpd="sng" algn="ctr">
            <a:noFill/>
            <a:prstDash val="solid"/>
            <a:miter lim="800000"/>
          </a:ln>
          <a:effectLst/>
        </p:spPr>
        <p:txBody>
          <a:bodyPr rtlCol="0" anchor="ctr"/>
          <a:lstStyle/>
          <a:p>
            <a:pPr algn="ctr"/>
            <a:endParaRPr lang="zh-CN" altLang="en-US" sz="1599" b="1" kern="0">
              <a:solidFill>
                <a:srgbClr val="FFFFFF"/>
              </a:solidFill>
              <a:latin typeface="+mj-lt"/>
              <a:cs typeface="+mn-ea"/>
              <a:sym typeface="+mn-lt"/>
            </a:endParaRPr>
          </a:p>
        </p:txBody>
      </p:sp>
      <p:sp>
        <p:nvSpPr>
          <p:cNvPr id="16" name="燕尾形 15"/>
          <p:cNvSpPr/>
          <p:nvPr/>
        </p:nvSpPr>
        <p:spPr>
          <a:xfrm>
            <a:off x="5400935" y="3155539"/>
            <a:ext cx="287845" cy="1007456"/>
          </a:xfrm>
          <a:prstGeom prst="chevron">
            <a:avLst/>
          </a:prstGeom>
          <a:solidFill>
            <a:srgbClr val="EC7061"/>
          </a:solidFill>
          <a:ln w="12700" cap="flat" cmpd="sng" algn="ctr">
            <a:noFill/>
            <a:prstDash val="solid"/>
            <a:miter lim="800000"/>
          </a:ln>
          <a:effectLst/>
        </p:spPr>
        <p:txBody>
          <a:bodyPr rtlCol="0" anchor="ctr"/>
          <a:lstStyle/>
          <a:p>
            <a:pPr algn="ctr"/>
            <a:endParaRPr lang="zh-CN" altLang="en-US" sz="1599" b="1" kern="0">
              <a:solidFill>
                <a:srgbClr val="FFFFFF"/>
              </a:solidFill>
              <a:latin typeface="+mj-lt"/>
              <a:cs typeface="+mn-ea"/>
              <a:sym typeface="+mn-lt"/>
            </a:endParaRPr>
          </a:p>
        </p:txBody>
      </p:sp>
      <p:sp>
        <p:nvSpPr>
          <p:cNvPr id="18" name="文本框 17"/>
          <p:cNvSpPr txBox="1"/>
          <p:nvPr/>
        </p:nvSpPr>
        <p:spPr>
          <a:xfrm>
            <a:off x="981027" y="4605851"/>
            <a:ext cx="3279914" cy="892167"/>
          </a:xfrm>
          <a:prstGeom prst="rect">
            <a:avLst/>
          </a:prstGeom>
          <a:noFill/>
        </p:spPr>
        <p:txBody>
          <a:bodyPr wrap="square" rtlCol="0">
            <a:spAutoFit/>
          </a:bodyPr>
          <a:lstStyle/>
          <a:p>
            <a:pPr marL="180849" indent="-180849" defTabSz="1218418">
              <a:spcAft>
                <a:spcPts val="600"/>
              </a:spcAft>
              <a:buFont typeface="Arial" panose="020B0604020202020204" pitchFamily="34" charset="0"/>
              <a:buChar char="•"/>
            </a:pPr>
            <a:r>
              <a:rPr lang="zh-CN" altLang="en-US" sz="1399" b="1" dirty="0">
                <a:solidFill>
                  <a:prstClr val="black"/>
                </a:solidFill>
                <a:latin typeface="+mj-lt"/>
                <a:cs typeface="+mn-ea"/>
                <a:sym typeface="+mn-lt"/>
              </a:rPr>
              <a:t>以设备为中心</a:t>
            </a:r>
            <a:r>
              <a:rPr lang="zh-CN" altLang="en-US" sz="1399" dirty="0">
                <a:solidFill>
                  <a:prstClr val="black"/>
                </a:solidFill>
                <a:latin typeface="+mj-lt"/>
                <a:cs typeface="+mn-ea"/>
                <a:sym typeface="+mn-lt"/>
              </a:rPr>
              <a:t>，无法感知用户体验</a:t>
            </a:r>
            <a:endParaRPr lang="en-US" altLang="zh-CN" sz="1399" dirty="0">
              <a:solidFill>
                <a:prstClr val="black"/>
              </a:solidFill>
              <a:latin typeface="+mj-lt"/>
              <a:cs typeface="+mn-ea"/>
              <a:sym typeface="+mn-lt"/>
            </a:endParaRPr>
          </a:p>
          <a:p>
            <a:pPr marL="180849" indent="-180849" defTabSz="1218418">
              <a:spcAft>
                <a:spcPts val="600"/>
              </a:spcAft>
              <a:buFont typeface="Arial" panose="020B0604020202020204" pitchFamily="34" charset="0"/>
              <a:buChar char="•"/>
            </a:pPr>
            <a:r>
              <a:rPr lang="zh-CN" altLang="en-US" sz="1399" b="1" dirty="0">
                <a:solidFill>
                  <a:prstClr val="black"/>
                </a:solidFill>
                <a:latin typeface="+mj-lt"/>
                <a:cs typeface="+mn-ea"/>
                <a:sym typeface="+mn-lt"/>
              </a:rPr>
              <a:t>“救火式”响应</a:t>
            </a:r>
            <a:r>
              <a:rPr lang="zh-CN" altLang="en-US" sz="1399" dirty="0">
                <a:solidFill>
                  <a:prstClr val="black"/>
                </a:solidFill>
                <a:latin typeface="+mj-lt"/>
                <a:cs typeface="+mn-ea"/>
                <a:sym typeface="+mn-lt"/>
              </a:rPr>
              <a:t>，无法识别潜在故障</a:t>
            </a:r>
            <a:endParaRPr lang="en-US" altLang="zh-CN" sz="1399" dirty="0">
              <a:solidFill>
                <a:prstClr val="black"/>
              </a:solidFill>
              <a:latin typeface="+mj-lt"/>
              <a:cs typeface="+mn-ea"/>
              <a:sym typeface="+mn-lt"/>
            </a:endParaRPr>
          </a:p>
          <a:p>
            <a:pPr marL="180849" indent="-180849" defTabSz="1218418">
              <a:spcAft>
                <a:spcPts val="600"/>
              </a:spcAft>
              <a:buFont typeface="Arial" panose="020B0604020202020204" pitchFamily="34" charset="0"/>
              <a:buChar char="•"/>
            </a:pPr>
            <a:r>
              <a:rPr lang="zh-CN" altLang="en-US" sz="1399" dirty="0">
                <a:solidFill>
                  <a:prstClr val="black"/>
                </a:solidFill>
                <a:latin typeface="+mj-lt"/>
                <a:cs typeface="+mn-ea"/>
                <a:sym typeface="+mn-lt"/>
              </a:rPr>
              <a:t>依靠专业工程师</a:t>
            </a:r>
            <a:r>
              <a:rPr lang="zh-CN" altLang="en-US" sz="1399" b="1" dirty="0">
                <a:solidFill>
                  <a:prstClr val="black"/>
                </a:solidFill>
                <a:latin typeface="+mj-lt"/>
                <a:cs typeface="+mn-ea"/>
                <a:sym typeface="+mn-lt"/>
              </a:rPr>
              <a:t>现场定位故障</a:t>
            </a:r>
          </a:p>
        </p:txBody>
      </p:sp>
      <p:sp>
        <p:nvSpPr>
          <p:cNvPr id="19" name="矩形 18"/>
          <p:cNvSpPr/>
          <p:nvPr/>
        </p:nvSpPr>
        <p:spPr>
          <a:xfrm>
            <a:off x="1142045" y="3681033"/>
            <a:ext cx="3059618" cy="571278"/>
          </a:xfrm>
          <a:prstGeom prst="rect">
            <a:avLst/>
          </a:prstGeom>
          <a:noFill/>
          <a:ln w="12700">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418"/>
            <a:endParaRPr lang="zh-CN" altLang="en-US" sz="3199">
              <a:solidFill>
                <a:prstClr val="white"/>
              </a:solidFill>
              <a:latin typeface="+mj-lt"/>
              <a:cs typeface="+mn-ea"/>
              <a:sym typeface="+mn-lt"/>
            </a:endParaRPr>
          </a:p>
        </p:txBody>
      </p:sp>
      <p:sp>
        <p:nvSpPr>
          <p:cNvPr id="20" name="文本框 19"/>
          <p:cNvSpPr txBox="1"/>
          <p:nvPr/>
        </p:nvSpPr>
        <p:spPr>
          <a:xfrm>
            <a:off x="841514" y="2934216"/>
            <a:ext cx="1800494" cy="615233"/>
          </a:xfrm>
          <a:prstGeom prst="rect">
            <a:avLst/>
          </a:prstGeom>
          <a:noFill/>
        </p:spPr>
        <p:txBody>
          <a:bodyPr wrap="none" rtlCol="0">
            <a:spAutoFit/>
          </a:bodyPr>
          <a:lstStyle/>
          <a:p>
            <a:pPr algn="r" defTabSz="1218418"/>
            <a:r>
              <a:rPr lang="en-US" altLang="zh-CN" sz="1998" b="1" dirty="0">
                <a:solidFill>
                  <a:srgbClr val="EC7061"/>
                </a:solidFill>
                <a:latin typeface="+mj-lt"/>
                <a:cs typeface="+mn-ea"/>
                <a:sym typeface="+mn-lt"/>
              </a:rPr>
              <a:t>SNMP</a:t>
            </a:r>
          </a:p>
          <a:p>
            <a:pPr algn="r" defTabSz="1218418"/>
            <a:r>
              <a:rPr lang="zh-CN" altLang="en-US" sz="1400" dirty="0">
                <a:solidFill>
                  <a:prstClr val="black"/>
                </a:solidFill>
                <a:latin typeface="+mj-lt"/>
                <a:cs typeface="+mn-ea"/>
                <a:sym typeface="+mn-lt"/>
              </a:rPr>
              <a:t>分钟级网络数据采集</a:t>
            </a:r>
            <a:endParaRPr lang="en-US" altLang="zh-CN" dirty="0">
              <a:solidFill>
                <a:prstClr val="black"/>
              </a:solidFill>
              <a:latin typeface="+mj-lt"/>
              <a:cs typeface="+mn-ea"/>
              <a:sym typeface="+mn-lt"/>
            </a:endParaRPr>
          </a:p>
        </p:txBody>
      </p:sp>
      <p:cxnSp>
        <p:nvCxnSpPr>
          <p:cNvPr id="21" name="直接箭头连接符 20"/>
          <p:cNvCxnSpPr/>
          <p:nvPr/>
        </p:nvCxnSpPr>
        <p:spPr>
          <a:xfrm>
            <a:off x="2599575" y="2801440"/>
            <a:ext cx="0" cy="798527"/>
          </a:xfrm>
          <a:prstGeom prst="straightConnector1">
            <a:avLst/>
          </a:prstGeom>
          <a:noFill/>
          <a:ln w="28575" algn="ctr">
            <a:solidFill>
              <a:srgbClr val="EC7061"/>
            </a:solidFill>
            <a:round/>
            <a:headEnd type="arrow" w="med" len="med"/>
            <a:tailEnd type="none" w="med" len="med"/>
          </a:ln>
        </p:spPr>
      </p:cxnSp>
      <p:sp>
        <p:nvSpPr>
          <p:cNvPr id="22" name="矩形 21"/>
          <p:cNvSpPr/>
          <p:nvPr/>
        </p:nvSpPr>
        <p:spPr>
          <a:xfrm>
            <a:off x="3283878" y="2396152"/>
            <a:ext cx="1024639" cy="892552"/>
          </a:xfrm>
          <a:prstGeom prst="rect">
            <a:avLst/>
          </a:prstGeom>
          <a:noFill/>
        </p:spPr>
        <p:txBody>
          <a:bodyPr wrap="none" rtlCol="0">
            <a:spAutoFit/>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marL="171330" indent="-171330" defTabSz="1217982">
              <a:spcAft>
                <a:spcPts val="0"/>
              </a:spcAft>
              <a:buFont typeface="Arial" panose="020B0604020202020204" pitchFamily="34" charset="0"/>
              <a:buChar char="•"/>
            </a:pPr>
            <a:r>
              <a:rPr lang="zh-CN" altLang="en-US" sz="1300" dirty="0">
                <a:solidFill>
                  <a:prstClr val="black"/>
                </a:solidFill>
                <a:latin typeface="+mj-lt"/>
                <a:ea typeface="+mn-ea"/>
                <a:cs typeface="+mn-ea"/>
                <a:sym typeface="+mn-lt"/>
              </a:rPr>
              <a:t>拓扑管理</a:t>
            </a:r>
            <a:endParaRPr lang="en-US" altLang="zh-CN" sz="1300" dirty="0">
              <a:solidFill>
                <a:prstClr val="black"/>
              </a:solidFill>
              <a:latin typeface="+mj-lt"/>
              <a:ea typeface="+mn-ea"/>
              <a:cs typeface="+mn-ea"/>
              <a:sym typeface="+mn-lt"/>
            </a:endParaRPr>
          </a:p>
          <a:p>
            <a:pPr marL="171330" indent="-171330" defTabSz="1217982">
              <a:spcAft>
                <a:spcPts val="0"/>
              </a:spcAft>
              <a:buFont typeface="Arial" panose="020B0604020202020204" pitchFamily="34" charset="0"/>
              <a:buChar char="•"/>
            </a:pPr>
            <a:r>
              <a:rPr lang="zh-CN" altLang="en-US" sz="1300" dirty="0">
                <a:solidFill>
                  <a:prstClr val="black"/>
                </a:solidFill>
                <a:latin typeface="+mj-lt"/>
                <a:ea typeface="+mn-ea"/>
                <a:cs typeface="+mn-ea"/>
                <a:sym typeface="+mn-lt"/>
              </a:rPr>
              <a:t>性能管理</a:t>
            </a:r>
            <a:endParaRPr lang="en-US" altLang="zh-CN" sz="1300" dirty="0">
              <a:solidFill>
                <a:prstClr val="black"/>
              </a:solidFill>
              <a:latin typeface="+mj-lt"/>
              <a:ea typeface="+mn-ea"/>
              <a:cs typeface="+mn-ea"/>
              <a:sym typeface="+mn-lt"/>
            </a:endParaRPr>
          </a:p>
          <a:p>
            <a:pPr marL="171330" indent="-171330" defTabSz="1217982">
              <a:spcAft>
                <a:spcPts val="0"/>
              </a:spcAft>
              <a:buFont typeface="Arial" panose="020B0604020202020204" pitchFamily="34" charset="0"/>
              <a:buChar char="•"/>
            </a:pPr>
            <a:r>
              <a:rPr lang="zh-CN" altLang="en-US" sz="1300" dirty="0">
                <a:solidFill>
                  <a:prstClr val="black"/>
                </a:solidFill>
                <a:latin typeface="+mj-lt"/>
                <a:ea typeface="+mn-ea"/>
                <a:cs typeface="+mn-ea"/>
                <a:sym typeface="+mn-lt"/>
              </a:rPr>
              <a:t>告警管理</a:t>
            </a:r>
            <a:endParaRPr lang="en-US" altLang="zh-CN" sz="1300" dirty="0">
              <a:solidFill>
                <a:prstClr val="black"/>
              </a:solidFill>
              <a:latin typeface="+mj-lt"/>
              <a:ea typeface="+mn-ea"/>
              <a:cs typeface="+mn-ea"/>
              <a:sym typeface="+mn-lt"/>
            </a:endParaRPr>
          </a:p>
          <a:p>
            <a:pPr marL="171330" indent="-171330" defTabSz="1217982">
              <a:spcAft>
                <a:spcPts val="0"/>
              </a:spcAft>
              <a:buFont typeface="Arial" panose="020B0604020202020204" pitchFamily="34" charset="0"/>
              <a:buChar char="•"/>
            </a:pPr>
            <a:r>
              <a:rPr lang="zh-CN" altLang="en-US" sz="1300" dirty="0">
                <a:solidFill>
                  <a:prstClr val="black"/>
                </a:solidFill>
                <a:latin typeface="+mj-lt"/>
                <a:ea typeface="+mn-ea"/>
                <a:cs typeface="+mn-ea"/>
                <a:sym typeface="+mn-lt"/>
              </a:rPr>
              <a:t>配置管理</a:t>
            </a:r>
            <a:endParaRPr lang="en-US" altLang="zh-CN" sz="1300" dirty="0">
              <a:solidFill>
                <a:prstClr val="black"/>
              </a:solidFill>
              <a:latin typeface="+mj-lt"/>
              <a:ea typeface="+mn-ea"/>
              <a:cs typeface="+mn-ea"/>
              <a:sym typeface="+mn-lt"/>
            </a:endParaRPr>
          </a:p>
        </p:txBody>
      </p:sp>
      <p:sp>
        <p:nvSpPr>
          <p:cNvPr id="29" name="矩形 28"/>
          <p:cNvSpPr/>
          <p:nvPr/>
        </p:nvSpPr>
        <p:spPr>
          <a:xfrm>
            <a:off x="3124110" y="2119367"/>
            <a:ext cx="1261884" cy="307777"/>
          </a:xfrm>
          <a:prstGeom prst="rect">
            <a:avLst/>
          </a:prstGeom>
          <a:noFill/>
        </p:spPr>
        <p:txBody>
          <a:bodyPr wrap="none" rtlCol="0">
            <a:spAutoFit/>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217982">
              <a:spcAft>
                <a:spcPts val="0"/>
              </a:spcAft>
            </a:pPr>
            <a:r>
              <a:rPr lang="zh-CN" altLang="en-US" sz="1400" b="1" dirty="0">
                <a:solidFill>
                  <a:prstClr val="black"/>
                </a:solidFill>
                <a:latin typeface="+mj-lt"/>
                <a:ea typeface="+mn-ea"/>
                <a:cs typeface="+mn-ea"/>
                <a:sym typeface="+mn-lt"/>
              </a:rPr>
              <a:t>网络管理系统</a:t>
            </a:r>
            <a:endParaRPr lang="en-US" altLang="zh-CN" sz="1400" b="1" dirty="0">
              <a:solidFill>
                <a:prstClr val="black"/>
              </a:solidFill>
              <a:latin typeface="+mj-lt"/>
              <a:ea typeface="+mn-ea"/>
              <a:cs typeface="+mn-ea"/>
              <a:sym typeface="+mn-lt"/>
            </a:endParaRPr>
          </a:p>
        </p:txBody>
      </p:sp>
      <p:sp>
        <p:nvSpPr>
          <p:cNvPr id="30" name="矩形 29"/>
          <p:cNvSpPr/>
          <p:nvPr/>
        </p:nvSpPr>
        <p:spPr>
          <a:xfrm>
            <a:off x="6094696" y="4043537"/>
            <a:ext cx="5314076" cy="1708160"/>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217982">
              <a:lnSpc>
                <a:spcPts val="1679"/>
              </a:lnSpc>
              <a:spcAft>
                <a:spcPts val="600"/>
              </a:spcAft>
            </a:pPr>
            <a:r>
              <a:rPr lang="zh-CN" altLang="en-US" sz="1399" b="1">
                <a:solidFill>
                  <a:srgbClr val="EC7061"/>
                </a:solidFill>
                <a:latin typeface="+mj-lt"/>
                <a:ea typeface="+mn-ea"/>
                <a:cs typeface="+mn-ea"/>
                <a:sym typeface="+mn-lt"/>
              </a:rPr>
              <a:t>体验可视化：</a:t>
            </a:r>
            <a:r>
              <a:rPr lang="zh-CN" altLang="en-US" sz="1200">
                <a:solidFill>
                  <a:prstClr val="black"/>
                </a:solidFill>
                <a:latin typeface="+mj-lt"/>
                <a:ea typeface="+mn-ea"/>
                <a:cs typeface="+mn-ea"/>
                <a:sym typeface="+mn-lt"/>
              </a:rPr>
              <a:t>基于</a:t>
            </a:r>
            <a:r>
              <a:rPr lang="en-US" altLang="zh-CN" sz="1200" dirty="0">
                <a:solidFill>
                  <a:prstClr val="black"/>
                </a:solidFill>
                <a:latin typeface="+mj-lt"/>
                <a:ea typeface="+mn-ea"/>
                <a:cs typeface="+mn-ea"/>
                <a:sym typeface="+mn-lt"/>
              </a:rPr>
              <a:t>Telemetry</a:t>
            </a:r>
            <a:r>
              <a:rPr lang="zh-CN" altLang="en-US" sz="1200" dirty="0">
                <a:solidFill>
                  <a:prstClr val="black"/>
                </a:solidFill>
                <a:latin typeface="+mj-lt"/>
                <a:ea typeface="+mn-ea"/>
                <a:cs typeface="+mn-ea"/>
                <a:sym typeface="+mn-lt"/>
              </a:rPr>
              <a:t>秒级数据采集，每用户每应用每时刻体验可视</a:t>
            </a:r>
            <a:endParaRPr lang="en-US" altLang="zh-CN" sz="1200" dirty="0">
              <a:solidFill>
                <a:prstClr val="black"/>
              </a:solidFill>
              <a:latin typeface="+mj-lt"/>
              <a:ea typeface="+mn-ea"/>
              <a:cs typeface="+mn-ea"/>
              <a:sym typeface="+mn-lt"/>
            </a:endParaRPr>
          </a:p>
          <a:p>
            <a:pPr defTabSz="1217982">
              <a:lnSpc>
                <a:spcPts val="1679"/>
              </a:lnSpc>
              <a:spcAft>
                <a:spcPts val="600"/>
              </a:spcAft>
            </a:pPr>
            <a:r>
              <a:rPr lang="zh-CN" altLang="en-US" sz="1399" b="1" dirty="0">
                <a:solidFill>
                  <a:srgbClr val="EC7061"/>
                </a:solidFill>
                <a:latin typeface="+mj-lt"/>
                <a:ea typeface="+mn-ea"/>
                <a:cs typeface="+mn-ea"/>
                <a:sym typeface="+mn-lt"/>
              </a:rPr>
              <a:t>分钟级潜在故障识别和根因定位</a:t>
            </a:r>
            <a:endParaRPr lang="en-US" altLang="zh-CN" sz="1399" b="1" dirty="0">
              <a:solidFill>
                <a:srgbClr val="EC7061"/>
              </a:solidFill>
              <a:latin typeface="+mj-lt"/>
              <a:ea typeface="+mn-ea"/>
              <a:cs typeface="+mn-ea"/>
              <a:sym typeface="+mn-lt"/>
            </a:endParaRPr>
          </a:p>
          <a:p>
            <a:pPr marL="171330" indent="-171330" defTabSz="1217982">
              <a:lnSpc>
                <a:spcPts val="1679"/>
              </a:lnSpc>
              <a:spcAft>
                <a:spcPts val="600"/>
              </a:spcAft>
              <a:buFont typeface="Arial" panose="020B0604020202020204" pitchFamily="34" charset="0"/>
              <a:buChar char="•"/>
            </a:pPr>
            <a:r>
              <a:rPr lang="zh-CN" altLang="en-US" sz="1200" dirty="0">
                <a:solidFill>
                  <a:prstClr val="black"/>
                </a:solidFill>
                <a:latin typeface="+mj-lt"/>
                <a:ea typeface="+mn-ea"/>
                <a:cs typeface="+mn-ea"/>
                <a:sym typeface="+mn-lt"/>
              </a:rPr>
              <a:t>基于动态基线、大数据关联等识别潜在故障</a:t>
            </a:r>
          </a:p>
          <a:p>
            <a:pPr marL="171330" indent="-171330" defTabSz="1217982">
              <a:lnSpc>
                <a:spcPts val="1679"/>
              </a:lnSpc>
              <a:spcAft>
                <a:spcPts val="600"/>
              </a:spcAft>
              <a:buFont typeface="Arial" panose="020B0604020202020204" pitchFamily="34" charset="0"/>
              <a:buChar char="•"/>
            </a:pPr>
            <a:r>
              <a:rPr lang="en-US" altLang="zh-CN" sz="1200" dirty="0">
                <a:solidFill>
                  <a:prstClr val="black"/>
                </a:solidFill>
                <a:latin typeface="+mj-lt"/>
                <a:ea typeface="+mn-ea"/>
                <a:cs typeface="+mn-ea"/>
                <a:sym typeface="+mn-lt"/>
              </a:rPr>
              <a:t>KPI</a:t>
            </a:r>
            <a:r>
              <a:rPr lang="zh-CN" altLang="en-US" sz="1200" dirty="0">
                <a:solidFill>
                  <a:prstClr val="black"/>
                </a:solidFill>
                <a:latin typeface="+mj-lt"/>
                <a:ea typeface="+mn-ea"/>
                <a:cs typeface="+mn-ea"/>
                <a:sym typeface="+mn-lt"/>
              </a:rPr>
              <a:t>关联分析和协议回放，精准定位问题根因</a:t>
            </a:r>
            <a:endParaRPr lang="en-US" altLang="zh-CN" sz="1200" dirty="0">
              <a:solidFill>
                <a:prstClr val="black"/>
              </a:solidFill>
              <a:latin typeface="+mj-lt"/>
              <a:ea typeface="+mn-ea"/>
              <a:cs typeface="+mn-ea"/>
              <a:sym typeface="+mn-lt"/>
            </a:endParaRPr>
          </a:p>
          <a:p>
            <a:pPr defTabSz="1217982">
              <a:lnSpc>
                <a:spcPts val="1679"/>
              </a:lnSpc>
              <a:spcAft>
                <a:spcPts val="600"/>
              </a:spcAft>
            </a:pPr>
            <a:r>
              <a:rPr lang="zh-CN" altLang="en-US" sz="1399" b="1" dirty="0">
                <a:solidFill>
                  <a:srgbClr val="EC7061"/>
                </a:solidFill>
                <a:latin typeface="+mj-lt"/>
                <a:ea typeface="+mn-ea"/>
                <a:cs typeface="+mn-ea"/>
                <a:sym typeface="+mn-lt"/>
              </a:rPr>
              <a:t>网络预测性</a:t>
            </a:r>
            <a:r>
              <a:rPr lang="zh-CN" altLang="en-US" sz="1399" b="1">
                <a:solidFill>
                  <a:srgbClr val="EC7061"/>
                </a:solidFill>
                <a:latin typeface="+mj-lt"/>
                <a:ea typeface="+mn-ea"/>
                <a:cs typeface="+mn-ea"/>
                <a:sym typeface="+mn-lt"/>
              </a:rPr>
              <a:t>调优：</a:t>
            </a:r>
            <a:r>
              <a:rPr lang="zh-CN" altLang="en-US" sz="1200">
                <a:solidFill>
                  <a:prstClr val="black"/>
                </a:solidFill>
                <a:latin typeface="+mj-lt"/>
                <a:ea typeface="+mn-ea"/>
                <a:cs typeface="+mn-ea"/>
                <a:sym typeface="+mn-lt"/>
              </a:rPr>
              <a:t>通过</a:t>
            </a:r>
            <a:r>
              <a:rPr lang="en-US" altLang="zh-CN" sz="1200" dirty="0">
                <a:solidFill>
                  <a:prstClr val="black"/>
                </a:solidFill>
                <a:latin typeface="+mj-lt"/>
                <a:ea typeface="+mn-ea"/>
                <a:cs typeface="+mn-ea"/>
                <a:sym typeface="+mn-lt"/>
              </a:rPr>
              <a:t>AI </a:t>
            </a:r>
            <a:r>
              <a:rPr lang="zh-CN" altLang="en-US" sz="1200" dirty="0">
                <a:solidFill>
                  <a:prstClr val="black"/>
                </a:solidFill>
                <a:latin typeface="+mj-lt"/>
                <a:ea typeface="+mn-ea"/>
                <a:cs typeface="+mn-ea"/>
                <a:sym typeface="+mn-lt"/>
              </a:rPr>
              <a:t>智能分析</a:t>
            </a:r>
            <a:r>
              <a:rPr lang="en-US" altLang="zh-CN" sz="1200" dirty="0">
                <a:solidFill>
                  <a:prstClr val="black"/>
                </a:solidFill>
                <a:latin typeface="+mj-lt"/>
                <a:ea typeface="+mn-ea"/>
                <a:cs typeface="+mn-ea"/>
                <a:sym typeface="+mn-lt"/>
              </a:rPr>
              <a:t>AP</a:t>
            </a:r>
            <a:r>
              <a:rPr lang="zh-CN" altLang="en-US" sz="1200" dirty="0">
                <a:solidFill>
                  <a:prstClr val="black"/>
                </a:solidFill>
                <a:latin typeface="+mj-lt"/>
                <a:ea typeface="+mn-ea"/>
                <a:cs typeface="+mn-ea"/>
                <a:sym typeface="+mn-lt"/>
              </a:rPr>
              <a:t>的负载趋势，完成无线网络的预测性调</a:t>
            </a:r>
            <a:r>
              <a:rPr lang="zh-CN" altLang="en-US" sz="1200">
                <a:solidFill>
                  <a:prstClr val="black"/>
                </a:solidFill>
                <a:latin typeface="+mj-lt"/>
                <a:ea typeface="+mn-ea"/>
                <a:cs typeface="+mn-ea"/>
                <a:sym typeface="+mn-lt"/>
              </a:rPr>
              <a:t>优闭环</a:t>
            </a:r>
            <a:endParaRPr lang="en-US" altLang="zh-CN" sz="1399" b="1" dirty="0">
              <a:solidFill>
                <a:srgbClr val="C00000"/>
              </a:solidFill>
              <a:latin typeface="+mj-lt"/>
              <a:ea typeface="+mn-ea"/>
              <a:cs typeface="+mn-ea"/>
              <a:sym typeface="+mn-lt"/>
            </a:endParaRPr>
          </a:p>
        </p:txBody>
      </p:sp>
      <p:sp>
        <p:nvSpPr>
          <p:cNvPr id="31" name="矩形 30"/>
          <p:cNvSpPr/>
          <p:nvPr/>
        </p:nvSpPr>
        <p:spPr>
          <a:xfrm>
            <a:off x="487578" y="5995642"/>
            <a:ext cx="11145622" cy="372218"/>
          </a:xfrm>
          <a:prstGeom prst="rect">
            <a:avLst/>
          </a:prstGeom>
          <a:solidFill>
            <a:srgbClr val="EC7061"/>
          </a:solidFill>
        </p:spPr>
        <p:txBody>
          <a:bodyPr wrap="square">
            <a:spAutoFit/>
          </a:bodyPr>
          <a:lstStyle/>
          <a:p>
            <a:pPr defTabSz="914007">
              <a:lnSpc>
                <a:spcPct val="130000"/>
              </a:lnSpc>
            </a:pPr>
            <a:r>
              <a:rPr lang="zh-CN" altLang="en-US" sz="1399" kern="0" dirty="0">
                <a:solidFill>
                  <a:schemeClr val="bg1"/>
                </a:solidFill>
                <a:latin typeface="+mj-lt"/>
                <a:cs typeface="+mn-ea"/>
                <a:sym typeface="+mn-lt"/>
              </a:rPr>
              <a:t>利用算法提升效率，通过场景化的持续学习和专家经验，智能运维将运维人员从复杂的告警和噪声解放出来，使运维更加自动化和智能化。</a:t>
            </a:r>
            <a:endParaRPr lang="en-US" altLang="zh-CN" sz="1399" kern="0" dirty="0">
              <a:solidFill>
                <a:schemeClr val="bg1"/>
              </a:solidFill>
              <a:latin typeface="+mj-lt"/>
              <a:cs typeface="+mn-ea"/>
              <a:sym typeface="+mn-lt"/>
            </a:endParaRPr>
          </a:p>
        </p:txBody>
      </p:sp>
      <p:sp>
        <p:nvSpPr>
          <p:cNvPr id="34" name="矩形 33"/>
          <p:cNvSpPr/>
          <p:nvPr/>
        </p:nvSpPr>
        <p:spPr>
          <a:xfrm>
            <a:off x="2145337" y="2340266"/>
            <a:ext cx="902811" cy="307648"/>
          </a:xfrm>
          <a:prstGeom prst="rect">
            <a:avLst/>
          </a:prstGeom>
          <a:noFill/>
        </p:spPr>
        <p:txBody>
          <a:bodyPr wrap="none" rtlCol="0">
            <a:spAutoFit/>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217982">
              <a:spcAft>
                <a:spcPts val="0"/>
              </a:spcAft>
            </a:pPr>
            <a:r>
              <a:rPr lang="zh-CN" altLang="en-US" sz="1399" dirty="0">
                <a:solidFill>
                  <a:prstClr val="black"/>
                </a:solidFill>
                <a:latin typeface="+mj-lt"/>
                <a:ea typeface="+mn-ea"/>
                <a:cs typeface="+mn-ea"/>
                <a:sym typeface="+mn-lt"/>
              </a:rPr>
              <a:t>传统网管</a:t>
            </a:r>
            <a:endParaRPr lang="en-US" altLang="zh-CN" sz="1399" dirty="0">
              <a:solidFill>
                <a:prstClr val="black"/>
              </a:solidFill>
              <a:latin typeface="+mj-lt"/>
              <a:ea typeface="+mn-ea"/>
              <a:cs typeface="+mn-ea"/>
              <a:sym typeface="+mn-lt"/>
            </a:endParaRPr>
          </a:p>
        </p:txBody>
      </p:sp>
      <p:pic>
        <p:nvPicPr>
          <p:cNvPr id="36" name="图片 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454980" y="3841975"/>
            <a:ext cx="304815" cy="249395"/>
          </a:xfrm>
          <a:prstGeom prst="rect">
            <a:avLst/>
          </a:prstGeom>
        </p:spPr>
      </p:pic>
      <p:pic>
        <p:nvPicPr>
          <p:cNvPr id="37" name="Picture 2" descr="G:\做的项目\公共\扁平图标切换\更新2015_01_21\oss扁平图标库2015_01_21更新-04.png"/>
          <p:cNvPicPr>
            <a:picLocks noChangeAspect="1" noChangeArrowheads="1"/>
          </p:cNvPicPr>
          <p:nvPr/>
        </p:nvPicPr>
        <p:blipFill>
          <a:blip r:embed="rId4" cstate="print"/>
          <a:stretch>
            <a:fillRect/>
          </a:stretch>
        </p:blipFill>
        <p:spPr bwMode="auto">
          <a:xfrm>
            <a:off x="2567177" y="3841975"/>
            <a:ext cx="304815" cy="249395"/>
          </a:xfrm>
          <a:prstGeom prst="rect">
            <a:avLst/>
          </a:prstGeom>
          <a:noFill/>
        </p:spPr>
      </p:pic>
      <p:pic>
        <p:nvPicPr>
          <p:cNvPr id="38" name="图片 76" descr="接入交换机.png"/>
          <p:cNvPicPr>
            <a:picLocks noChangeAspect="1"/>
          </p:cNvPicPr>
          <p:nvPr/>
        </p:nvPicPr>
        <p:blipFill>
          <a:blip r:embed="rId5" cstate="print"/>
          <a:stretch>
            <a:fillRect/>
          </a:stretch>
        </p:blipFill>
        <p:spPr>
          <a:xfrm>
            <a:off x="3011078" y="3841975"/>
            <a:ext cx="304815" cy="249395"/>
          </a:xfrm>
          <a:prstGeom prst="rect">
            <a:avLst/>
          </a:prstGeom>
        </p:spPr>
      </p:pic>
      <p:pic>
        <p:nvPicPr>
          <p:cNvPr id="39" name="图片 105" descr="AP.png"/>
          <p:cNvPicPr>
            <a:picLocks noChangeAspect="1"/>
          </p:cNvPicPr>
          <p:nvPr/>
        </p:nvPicPr>
        <p:blipFill>
          <a:blip r:embed="rId6" cstate="print"/>
          <a:stretch>
            <a:fillRect/>
          </a:stretch>
        </p:blipFill>
        <p:spPr>
          <a:xfrm>
            <a:off x="1679375" y="3841975"/>
            <a:ext cx="304815" cy="249395"/>
          </a:xfrm>
          <a:prstGeom prst="rect">
            <a:avLst/>
          </a:prstGeom>
        </p:spPr>
      </p:pic>
      <p:pic>
        <p:nvPicPr>
          <p:cNvPr id="40" name="图片 102" descr="AC-蓝.png"/>
          <p:cNvPicPr>
            <a:picLocks noChangeAspect="1"/>
          </p:cNvPicPr>
          <p:nvPr/>
        </p:nvPicPr>
        <p:blipFill>
          <a:blip r:embed="rId7" cstate="print"/>
          <a:stretch>
            <a:fillRect/>
          </a:stretch>
        </p:blipFill>
        <p:spPr>
          <a:xfrm>
            <a:off x="2123276" y="3841975"/>
            <a:ext cx="304815" cy="249395"/>
          </a:xfrm>
          <a:prstGeom prst="rect">
            <a:avLst/>
          </a:prstGeom>
        </p:spPr>
      </p:pic>
      <p:grpSp>
        <p:nvGrpSpPr>
          <p:cNvPr id="48" name="组合 47"/>
          <p:cNvGrpSpPr/>
          <p:nvPr/>
        </p:nvGrpSpPr>
        <p:grpSpPr>
          <a:xfrm>
            <a:off x="6771776" y="1815234"/>
            <a:ext cx="4049685" cy="2152367"/>
            <a:chOff x="6758134" y="1815234"/>
            <a:chExt cx="4049685" cy="2152367"/>
          </a:xfrm>
        </p:grpSpPr>
        <p:sp>
          <p:nvSpPr>
            <p:cNvPr id="24" name="文本框 23"/>
            <p:cNvSpPr txBox="1"/>
            <p:nvPr/>
          </p:nvSpPr>
          <p:spPr>
            <a:xfrm>
              <a:off x="7162103" y="2698586"/>
              <a:ext cx="1620957" cy="615233"/>
            </a:xfrm>
            <a:prstGeom prst="rect">
              <a:avLst/>
            </a:prstGeom>
            <a:noFill/>
          </p:spPr>
          <p:txBody>
            <a:bodyPr wrap="none" rtlCol="0">
              <a:spAutoFit/>
            </a:bodyPr>
            <a:lstStyle/>
            <a:p>
              <a:pPr algn="r" defTabSz="1218418"/>
              <a:r>
                <a:rPr lang="en-US" altLang="zh-CN" sz="1998" b="1" dirty="0">
                  <a:solidFill>
                    <a:srgbClr val="00B050"/>
                  </a:solidFill>
                  <a:latin typeface="+mj-lt"/>
                  <a:cs typeface="+mn-ea"/>
                  <a:sym typeface="+mn-lt"/>
                </a:rPr>
                <a:t>Telemetry</a:t>
              </a:r>
            </a:p>
            <a:p>
              <a:pPr algn="r" defTabSz="1218418"/>
              <a:r>
                <a:rPr lang="zh-CN" altLang="en-US" sz="1400" dirty="0">
                  <a:solidFill>
                    <a:prstClr val="black"/>
                  </a:solidFill>
                  <a:latin typeface="+mj-lt"/>
                  <a:cs typeface="+mn-ea"/>
                  <a:sym typeface="+mn-lt"/>
                </a:rPr>
                <a:t>秒级网络数据采集</a:t>
              </a:r>
              <a:endParaRPr lang="en-US" altLang="zh-CN" sz="1600" dirty="0">
                <a:solidFill>
                  <a:prstClr val="black"/>
                </a:solidFill>
                <a:latin typeface="+mj-lt"/>
                <a:cs typeface="+mn-ea"/>
                <a:sym typeface="+mn-lt"/>
              </a:endParaRPr>
            </a:p>
          </p:txBody>
        </p:sp>
        <p:cxnSp>
          <p:nvCxnSpPr>
            <p:cNvPr id="25" name="直接箭头连接符 24"/>
            <p:cNvCxnSpPr/>
            <p:nvPr/>
          </p:nvCxnSpPr>
          <p:spPr>
            <a:xfrm>
              <a:off x="8775998" y="2526708"/>
              <a:ext cx="0" cy="798527"/>
            </a:xfrm>
            <a:prstGeom prst="straightConnector1">
              <a:avLst/>
            </a:prstGeom>
            <a:noFill/>
            <a:ln w="28575" algn="ctr">
              <a:solidFill>
                <a:srgbClr val="00B050"/>
              </a:solidFill>
              <a:round/>
              <a:headEnd type="arrow" w="med" len="med"/>
              <a:tailEnd type="none" w="med" len="med"/>
            </a:ln>
          </p:spPr>
        </p:cxnSp>
        <p:sp>
          <p:nvSpPr>
            <p:cNvPr id="26" name="矩形 25"/>
            <p:cNvSpPr/>
            <p:nvPr/>
          </p:nvSpPr>
          <p:spPr>
            <a:xfrm>
              <a:off x="9283043" y="2287552"/>
              <a:ext cx="1524776" cy="1092607"/>
            </a:xfrm>
            <a:prstGeom prst="rect">
              <a:avLst/>
            </a:prstGeom>
            <a:noFill/>
          </p:spPr>
          <p:txBody>
            <a:bodyPr wrap="none" rtlCol="0">
              <a:spAutoFit/>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marL="171330" indent="-171330" defTabSz="1217982">
                <a:spcAft>
                  <a:spcPts val="0"/>
                </a:spcAft>
                <a:buFont typeface="Arial" panose="020B0604020202020204" pitchFamily="34" charset="0"/>
                <a:buChar char="•"/>
              </a:pPr>
              <a:r>
                <a:rPr lang="zh-CN" altLang="en-US" sz="1300" dirty="0">
                  <a:solidFill>
                    <a:prstClr val="black"/>
                  </a:solidFill>
                  <a:latin typeface="+mj-lt"/>
                  <a:ea typeface="+mn-ea"/>
                  <a:cs typeface="+mn-ea"/>
                  <a:sym typeface="+mn-lt"/>
                </a:rPr>
                <a:t>体验可视化管理</a:t>
              </a:r>
              <a:endParaRPr lang="en-US" altLang="zh-CN" sz="1300" dirty="0">
                <a:solidFill>
                  <a:prstClr val="black"/>
                </a:solidFill>
                <a:latin typeface="+mj-lt"/>
                <a:ea typeface="+mn-ea"/>
                <a:cs typeface="+mn-ea"/>
                <a:sym typeface="+mn-lt"/>
              </a:endParaRPr>
            </a:p>
            <a:p>
              <a:pPr marL="171330" indent="-171330" defTabSz="1217982">
                <a:spcAft>
                  <a:spcPts val="0"/>
                </a:spcAft>
                <a:buFont typeface="Arial" panose="020B0604020202020204" pitchFamily="34" charset="0"/>
                <a:buChar char="•"/>
              </a:pPr>
              <a:r>
                <a:rPr lang="zh-CN" altLang="en-US" sz="1300" dirty="0">
                  <a:solidFill>
                    <a:prstClr val="black"/>
                  </a:solidFill>
                  <a:latin typeface="+mj-lt"/>
                  <a:ea typeface="+mn-ea"/>
                  <a:cs typeface="+mn-ea"/>
                  <a:sym typeface="+mn-lt"/>
                </a:rPr>
                <a:t>用户旅程回放</a:t>
              </a:r>
              <a:endParaRPr lang="en-US" altLang="zh-CN" sz="1300" dirty="0">
                <a:solidFill>
                  <a:prstClr val="black"/>
                </a:solidFill>
                <a:latin typeface="+mj-lt"/>
                <a:ea typeface="+mn-ea"/>
                <a:cs typeface="+mn-ea"/>
                <a:sym typeface="+mn-lt"/>
              </a:endParaRPr>
            </a:p>
            <a:p>
              <a:pPr marL="171330" indent="-171330" defTabSz="1217982">
                <a:spcAft>
                  <a:spcPts val="0"/>
                </a:spcAft>
                <a:buFont typeface="Arial" panose="020B0604020202020204" pitchFamily="34" charset="0"/>
                <a:buChar char="•"/>
              </a:pPr>
              <a:r>
                <a:rPr lang="zh-CN" altLang="en-US" sz="1300" dirty="0">
                  <a:solidFill>
                    <a:prstClr val="black"/>
                  </a:solidFill>
                  <a:latin typeface="+mj-lt"/>
                  <a:ea typeface="+mn-ea"/>
                  <a:cs typeface="+mn-ea"/>
                  <a:sym typeface="+mn-lt"/>
                </a:rPr>
                <a:t>潜在故障识别</a:t>
              </a:r>
              <a:endParaRPr lang="en-US" altLang="zh-CN" sz="1300" dirty="0">
                <a:solidFill>
                  <a:prstClr val="black"/>
                </a:solidFill>
                <a:latin typeface="+mj-lt"/>
                <a:ea typeface="+mn-ea"/>
                <a:cs typeface="+mn-ea"/>
                <a:sym typeface="+mn-lt"/>
              </a:endParaRPr>
            </a:p>
            <a:p>
              <a:pPr marL="171330" indent="-171330" defTabSz="1217982">
                <a:spcAft>
                  <a:spcPts val="0"/>
                </a:spcAft>
                <a:buFont typeface="Arial" panose="020B0604020202020204" pitchFamily="34" charset="0"/>
                <a:buChar char="•"/>
              </a:pPr>
              <a:r>
                <a:rPr lang="zh-CN" altLang="en-US" sz="1300" dirty="0">
                  <a:solidFill>
                    <a:prstClr val="black"/>
                  </a:solidFill>
                  <a:latin typeface="+mj-lt"/>
                  <a:ea typeface="+mn-ea"/>
                  <a:cs typeface="+mn-ea"/>
                  <a:sym typeface="+mn-lt"/>
                </a:rPr>
                <a:t>故障根因定位</a:t>
              </a:r>
              <a:endParaRPr lang="en-US" altLang="zh-CN" sz="1300" dirty="0">
                <a:solidFill>
                  <a:prstClr val="black"/>
                </a:solidFill>
                <a:latin typeface="+mj-lt"/>
                <a:ea typeface="+mn-ea"/>
                <a:cs typeface="+mn-ea"/>
                <a:sym typeface="+mn-lt"/>
              </a:endParaRPr>
            </a:p>
            <a:p>
              <a:pPr marL="171330" indent="-171330" defTabSz="1217982">
                <a:spcAft>
                  <a:spcPts val="0"/>
                </a:spcAft>
                <a:buFont typeface="Arial" panose="020B0604020202020204" pitchFamily="34" charset="0"/>
                <a:buChar char="•"/>
              </a:pPr>
              <a:r>
                <a:rPr lang="zh-CN" altLang="en-US" sz="1300" dirty="0">
                  <a:solidFill>
                    <a:prstClr val="black"/>
                  </a:solidFill>
                  <a:latin typeface="+mj-lt"/>
                  <a:ea typeface="+mn-ea"/>
                  <a:cs typeface="+mn-ea"/>
                  <a:sym typeface="+mn-lt"/>
                </a:rPr>
                <a:t>网络预测性调优</a:t>
              </a:r>
              <a:endParaRPr lang="en-US" altLang="zh-CN" sz="1300" dirty="0">
                <a:solidFill>
                  <a:prstClr val="black"/>
                </a:solidFill>
                <a:latin typeface="+mj-lt"/>
                <a:ea typeface="+mn-ea"/>
                <a:cs typeface="+mn-ea"/>
                <a:sym typeface="+mn-lt"/>
              </a:endParaRPr>
            </a:p>
          </p:txBody>
        </p:sp>
        <p:sp>
          <p:nvSpPr>
            <p:cNvPr id="28" name="矩形 27"/>
            <p:cNvSpPr/>
            <p:nvPr/>
          </p:nvSpPr>
          <p:spPr>
            <a:xfrm>
              <a:off x="9232295" y="2010767"/>
              <a:ext cx="1440482" cy="307577"/>
            </a:xfrm>
            <a:prstGeom prst="rect">
              <a:avLst/>
            </a:prstGeom>
            <a:noFill/>
          </p:spPr>
          <p:txBody>
            <a:bodyPr wrap="none" rtlCol="0">
              <a:spAutoFit/>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1217982">
                <a:spcAft>
                  <a:spcPts val="0"/>
                </a:spcAft>
              </a:pPr>
              <a:r>
                <a:rPr lang="zh-CN" altLang="en-US" sz="1399" b="1" dirty="0">
                  <a:solidFill>
                    <a:prstClr val="black"/>
                  </a:solidFill>
                  <a:latin typeface="+mj-lt"/>
                  <a:ea typeface="+mn-ea"/>
                  <a:cs typeface="+mn-ea"/>
                  <a:sym typeface="+mn-lt"/>
                </a:rPr>
                <a:t>网络智能分析器</a:t>
              </a:r>
              <a:endParaRPr lang="en-US" altLang="zh-CN" sz="1399" b="1" dirty="0">
                <a:solidFill>
                  <a:prstClr val="black"/>
                </a:solidFill>
                <a:latin typeface="+mj-lt"/>
                <a:ea typeface="+mn-ea"/>
                <a:cs typeface="+mn-ea"/>
                <a:sym typeface="+mn-lt"/>
              </a:endParaRPr>
            </a:p>
          </p:txBody>
        </p:sp>
        <p:pic>
          <p:nvPicPr>
            <p:cNvPr id="35" name="图片 34"/>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758134" y="1815234"/>
              <a:ext cx="2305739" cy="768580"/>
            </a:xfrm>
            <a:prstGeom prst="rect">
              <a:avLst/>
            </a:prstGeom>
          </p:spPr>
        </p:pic>
        <p:sp>
          <p:nvSpPr>
            <p:cNvPr id="9" name="矩形 8"/>
            <p:cNvSpPr/>
            <p:nvPr/>
          </p:nvSpPr>
          <p:spPr>
            <a:xfrm>
              <a:off x="7165343" y="3494543"/>
              <a:ext cx="3017751" cy="473058"/>
            </a:xfrm>
            <a:prstGeom prst="rect">
              <a:avLst/>
            </a:prstGeom>
            <a:noFill/>
            <a:ln w="12700">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418"/>
              <a:endParaRPr lang="zh-CN" altLang="en-US" sz="3199">
                <a:solidFill>
                  <a:prstClr val="white"/>
                </a:solidFill>
                <a:latin typeface="+mj-lt"/>
                <a:cs typeface="+mn-ea"/>
                <a:sym typeface="+mn-lt"/>
              </a:endParaRPr>
            </a:p>
          </p:txBody>
        </p:sp>
        <p:pic>
          <p:nvPicPr>
            <p:cNvPr id="41" name="图片 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498939" y="3606375"/>
              <a:ext cx="304815" cy="249395"/>
            </a:xfrm>
            <a:prstGeom prst="rect">
              <a:avLst/>
            </a:prstGeom>
          </p:spPr>
        </p:pic>
        <p:pic>
          <p:nvPicPr>
            <p:cNvPr id="42" name="Picture 2" descr="G:\做的项目\公共\扁平图标切换\更新2015_01_21\oss扁平图标库2015_01_21更新-04.png"/>
            <p:cNvPicPr>
              <a:picLocks noChangeAspect="1" noChangeArrowheads="1"/>
            </p:cNvPicPr>
            <p:nvPr/>
          </p:nvPicPr>
          <p:blipFill>
            <a:blip r:embed="rId4" cstate="print"/>
            <a:stretch>
              <a:fillRect/>
            </a:stretch>
          </p:blipFill>
          <p:spPr bwMode="auto">
            <a:xfrm>
              <a:off x="8611136" y="3606375"/>
              <a:ext cx="304815" cy="249395"/>
            </a:xfrm>
            <a:prstGeom prst="rect">
              <a:avLst/>
            </a:prstGeom>
            <a:noFill/>
          </p:spPr>
        </p:pic>
        <p:pic>
          <p:nvPicPr>
            <p:cNvPr id="43" name="图片 76" descr="接入交换机.png"/>
            <p:cNvPicPr>
              <a:picLocks noChangeAspect="1"/>
            </p:cNvPicPr>
            <p:nvPr/>
          </p:nvPicPr>
          <p:blipFill>
            <a:blip r:embed="rId5" cstate="print"/>
            <a:stretch>
              <a:fillRect/>
            </a:stretch>
          </p:blipFill>
          <p:spPr>
            <a:xfrm>
              <a:off x="9055037" y="3606375"/>
              <a:ext cx="304815" cy="249395"/>
            </a:xfrm>
            <a:prstGeom prst="rect">
              <a:avLst/>
            </a:prstGeom>
          </p:spPr>
        </p:pic>
        <p:pic>
          <p:nvPicPr>
            <p:cNvPr id="44" name="图片 105" descr="AP.png"/>
            <p:cNvPicPr>
              <a:picLocks noChangeAspect="1"/>
            </p:cNvPicPr>
            <p:nvPr/>
          </p:nvPicPr>
          <p:blipFill>
            <a:blip r:embed="rId6" cstate="print"/>
            <a:stretch>
              <a:fillRect/>
            </a:stretch>
          </p:blipFill>
          <p:spPr>
            <a:xfrm>
              <a:off x="7723334" y="3606375"/>
              <a:ext cx="304815" cy="249395"/>
            </a:xfrm>
            <a:prstGeom prst="rect">
              <a:avLst/>
            </a:prstGeom>
          </p:spPr>
        </p:pic>
        <p:pic>
          <p:nvPicPr>
            <p:cNvPr id="45" name="图片 102" descr="AC-蓝.png"/>
            <p:cNvPicPr>
              <a:picLocks noChangeAspect="1"/>
            </p:cNvPicPr>
            <p:nvPr/>
          </p:nvPicPr>
          <p:blipFill>
            <a:blip r:embed="rId7" cstate="print"/>
            <a:stretch>
              <a:fillRect/>
            </a:stretch>
          </p:blipFill>
          <p:spPr>
            <a:xfrm>
              <a:off x="8167235" y="3606375"/>
              <a:ext cx="304815" cy="249395"/>
            </a:xfrm>
            <a:prstGeom prst="rect">
              <a:avLst/>
            </a:prstGeom>
          </p:spPr>
        </p:pic>
      </p:grpSp>
      <p:sp>
        <p:nvSpPr>
          <p:cNvPr id="46" name="燕尾形 25">
            <a:extLst>
              <a:ext uri="{FF2B5EF4-FFF2-40B4-BE49-F238E27FC236}">
                <a16:creationId xmlns:a16="http://schemas.microsoft.com/office/drawing/2014/main" xmlns="" id="{109FF346-0E2A-407F-8977-CFEBBD0D1BB9}"/>
              </a:ext>
            </a:extLst>
          </p:cNvPr>
          <p:cNvSpPr/>
          <p:nvPr/>
        </p:nvSpPr>
        <p:spPr bwMode="auto">
          <a:xfrm>
            <a:off x="10187647" y="124239"/>
            <a:ext cx="888968" cy="21312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kern="0"/>
              <a:t>数据中心</a:t>
            </a:r>
            <a:endParaRPr lang="en-US" altLang="zh-CN" sz="1200" kern="0"/>
          </a:p>
        </p:txBody>
      </p:sp>
      <p:sp>
        <p:nvSpPr>
          <p:cNvPr id="47" name="燕尾形 26">
            <a:extLst>
              <a:ext uri="{FF2B5EF4-FFF2-40B4-BE49-F238E27FC236}">
                <a16:creationId xmlns:a16="http://schemas.microsoft.com/office/drawing/2014/main" xmlns="" id="{8E5CB3FC-2478-4DD2-B3B9-441007C619A0}"/>
              </a:ext>
            </a:extLst>
          </p:cNvPr>
          <p:cNvSpPr/>
          <p:nvPr/>
        </p:nvSpPr>
        <p:spPr bwMode="auto">
          <a:xfrm>
            <a:off x="10996392" y="124239"/>
            <a:ext cx="888968" cy="21312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zh-CN" altLang="en-US" sz="1200" b="1" kern="0">
                <a:solidFill>
                  <a:srgbClr val="FFFFFF"/>
                </a:solidFill>
              </a:rPr>
              <a:t>企业园区</a:t>
            </a:r>
            <a:endParaRPr lang="en-US" altLang="zh-CN" sz="1200" b="1" kern="0">
              <a:solidFill>
                <a:srgbClr val="FFFFFF"/>
              </a:solidFill>
            </a:endParaRPr>
          </a:p>
        </p:txBody>
      </p:sp>
    </p:spTree>
    <p:extLst>
      <p:ext uri="{BB962C8B-B14F-4D97-AF65-F5344CB8AC3E}">
        <p14:creationId xmlns:p14="http://schemas.microsoft.com/office/powerpoint/2010/main" val="347292443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en-US" altLang="zh-CN">
                <a:solidFill>
                  <a:schemeClr val="bg1">
                    <a:lumMod val="50000"/>
                  </a:schemeClr>
                </a:solidFill>
              </a:rPr>
              <a:t>SDN</a:t>
            </a:r>
            <a:r>
              <a:rPr lang="zh-CN" altLang="en-US">
                <a:solidFill>
                  <a:schemeClr val="bg1">
                    <a:lumMod val="50000"/>
                  </a:schemeClr>
                </a:solidFill>
              </a:rPr>
              <a:t>概述</a:t>
            </a:r>
            <a:endParaRPr lang="en-US" altLang="zh-CN">
              <a:solidFill>
                <a:schemeClr val="bg1">
                  <a:lumMod val="50000"/>
                </a:schemeClr>
              </a:solidFill>
            </a:endParaRPr>
          </a:p>
          <a:p>
            <a:r>
              <a:rPr lang="en-US" altLang="zh-CN" b="1"/>
              <a:t>NFV</a:t>
            </a:r>
            <a:r>
              <a:rPr lang="zh-CN" altLang="en-US" b="1"/>
              <a:t>概述</a:t>
            </a:r>
          </a:p>
        </p:txBody>
      </p:sp>
    </p:spTree>
    <p:extLst>
      <p:ext uri="{BB962C8B-B14F-4D97-AF65-F5344CB8AC3E}">
        <p14:creationId xmlns:p14="http://schemas.microsoft.com/office/powerpoint/2010/main" val="401511273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986891C5-FFDD-457B-BA7D-FD5D1FAEE593}"/>
              </a:ext>
            </a:extLst>
          </p:cNvPr>
          <p:cNvSpPr>
            <a:spLocks noGrp="1"/>
          </p:cNvSpPr>
          <p:nvPr>
            <p:ph type="title"/>
          </p:nvPr>
        </p:nvSpPr>
        <p:spPr/>
        <p:txBody>
          <a:bodyPr/>
          <a:lstStyle/>
          <a:p>
            <a:r>
              <a:rPr lang="en-US" altLang="zh-CN"/>
              <a:t>NFV</a:t>
            </a:r>
            <a:r>
              <a:rPr lang="zh-CN" altLang="en-US"/>
              <a:t>的背景：同样来自</a:t>
            </a:r>
            <a:r>
              <a:rPr lang="en-US" altLang="zh-CN"/>
              <a:t>IT</a:t>
            </a:r>
            <a:r>
              <a:rPr lang="zh-CN" altLang="en-US"/>
              <a:t>行业变革的启示</a:t>
            </a:r>
          </a:p>
        </p:txBody>
      </p:sp>
      <p:sp>
        <p:nvSpPr>
          <p:cNvPr id="3" name="Content Placeholder 2">
            <a:extLst>
              <a:ext uri="{FF2B5EF4-FFF2-40B4-BE49-F238E27FC236}">
                <a16:creationId xmlns:a16="http://schemas.microsoft.com/office/drawing/2014/main" xmlns="" id="{15AE9E1F-51F0-48D8-ACE7-CD5793FA2297}"/>
              </a:ext>
            </a:extLst>
          </p:cNvPr>
          <p:cNvSpPr txBox="1">
            <a:spLocks/>
          </p:cNvSpPr>
          <p:nvPr/>
        </p:nvSpPr>
        <p:spPr>
          <a:xfrm>
            <a:off x="446088" y="1233487"/>
            <a:ext cx="11299825" cy="1087681"/>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sz="1900" dirty="0"/>
              <a:t>来自</a:t>
            </a:r>
            <a:r>
              <a:rPr lang="en-US" altLang="zh-CN" sz="1900" dirty="0"/>
              <a:t>IT</a:t>
            </a:r>
            <a:r>
              <a:rPr lang="zh-CN" altLang="en-US" sz="1900" dirty="0"/>
              <a:t>界的启示，给网络产业带来了</a:t>
            </a:r>
            <a:r>
              <a:rPr lang="zh-CN" altLang="en-US" sz="1900" dirty="0">
                <a:solidFill>
                  <a:srgbClr val="EC7061"/>
                </a:solidFill>
              </a:rPr>
              <a:t>网络架构</a:t>
            </a:r>
            <a:r>
              <a:rPr lang="zh-CN" altLang="en-US" sz="1900" dirty="0"/>
              <a:t>和</a:t>
            </a:r>
            <a:r>
              <a:rPr lang="zh-CN" altLang="en-US" sz="1900" dirty="0">
                <a:solidFill>
                  <a:srgbClr val="EC7061"/>
                </a:solidFill>
              </a:rPr>
              <a:t>设备架构</a:t>
            </a:r>
            <a:r>
              <a:rPr lang="zh-CN" altLang="en-US" sz="1900" dirty="0"/>
              <a:t>两个层面的思考。网络架构层面引入对</a:t>
            </a:r>
            <a:r>
              <a:rPr lang="en-US" altLang="zh-CN" sz="1900" dirty="0"/>
              <a:t>SDN</a:t>
            </a:r>
            <a:r>
              <a:rPr lang="zh-CN" altLang="en-US" sz="1900" dirty="0"/>
              <a:t>控制器的思考，设备架构层面引入对设备部署形态的思考。</a:t>
            </a:r>
          </a:p>
        </p:txBody>
      </p:sp>
      <p:sp>
        <p:nvSpPr>
          <p:cNvPr id="225" name="Freeform 159">
            <a:extLst>
              <a:ext uri="{FF2B5EF4-FFF2-40B4-BE49-F238E27FC236}">
                <a16:creationId xmlns:a16="http://schemas.microsoft.com/office/drawing/2014/main" xmlns="" id="{0410E249-8996-4EAC-8DAA-5CACD9C691E2}"/>
              </a:ext>
            </a:extLst>
          </p:cNvPr>
          <p:cNvSpPr/>
          <p:nvPr/>
        </p:nvSpPr>
        <p:spPr>
          <a:xfrm flipH="1">
            <a:off x="4143513" y="5114050"/>
            <a:ext cx="1362624" cy="712283"/>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noFill/>
          <a:ln w="28575">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sz="1400"/>
          </a:p>
        </p:txBody>
      </p:sp>
      <p:sp>
        <p:nvSpPr>
          <p:cNvPr id="227" name="矩形 226">
            <a:extLst>
              <a:ext uri="{FF2B5EF4-FFF2-40B4-BE49-F238E27FC236}">
                <a16:creationId xmlns:a16="http://schemas.microsoft.com/office/drawing/2014/main" xmlns="" id="{FA7CE830-7275-44AC-AA24-EE6B612B540B}"/>
              </a:ext>
            </a:extLst>
          </p:cNvPr>
          <p:cNvSpPr/>
          <p:nvPr/>
        </p:nvSpPr>
        <p:spPr bwMode="auto">
          <a:xfrm>
            <a:off x="937448" y="4277812"/>
            <a:ext cx="1122098" cy="475310"/>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zh-CN" sz="1600" kern="0" dirty="0">
                <a:solidFill>
                  <a:srgbClr val="1D1D1A"/>
                </a:solidFill>
                <a:latin typeface="Huawei Sans" panose="020C0503030203020204" pitchFamily="34" charset="0"/>
                <a:ea typeface="方正兰亭黑简体" panose="02000000000000000000" pitchFamily="2" charset="-122"/>
              </a:rPr>
              <a:t>APP</a:t>
            </a:r>
            <a:endParaRPr lang="zh-CN" alt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228" name="Rectangle 8">
            <a:extLst>
              <a:ext uri="{FF2B5EF4-FFF2-40B4-BE49-F238E27FC236}">
                <a16:creationId xmlns:a16="http://schemas.microsoft.com/office/drawing/2014/main" xmlns="" id="{1C60ADBF-9D87-439A-BF04-EF45194C70AF}"/>
              </a:ext>
            </a:extLst>
          </p:cNvPr>
          <p:cNvSpPr>
            <a:spLocks noChangeArrowheads="1"/>
          </p:cNvSpPr>
          <p:nvPr/>
        </p:nvSpPr>
        <p:spPr bwMode="auto">
          <a:xfrm>
            <a:off x="937448" y="4800014"/>
            <a:ext cx="1131504" cy="475310"/>
          </a:xfrm>
          <a:prstGeom prst="rect">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zh-CN" sz="1600" kern="0">
                <a:solidFill>
                  <a:srgbClr val="1D1D1A"/>
                </a:solidFill>
                <a:latin typeface="Huawei Sans" panose="020C0503030203020204" pitchFamily="34" charset="0"/>
                <a:ea typeface="方正兰亭黑简体" panose="02000000000000000000" pitchFamily="2" charset="-122"/>
              </a:rPr>
              <a:t>OS</a:t>
            </a:r>
            <a:endParaRPr lang="zh-CN" altLang="en-US" sz="1600" kern="0">
              <a:solidFill>
                <a:srgbClr val="1D1D1A"/>
              </a:solidFill>
              <a:latin typeface="Huawei Sans" panose="020C0503030203020204" pitchFamily="34" charset="0"/>
              <a:ea typeface="方正兰亭黑简体" panose="02000000000000000000" pitchFamily="2" charset="-122"/>
            </a:endParaRPr>
          </a:p>
        </p:txBody>
      </p:sp>
      <p:grpSp>
        <p:nvGrpSpPr>
          <p:cNvPr id="230" name="组合 18397">
            <a:extLst>
              <a:ext uri="{FF2B5EF4-FFF2-40B4-BE49-F238E27FC236}">
                <a16:creationId xmlns:a16="http://schemas.microsoft.com/office/drawing/2014/main" xmlns="" id="{CFCDC20E-E498-4466-B050-F8BA3BB892A6}"/>
              </a:ext>
            </a:extLst>
          </p:cNvPr>
          <p:cNvGrpSpPr/>
          <p:nvPr/>
        </p:nvGrpSpPr>
        <p:grpSpPr>
          <a:xfrm>
            <a:off x="878181" y="5364629"/>
            <a:ext cx="1264077" cy="252816"/>
            <a:chOff x="2449513" y="1096964"/>
            <a:chExt cx="650875" cy="130175"/>
          </a:xfrm>
          <a:solidFill>
            <a:srgbClr val="00B0F0"/>
          </a:solidFill>
        </p:grpSpPr>
        <p:sp>
          <p:nvSpPr>
            <p:cNvPr id="231" name="Freeform 204">
              <a:extLst>
                <a:ext uri="{FF2B5EF4-FFF2-40B4-BE49-F238E27FC236}">
                  <a16:creationId xmlns:a16="http://schemas.microsoft.com/office/drawing/2014/main" xmlns="" id="{237A7770-84E4-4EA7-B199-91161BC5047D}"/>
                </a:ext>
              </a:extLst>
            </p:cNvPr>
            <p:cNvSpPr>
              <a:spLocks/>
            </p:cNvSpPr>
            <p:nvPr/>
          </p:nvSpPr>
          <p:spPr bwMode="auto">
            <a:xfrm>
              <a:off x="2449513" y="1096964"/>
              <a:ext cx="79375" cy="117475"/>
            </a:xfrm>
            <a:custGeom>
              <a:avLst/>
              <a:gdLst>
                <a:gd name="T0" fmla="*/ 84 w 94"/>
                <a:gd name="T1" fmla="*/ 137 h 137"/>
                <a:gd name="T2" fmla="*/ 84 w 94"/>
                <a:gd name="T3" fmla="*/ 137 h 137"/>
                <a:gd name="T4" fmla="*/ 21 w 94"/>
                <a:gd name="T5" fmla="*/ 137 h 137"/>
                <a:gd name="T6" fmla="*/ 0 w 94"/>
                <a:gd name="T7" fmla="*/ 116 h 137"/>
                <a:gd name="T8" fmla="*/ 0 w 94"/>
                <a:gd name="T9" fmla="*/ 21 h 137"/>
                <a:gd name="T10" fmla="*/ 21 w 94"/>
                <a:gd name="T11" fmla="*/ 0 h 137"/>
                <a:gd name="T12" fmla="*/ 84 w 94"/>
                <a:gd name="T13" fmla="*/ 0 h 137"/>
                <a:gd name="T14" fmla="*/ 94 w 94"/>
                <a:gd name="T15" fmla="*/ 10 h 137"/>
                <a:gd name="T16" fmla="*/ 84 w 94"/>
                <a:gd name="T17" fmla="*/ 20 h 137"/>
                <a:gd name="T18" fmla="*/ 21 w 94"/>
                <a:gd name="T19" fmla="*/ 20 h 137"/>
                <a:gd name="T20" fmla="*/ 20 w 94"/>
                <a:gd name="T21" fmla="*/ 21 h 137"/>
                <a:gd name="T22" fmla="*/ 20 w 94"/>
                <a:gd name="T23" fmla="*/ 116 h 137"/>
                <a:gd name="T24" fmla="*/ 21 w 94"/>
                <a:gd name="T25" fmla="*/ 117 h 137"/>
                <a:gd name="T26" fmla="*/ 84 w 94"/>
                <a:gd name="T27" fmla="*/ 117 h 137"/>
                <a:gd name="T28" fmla="*/ 94 w 94"/>
                <a:gd name="T29" fmla="*/ 127 h 137"/>
                <a:gd name="T30" fmla="*/ 84 w 94"/>
                <a:gd name="T31" fmla="*/ 137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94" h="137">
                  <a:moveTo>
                    <a:pt x="84" y="137"/>
                  </a:moveTo>
                  <a:lnTo>
                    <a:pt x="84" y="137"/>
                  </a:lnTo>
                  <a:lnTo>
                    <a:pt x="21" y="137"/>
                  </a:lnTo>
                  <a:cubicBezTo>
                    <a:pt x="10" y="137"/>
                    <a:pt x="0" y="127"/>
                    <a:pt x="0" y="116"/>
                  </a:cubicBezTo>
                  <a:lnTo>
                    <a:pt x="0" y="21"/>
                  </a:lnTo>
                  <a:cubicBezTo>
                    <a:pt x="0" y="10"/>
                    <a:pt x="10" y="0"/>
                    <a:pt x="21" y="0"/>
                  </a:cubicBezTo>
                  <a:lnTo>
                    <a:pt x="84" y="0"/>
                  </a:lnTo>
                  <a:cubicBezTo>
                    <a:pt x="90" y="0"/>
                    <a:pt x="94" y="5"/>
                    <a:pt x="94" y="10"/>
                  </a:cubicBezTo>
                  <a:cubicBezTo>
                    <a:pt x="94" y="15"/>
                    <a:pt x="90" y="20"/>
                    <a:pt x="84" y="20"/>
                  </a:cubicBezTo>
                  <a:lnTo>
                    <a:pt x="21" y="20"/>
                  </a:lnTo>
                  <a:cubicBezTo>
                    <a:pt x="21" y="20"/>
                    <a:pt x="20" y="20"/>
                    <a:pt x="20" y="21"/>
                  </a:cubicBezTo>
                  <a:lnTo>
                    <a:pt x="20" y="116"/>
                  </a:lnTo>
                  <a:cubicBezTo>
                    <a:pt x="20" y="116"/>
                    <a:pt x="21" y="117"/>
                    <a:pt x="21" y="117"/>
                  </a:cubicBezTo>
                  <a:lnTo>
                    <a:pt x="84" y="117"/>
                  </a:lnTo>
                  <a:cubicBezTo>
                    <a:pt x="90" y="117"/>
                    <a:pt x="94" y="121"/>
                    <a:pt x="94" y="127"/>
                  </a:cubicBezTo>
                  <a:cubicBezTo>
                    <a:pt x="94" y="132"/>
                    <a:pt x="90" y="137"/>
                    <a:pt x="84" y="137"/>
                  </a:cubicBezTo>
                  <a:close/>
                </a:path>
              </a:pathLst>
            </a:custGeom>
            <a:grpFill/>
            <a:ln w="0">
              <a:noFill/>
              <a:prstDash val="solid"/>
              <a:round/>
              <a:headEnd/>
              <a:tailEnd/>
            </a:ln>
          </p:spPr>
          <p:txBody>
            <a:bodyPr/>
            <a:lstStyle/>
            <a:p>
              <a:pPr defTabSz="543689">
                <a:defRPr/>
              </a:pPr>
              <a:endParaRPr lang="zh-CN" altLang="en-US" sz="1400"/>
            </a:p>
          </p:txBody>
        </p:sp>
        <p:sp>
          <p:nvSpPr>
            <p:cNvPr id="232" name="Freeform 205">
              <a:extLst>
                <a:ext uri="{FF2B5EF4-FFF2-40B4-BE49-F238E27FC236}">
                  <a16:creationId xmlns:a16="http://schemas.microsoft.com/office/drawing/2014/main" xmlns="" id="{E493986E-8E4F-4DCA-B877-358EBC74E824}"/>
                </a:ext>
              </a:extLst>
            </p:cNvPr>
            <p:cNvSpPr>
              <a:spLocks/>
            </p:cNvSpPr>
            <p:nvPr/>
          </p:nvSpPr>
          <p:spPr bwMode="auto">
            <a:xfrm>
              <a:off x="3005138" y="1096964"/>
              <a:ext cx="95250" cy="117475"/>
            </a:xfrm>
            <a:custGeom>
              <a:avLst/>
              <a:gdLst>
                <a:gd name="T0" fmla="*/ 91 w 112"/>
                <a:gd name="T1" fmla="*/ 137 h 137"/>
                <a:gd name="T2" fmla="*/ 91 w 112"/>
                <a:gd name="T3" fmla="*/ 137 h 137"/>
                <a:gd name="T4" fmla="*/ 10 w 112"/>
                <a:gd name="T5" fmla="*/ 137 h 137"/>
                <a:gd name="T6" fmla="*/ 0 w 112"/>
                <a:gd name="T7" fmla="*/ 127 h 137"/>
                <a:gd name="T8" fmla="*/ 10 w 112"/>
                <a:gd name="T9" fmla="*/ 117 h 137"/>
                <a:gd name="T10" fmla="*/ 91 w 112"/>
                <a:gd name="T11" fmla="*/ 117 h 137"/>
                <a:gd name="T12" fmla="*/ 92 w 112"/>
                <a:gd name="T13" fmla="*/ 116 h 137"/>
                <a:gd name="T14" fmla="*/ 92 w 112"/>
                <a:gd name="T15" fmla="*/ 21 h 137"/>
                <a:gd name="T16" fmla="*/ 91 w 112"/>
                <a:gd name="T17" fmla="*/ 20 h 137"/>
                <a:gd name="T18" fmla="*/ 17 w 112"/>
                <a:gd name="T19" fmla="*/ 20 h 137"/>
                <a:gd name="T20" fmla="*/ 7 w 112"/>
                <a:gd name="T21" fmla="*/ 10 h 137"/>
                <a:gd name="T22" fmla="*/ 17 w 112"/>
                <a:gd name="T23" fmla="*/ 0 h 137"/>
                <a:gd name="T24" fmla="*/ 91 w 112"/>
                <a:gd name="T25" fmla="*/ 0 h 137"/>
                <a:gd name="T26" fmla="*/ 112 w 112"/>
                <a:gd name="T27" fmla="*/ 21 h 137"/>
                <a:gd name="T28" fmla="*/ 112 w 112"/>
                <a:gd name="T29" fmla="*/ 116 h 137"/>
                <a:gd name="T30" fmla="*/ 91 w 112"/>
                <a:gd name="T31" fmla="*/ 137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2" h="137">
                  <a:moveTo>
                    <a:pt x="91" y="137"/>
                  </a:moveTo>
                  <a:lnTo>
                    <a:pt x="91" y="137"/>
                  </a:lnTo>
                  <a:lnTo>
                    <a:pt x="10" y="137"/>
                  </a:lnTo>
                  <a:cubicBezTo>
                    <a:pt x="4" y="137"/>
                    <a:pt x="0" y="132"/>
                    <a:pt x="0" y="127"/>
                  </a:cubicBezTo>
                  <a:cubicBezTo>
                    <a:pt x="0" y="121"/>
                    <a:pt x="4" y="117"/>
                    <a:pt x="10" y="117"/>
                  </a:cubicBezTo>
                  <a:lnTo>
                    <a:pt x="91" y="117"/>
                  </a:lnTo>
                  <a:cubicBezTo>
                    <a:pt x="92" y="117"/>
                    <a:pt x="92" y="116"/>
                    <a:pt x="92" y="116"/>
                  </a:cubicBezTo>
                  <a:lnTo>
                    <a:pt x="92" y="21"/>
                  </a:lnTo>
                  <a:cubicBezTo>
                    <a:pt x="92" y="20"/>
                    <a:pt x="92" y="20"/>
                    <a:pt x="91" y="20"/>
                  </a:cubicBezTo>
                  <a:lnTo>
                    <a:pt x="17" y="20"/>
                  </a:lnTo>
                  <a:cubicBezTo>
                    <a:pt x="11" y="20"/>
                    <a:pt x="7" y="15"/>
                    <a:pt x="7" y="10"/>
                  </a:cubicBezTo>
                  <a:cubicBezTo>
                    <a:pt x="7" y="5"/>
                    <a:pt x="11" y="0"/>
                    <a:pt x="17" y="0"/>
                  </a:cubicBezTo>
                  <a:lnTo>
                    <a:pt x="91" y="0"/>
                  </a:lnTo>
                  <a:cubicBezTo>
                    <a:pt x="102" y="0"/>
                    <a:pt x="112" y="10"/>
                    <a:pt x="112" y="21"/>
                  </a:cubicBezTo>
                  <a:lnTo>
                    <a:pt x="112" y="116"/>
                  </a:lnTo>
                  <a:cubicBezTo>
                    <a:pt x="112" y="127"/>
                    <a:pt x="102" y="137"/>
                    <a:pt x="91" y="137"/>
                  </a:cubicBezTo>
                  <a:close/>
                </a:path>
              </a:pathLst>
            </a:custGeom>
            <a:grpFill/>
            <a:ln w="0">
              <a:noFill/>
              <a:prstDash val="solid"/>
              <a:round/>
              <a:headEnd/>
              <a:tailEnd/>
            </a:ln>
          </p:spPr>
          <p:txBody>
            <a:bodyPr/>
            <a:lstStyle/>
            <a:p>
              <a:pPr defTabSz="543689">
                <a:defRPr/>
              </a:pPr>
              <a:endParaRPr lang="zh-CN" altLang="en-US" sz="1400"/>
            </a:p>
          </p:txBody>
        </p:sp>
        <p:sp>
          <p:nvSpPr>
            <p:cNvPr id="233" name="Freeform 206">
              <a:extLst>
                <a:ext uri="{FF2B5EF4-FFF2-40B4-BE49-F238E27FC236}">
                  <a16:creationId xmlns:a16="http://schemas.microsoft.com/office/drawing/2014/main" xmlns="" id="{A16F9DCB-27A5-4407-8DD8-E0743B9E9C54}"/>
                </a:ext>
              </a:extLst>
            </p:cNvPr>
            <p:cNvSpPr>
              <a:spLocks/>
            </p:cNvSpPr>
            <p:nvPr/>
          </p:nvSpPr>
          <p:spPr bwMode="auto">
            <a:xfrm>
              <a:off x="2944813" y="1196976"/>
              <a:ext cx="93663" cy="17463"/>
            </a:xfrm>
            <a:custGeom>
              <a:avLst/>
              <a:gdLst>
                <a:gd name="T0" fmla="*/ 99 w 109"/>
                <a:gd name="T1" fmla="*/ 20 h 20"/>
                <a:gd name="T2" fmla="*/ 99 w 109"/>
                <a:gd name="T3" fmla="*/ 20 h 20"/>
                <a:gd name="T4" fmla="*/ 10 w 109"/>
                <a:gd name="T5" fmla="*/ 20 h 20"/>
                <a:gd name="T6" fmla="*/ 0 w 109"/>
                <a:gd name="T7" fmla="*/ 10 h 20"/>
                <a:gd name="T8" fmla="*/ 10 w 109"/>
                <a:gd name="T9" fmla="*/ 0 h 20"/>
                <a:gd name="T10" fmla="*/ 99 w 109"/>
                <a:gd name="T11" fmla="*/ 0 h 20"/>
                <a:gd name="T12" fmla="*/ 109 w 109"/>
                <a:gd name="T13" fmla="*/ 10 h 20"/>
                <a:gd name="T14" fmla="*/ 99 w 109"/>
                <a:gd name="T15" fmla="*/ 20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9" h="20">
                  <a:moveTo>
                    <a:pt x="99" y="20"/>
                  </a:moveTo>
                  <a:lnTo>
                    <a:pt x="99" y="20"/>
                  </a:lnTo>
                  <a:lnTo>
                    <a:pt x="10" y="20"/>
                  </a:lnTo>
                  <a:cubicBezTo>
                    <a:pt x="4" y="20"/>
                    <a:pt x="0" y="15"/>
                    <a:pt x="0" y="10"/>
                  </a:cubicBezTo>
                  <a:cubicBezTo>
                    <a:pt x="0" y="4"/>
                    <a:pt x="4" y="0"/>
                    <a:pt x="10" y="0"/>
                  </a:cubicBezTo>
                  <a:lnTo>
                    <a:pt x="99" y="0"/>
                  </a:lnTo>
                  <a:cubicBezTo>
                    <a:pt x="104" y="0"/>
                    <a:pt x="109" y="4"/>
                    <a:pt x="109" y="10"/>
                  </a:cubicBezTo>
                  <a:cubicBezTo>
                    <a:pt x="109" y="15"/>
                    <a:pt x="104" y="20"/>
                    <a:pt x="99" y="20"/>
                  </a:cubicBezTo>
                  <a:close/>
                </a:path>
              </a:pathLst>
            </a:custGeom>
            <a:grpFill/>
            <a:ln w="0">
              <a:noFill/>
              <a:prstDash val="solid"/>
              <a:round/>
              <a:headEnd/>
              <a:tailEnd/>
            </a:ln>
          </p:spPr>
          <p:txBody>
            <a:bodyPr/>
            <a:lstStyle/>
            <a:p>
              <a:pPr defTabSz="543689">
                <a:defRPr/>
              </a:pPr>
              <a:endParaRPr lang="zh-CN" altLang="en-US" sz="1400"/>
            </a:p>
          </p:txBody>
        </p:sp>
        <p:sp>
          <p:nvSpPr>
            <p:cNvPr id="234" name="Freeform 207">
              <a:extLst>
                <a:ext uri="{FF2B5EF4-FFF2-40B4-BE49-F238E27FC236}">
                  <a16:creationId xmlns:a16="http://schemas.microsoft.com/office/drawing/2014/main" xmlns="" id="{3758A667-045B-4C2E-9B7B-10A590C15772}"/>
                </a:ext>
              </a:extLst>
            </p:cNvPr>
            <p:cNvSpPr>
              <a:spLocks/>
            </p:cNvSpPr>
            <p:nvPr/>
          </p:nvSpPr>
          <p:spPr bwMode="auto">
            <a:xfrm>
              <a:off x="2513013" y="1096964"/>
              <a:ext cx="525463" cy="17463"/>
            </a:xfrm>
            <a:custGeom>
              <a:avLst/>
              <a:gdLst>
                <a:gd name="T0" fmla="*/ 608 w 618"/>
                <a:gd name="T1" fmla="*/ 20 h 20"/>
                <a:gd name="T2" fmla="*/ 608 w 618"/>
                <a:gd name="T3" fmla="*/ 20 h 20"/>
                <a:gd name="T4" fmla="*/ 10 w 618"/>
                <a:gd name="T5" fmla="*/ 20 h 20"/>
                <a:gd name="T6" fmla="*/ 0 w 618"/>
                <a:gd name="T7" fmla="*/ 10 h 20"/>
                <a:gd name="T8" fmla="*/ 10 w 618"/>
                <a:gd name="T9" fmla="*/ 0 h 20"/>
                <a:gd name="T10" fmla="*/ 608 w 618"/>
                <a:gd name="T11" fmla="*/ 0 h 20"/>
                <a:gd name="T12" fmla="*/ 618 w 618"/>
                <a:gd name="T13" fmla="*/ 10 h 20"/>
                <a:gd name="T14" fmla="*/ 608 w 618"/>
                <a:gd name="T15" fmla="*/ 20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18" h="20">
                  <a:moveTo>
                    <a:pt x="608" y="20"/>
                  </a:moveTo>
                  <a:lnTo>
                    <a:pt x="608" y="20"/>
                  </a:lnTo>
                  <a:lnTo>
                    <a:pt x="10" y="20"/>
                  </a:lnTo>
                  <a:cubicBezTo>
                    <a:pt x="5" y="20"/>
                    <a:pt x="0" y="15"/>
                    <a:pt x="0" y="10"/>
                  </a:cubicBezTo>
                  <a:cubicBezTo>
                    <a:pt x="0" y="5"/>
                    <a:pt x="5" y="0"/>
                    <a:pt x="10" y="0"/>
                  </a:cubicBezTo>
                  <a:lnTo>
                    <a:pt x="608" y="0"/>
                  </a:lnTo>
                  <a:cubicBezTo>
                    <a:pt x="613" y="0"/>
                    <a:pt x="618" y="5"/>
                    <a:pt x="618" y="10"/>
                  </a:cubicBezTo>
                  <a:cubicBezTo>
                    <a:pt x="618" y="15"/>
                    <a:pt x="613" y="20"/>
                    <a:pt x="608" y="20"/>
                  </a:cubicBezTo>
                  <a:close/>
                </a:path>
              </a:pathLst>
            </a:custGeom>
            <a:grpFill/>
            <a:ln w="0">
              <a:noFill/>
              <a:prstDash val="solid"/>
              <a:round/>
              <a:headEnd/>
              <a:tailEnd/>
            </a:ln>
          </p:spPr>
          <p:txBody>
            <a:bodyPr/>
            <a:lstStyle/>
            <a:p>
              <a:pPr defTabSz="543689">
                <a:defRPr/>
              </a:pPr>
              <a:endParaRPr lang="zh-CN" altLang="en-US" sz="1400"/>
            </a:p>
          </p:txBody>
        </p:sp>
        <p:sp>
          <p:nvSpPr>
            <p:cNvPr id="235" name="Freeform 208">
              <a:extLst>
                <a:ext uri="{FF2B5EF4-FFF2-40B4-BE49-F238E27FC236}">
                  <a16:creationId xmlns:a16="http://schemas.microsoft.com/office/drawing/2014/main" xmlns="" id="{986AF384-F3C5-4B80-8412-25719353E669}"/>
                </a:ext>
              </a:extLst>
            </p:cNvPr>
            <p:cNvSpPr>
              <a:spLocks/>
            </p:cNvSpPr>
            <p:nvPr/>
          </p:nvSpPr>
          <p:spPr bwMode="auto">
            <a:xfrm>
              <a:off x="2513013" y="1196976"/>
              <a:ext cx="381000" cy="17463"/>
            </a:xfrm>
            <a:custGeom>
              <a:avLst/>
              <a:gdLst>
                <a:gd name="T0" fmla="*/ 439 w 449"/>
                <a:gd name="T1" fmla="*/ 20 h 20"/>
                <a:gd name="T2" fmla="*/ 439 w 449"/>
                <a:gd name="T3" fmla="*/ 20 h 20"/>
                <a:gd name="T4" fmla="*/ 10 w 449"/>
                <a:gd name="T5" fmla="*/ 20 h 20"/>
                <a:gd name="T6" fmla="*/ 0 w 449"/>
                <a:gd name="T7" fmla="*/ 10 h 20"/>
                <a:gd name="T8" fmla="*/ 10 w 449"/>
                <a:gd name="T9" fmla="*/ 0 h 20"/>
                <a:gd name="T10" fmla="*/ 439 w 449"/>
                <a:gd name="T11" fmla="*/ 0 h 20"/>
                <a:gd name="T12" fmla="*/ 449 w 449"/>
                <a:gd name="T13" fmla="*/ 10 h 20"/>
                <a:gd name="T14" fmla="*/ 439 w 449"/>
                <a:gd name="T15" fmla="*/ 20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49" h="20">
                  <a:moveTo>
                    <a:pt x="439" y="20"/>
                  </a:moveTo>
                  <a:lnTo>
                    <a:pt x="439" y="20"/>
                  </a:lnTo>
                  <a:lnTo>
                    <a:pt x="10" y="20"/>
                  </a:lnTo>
                  <a:cubicBezTo>
                    <a:pt x="5" y="20"/>
                    <a:pt x="0" y="15"/>
                    <a:pt x="0" y="10"/>
                  </a:cubicBezTo>
                  <a:cubicBezTo>
                    <a:pt x="0" y="4"/>
                    <a:pt x="5" y="0"/>
                    <a:pt x="10" y="0"/>
                  </a:cubicBezTo>
                  <a:lnTo>
                    <a:pt x="439" y="0"/>
                  </a:lnTo>
                  <a:cubicBezTo>
                    <a:pt x="444" y="0"/>
                    <a:pt x="449" y="4"/>
                    <a:pt x="449" y="10"/>
                  </a:cubicBezTo>
                  <a:cubicBezTo>
                    <a:pt x="449" y="15"/>
                    <a:pt x="444" y="20"/>
                    <a:pt x="439" y="20"/>
                  </a:cubicBezTo>
                  <a:close/>
                </a:path>
              </a:pathLst>
            </a:custGeom>
            <a:grpFill/>
            <a:ln w="0">
              <a:noFill/>
              <a:prstDash val="solid"/>
              <a:round/>
              <a:headEnd/>
              <a:tailEnd/>
            </a:ln>
          </p:spPr>
          <p:txBody>
            <a:bodyPr/>
            <a:lstStyle/>
            <a:p>
              <a:pPr defTabSz="543689">
                <a:defRPr/>
              </a:pPr>
              <a:endParaRPr lang="zh-CN" altLang="en-US" sz="1400"/>
            </a:p>
          </p:txBody>
        </p:sp>
        <p:sp>
          <p:nvSpPr>
            <p:cNvPr id="236" name="Freeform 209">
              <a:extLst>
                <a:ext uri="{FF2B5EF4-FFF2-40B4-BE49-F238E27FC236}">
                  <a16:creationId xmlns:a16="http://schemas.microsoft.com/office/drawing/2014/main" xmlns="" id="{31E4C91B-FE7C-40BA-8FD9-860B893652E1}"/>
                </a:ext>
              </a:extLst>
            </p:cNvPr>
            <p:cNvSpPr>
              <a:spLocks/>
            </p:cNvSpPr>
            <p:nvPr/>
          </p:nvSpPr>
          <p:spPr bwMode="auto">
            <a:xfrm>
              <a:off x="2852738" y="1182689"/>
              <a:ext cx="42863" cy="44450"/>
            </a:xfrm>
            <a:custGeom>
              <a:avLst/>
              <a:gdLst>
                <a:gd name="T0" fmla="*/ 25 w 51"/>
                <a:gd name="T1" fmla="*/ 52 h 52"/>
                <a:gd name="T2" fmla="*/ 25 w 51"/>
                <a:gd name="T3" fmla="*/ 52 h 52"/>
                <a:gd name="T4" fmla="*/ 0 w 51"/>
                <a:gd name="T5" fmla="*/ 26 h 52"/>
                <a:gd name="T6" fmla="*/ 25 w 51"/>
                <a:gd name="T7" fmla="*/ 0 h 52"/>
                <a:gd name="T8" fmla="*/ 51 w 51"/>
                <a:gd name="T9" fmla="*/ 26 h 52"/>
                <a:gd name="T10" fmla="*/ 25 w 51"/>
                <a:gd name="T11" fmla="*/ 52 h 52"/>
              </a:gdLst>
              <a:ahLst/>
              <a:cxnLst>
                <a:cxn ang="0">
                  <a:pos x="T0" y="T1"/>
                </a:cxn>
                <a:cxn ang="0">
                  <a:pos x="T2" y="T3"/>
                </a:cxn>
                <a:cxn ang="0">
                  <a:pos x="T4" y="T5"/>
                </a:cxn>
                <a:cxn ang="0">
                  <a:pos x="T6" y="T7"/>
                </a:cxn>
                <a:cxn ang="0">
                  <a:pos x="T8" y="T9"/>
                </a:cxn>
                <a:cxn ang="0">
                  <a:pos x="T10" y="T11"/>
                </a:cxn>
              </a:cxnLst>
              <a:rect l="0" t="0" r="r" b="b"/>
              <a:pathLst>
                <a:path w="51" h="52">
                  <a:moveTo>
                    <a:pt x="25" y="52"/>
                  </a:moveTo>
                  <a:lnTo>
                    <a:pt x="25" y="52"/>
                  </a:lnTo>
                  <a:cubicBezTo>
                    <a:pt x="11" y="52"/>
                    <a:pt x="0" y="40"/>
                    <a:pt x="0" y="26"/>
                  </a:cubicBezTo>
                  <a:cubicBezTo>
                    <a:pt x="0" y="12"/>
                    <a:pt x="11" y="0"/>
                    <a:pt x="25" y="0"/>
                  </a:cubicBezTo>
                  <a:cubicBezTo>
                    <a:pt x="39" y="0"/>
                    <a:pt x="51" y="12"/>
                    <a:pt x="51" y="26"/>
                  </a:cubicBezTo>
                  <a:cubicBezTo>
                    <a:pt x="51" y="40"/>
                    <a:pt x="39" y="52"/>
                    <a:pt x="25" y="52"/>
                  </a:cubicBezTo>
                  <a:close/>
                </a:path>
              </a:pathLst>
            </a:custGeom>
            <a:grpFill/>
            <a:ln w="0">
              <a:noFill/>
              <a:prstDash val="solid"/>
              <a:round/>
              <a:headEnd/>
              <a:tailEnd/>
            </a:ln>
          </p:spPr>
          <p:txBody>
            <a:bodyPr/>
            <a:lstStyle/>
            <a:p>
              <a:pPr defTabSz="543689">
                <a:defRPr/>
              </a:pPr>
              <a:endParaRPr lang="zh-CN" altLang="en-US" sz="1400"/>
            </a:p>
          </p:txBody>
        </p:sp>
        <p:sp>
          <p:nvSpPr>
            <p:cNvPr id="237" name="Freeform 210">
              <a:extLst>
                <a:ext uri="{FF2B5EF4-FFF2-40B4-BE49-F238E27FC236}">
                  <a16:creationId xmlns:a16="http://schemas.microsoft.com/office/drawing/2014/main" xmlns="" id="{295CFE9E-8B67-4C7C-8BFF-F99248C4DE93}"/>
                </a:ext>
              </a:extLst>
            </p:cNvPr>
            <p:cNvSpPr>
              <a:spLocks/>
            </p:cNvSpPr>
            <p:nvPr/>
          </p:nvSpPr>
          <p:spPr bwMode="auto">
            <a:xfrm>
              <a:off x="2919413" y="1182689"/>
              <a:ext cx="42863" cy="44450"/>
            </a:xfrm>
            <a:custGeom>
              <a:avLst/>
              <a:gdLst>
                <a:gd name="T0" fmla="*/ 26 w 52"/>
                <a:gd name="T1" fmla="*/ 52 h 52"/>
                <a:gd name="T2" fmla="*/ 26 w 52"/>
                <a:gd name="T3" fmla="*/ 52 h 52"/>
                <a:gd name="T4" fmla="*/ 0 w 52"/>
                <a:gd name="T5" fmla="*/ 26 h 52"/>
                <a:gd name="T6" fmla="*/ 26 w 52"/>
                <a:gd name="T7" fmla="*/ 0 h 52"/>
                <a:gd name="T8" fmla="*/ 52 w 52"/>
                <a:gd name="T9" fmla="*/ 26 h 52"/>
                <a:gd name="T10" fmla="*/ 26 w 52"/>
                <a:gd name="T11" fmla="*/ 52 h 52"/>
              </a:gdLst>
              <a:ahLst/>
              <a:cxnLst>
                <a:cxn ang="0">
                  <a:pos x="T0" y="T1"/>
                </a:cxn>
                <a:cxn ang="0">
                  <a:pos x="T2" y="T3"/>
                </a:cxn>
                <a:cxn ang="0">
                  <a:pos x="T4" y="T5"/>
                </a:cxn>
                <a:cxn ang="0">
                  <a:pos x="T6" y="T7"/>
                </a:cxn>
                <a:cxn ang="0">
                  <a:pos x="T8" y="T9"/>
                </a:cxn>
                <a:cxn ang="0">
                  <a:pos x="T10" y="T11"/>
                </a:cxn>
              </a:cxnLst>
              <a:rect l="0" t="0" r="r" b="b"/>
              <a:pathLst>
                <a:path w="52" h="52">
                  <a:moveTo>
                    <a:pt x="26" y="52"/>
                  </a:moveTo>
                  <a:lnTo>
                    <a:pt x="26" y="52"/>
                  </a:lnTo>
                  <a:cubicBezTo>
                    <a:pt x="12" y="52"/>
                    <a:pt x="0" y="40"/>
                    <a:pt x="0" y="26"/>
                  </a:cubicBezTo>
                  <a:cubicBezTo>
                    <a:pt x="0" y="12"/>
                    <a:pt x="12" y="0"/>
                    <a:pt x="26" y="0"/>
                  </a:cubicBezTo>
                  <a:cubicBezTo>
                    <a:pt x="40" y="0"/>
                    <a:pt x="52" y="12"/>
                    <a:pt x="52" y="26"/>
                  </a:cubicBezTo>
                  <a:cubicBezTo>
                    <a:pt x="52" y="40"/>
                    <a:pt x="40" y="52"/>
                    <a:pt x="26" y="52"/>
                  </a:cubicBezTo>
                  <a:close/>
                </a:path>
              </a:pathLst>
            </a:custGeom>
            <a:grpFill/>
            <a:ln w="0">
              <a:noFill/>
              <a:prstDash val="solid"/>
              <a:round/>
              <a:headEnd/>
              <a:tailEnd/>
            </a:ln>
          </p:spPr>
          <p:txBody>
            <a:bodyPr/>
            <a:lstStyle/>
            <a:p>
              <a:pPr defTabSz="543689">
                <a:defRPr/>
              </a:pPr>
              <a:endParaRPr lang="zh-CN" altLang="en-US" sz="1400"/>
            </a:p>
          </p:txBody>
        </p:sp>
        <p:sp>
          <p:nvSpPr>
            <p:cNvPr id="238" name="Freeform 211">
              <a:extLst>
                <a:ext uri="{FF2B5EF4-FFF2-40B4-BE49-F238E27FC236}">
                  <a16:creationId xmlns:a16="http://schemas.microsoft.com/office/drawing/2014/main" xmlns="" id="{66A4B643-6086-4109-ACE9-C380544A6263}"/>
                </a:ext>
              </a:extLst>
            </p:cNvPr>
            <p:cNvSpPr>
              <a:spLocks/>
            </p:cNvSpPr>
            <p:nvPr/>
          </p:nvSpPr>
          <p:spPr bwMode="auto">
            <a:xfrm>
              <a:off x="2493963" y="1101726"/>
              <a:ext cx="7938" cy="107950"/>
            </a:xfrm>
            <a:custGeom>
              <a:avLst/>
              <a:gdLst>
                <a:gd name="T0" fmla="*/ 5 w 10"/>
                <a:gd name="T1" fmla="*/ 127 h 127"/>
                <a:gd name="T2" fmla="*/ 5 w 10"/>
                <a:gd name="T3" fmla="*/ 127 h 127"/>
                <a:gd name="T4" fmla="*/ 0 w 10"/>
                <a:gd name="T5" fmla="*/ 122 h 127"/>
                <a:gd name="T6" fmla="*/ 0 w 10"/>
                <a:gd name="T7" fmla="*/ 5 h 127"/>
                <a:gd name="T8" fmla="*/ 5 w 10"/>
                <a:gd name="T9" fmla="*/ 0 h 127"/>
                <a:gd name="T10" fmla="*/ 10 w 10"/>
                <a:gd name="T11" fmla="*/ 5 h 127"/>
                <a:gd name="T12" fmla="*/ 10 w 10"/>
                <a:gd name="T13" fmla="*/ 122 h 127"/>
                <a:gd name="T14" fmla="*/ 5 w 10"/>
                <a:gd name="T15" fmla="*/ 127 h 12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27">
                  <a:moveTo>
                    <a:pt x="5" y="127"/>
                  </a:moveTo>
                  <a:lnTo>
                    <a:pt x="5" y="127"/>
                  </a:lnTo>
                  <a:cubicBezTo>
                    <a:pt x="2" y="127"/>
                    <a:pt x="0" y="125"/>
                    <a:pt x="0" y="122"/>
                  </a:cubicBezTo>
                  <a:lnTo>
                    <a:pt x="0" y="5"/>
                  </a:lnTo>
                  <a:cubicBezTo>
                    <a:pt x="0" y="2"/>
                    <a:pt x="2" y="0"/>
                    <a:pt x="5" y="0"/>
                  </a:cubicBezTo>
                  <a:cubicBezTo>
                    <a:pt x="7" y="0"/>
                    <a:pt x="10" y="2"/>
                    <a:pt x="10" y="5"/>
                  </a:cubicBezTo>
                  <a:lnTo>
                    <a:pt x="10" y="122"/>
                  </a:lnTo>
                  <a:cubicBezTo>
                    <a:pt x="10" y="125"/>
                    <a:pt x="7" y="127"/>
                    <a:pt x="5" y="127"/>
                  </a:cubicBezTo>
                  <a:close/>
                </a:path>
              </a:pathLst>
            </a:custGeom>
            <a:grpFill/>
            <a:ln w="0">
              <a:noFill/>
              <a:prstDash val="solid"/>
              <a:round/>
              <a:headEnd/>
              <a:tailEnd/>
            </a:ln>
          </p:spPr>
          <p:txBody>
            <a:bodyPr/>
            <a:lstStyle/>
            <a:p>
              <a:pPr defTabSz="543689">
                <a:defRPr/>
              </a:pPr>
              <a:endParaRPr lang="zh-CN" altLang="en-US" sz="1400"/>
            </a:p>
          </p:txBody>
        </p:sp>
        <p:sp>
          <p:nvSpPr>
            <p:cNvPr id="239" name="Freeform 212">
              <a:extLst>
                <a:ext uri="{FF2B5EF4-FFF2-40B4-BE49-F238E27FC236}">
                  <a16:creationId xmlns:a16="http://schemas.microsoft.com/office/drawing/2014/main" xmlns="" id="{C1DAE543-3CC0-4DB3-AD68-FA8E6B42CE1E}"/>
                </a:ext>
              </a:extLst>
            </p:cNvPr>
            <p:cNvSpPr>
              <a:spLocks/>
            </p:cNvSpPr>
            <p:nvPr/>
          </p:nvSpPr>
          <p:spPr bwMode="auto">
            <a:xfrm>
              <a:off x="3044826" y="1101726"/>
              <a:ext cx="9525" cy="107950"/>
            </a:xfrm>
            <a:custGeom>
              <a:avLst/>
              <a:gdLst>
                <a:gd name="T0" fmla="*/ 5 w 10"/>
                <a:gd name="T1" fmla="*/ 127 h 127"/>
                <a:gd name="T2" fmla="*/ 5 w 10"/>
                <a:gd name="T3" fmla="*/ 127 h 127"/>
                <a:gd name="T4" fmla="*/ 0 w 10"/>
                <a:gd name="T5" fmla="*/ 122 h 127"/>
                <a:gd name="T6" fmla="*/ 0 w 10"/>
                <a:gd name="T7" fmla="*/ 5 h 127"/>
                <a:gd name="T8" fmla="*/ 5 w 10"/>
                <a:gd name="T9" fmla="*/ 0 h 127"/>
                <a:gd name="T10" fmla="*/ 10 w 10"/>
                <a:gd name="T11" fmla="*/ 5 h 127"/>
                <a:gd name="T12" fmla="*/ 10 w 10"/>
                <a:gd name="T13" fmla="*/ 122 h 127"/>
                <a:gd name="T14" fmla="*/ 5 w 10"/>
                <a:gd name="T15" fmla="*/ 127 h 12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27">
                  <a:moveTo>
                    <a:pt x="5" y="127"/>
                  </a:moveTo>
                  <a:lnTo>
                    <a:pt x="5" y="127"/>
                  </a:lnTo>
                  <a:cubicBezTo>
                    <a:pt x="2" y="127"/>
                    <a:pt x="0" y="125"/>
                    <a:pt x="0" y="122"/>
                  </a:cubicBezTo>
                  <a:lnTo>
                    <a:pt x="0" y="5"/>
                  </a:lnTo>
                  <a:cubicBezTo>
                    <a:pt x="0" y="2"/>
                    <a:pt x="2" y="0"/>
                    <a:pt x="5" y="0"/>
                  </a:cubicBezTo>
                  <a:cubicBezTo>
                    <a:pt x="8" y="0"/>
                    <a:pt x="10" y="2"/>
                    <a:pt x="10" y="5"/>
                  </a:cubicBezTo>
                  <a:lnTo>
                    <a:pt x="10" y="122"/>
                  </a:lnTo>
                  <a:cubicBezTo>
                    <a:pt x="10" y="125"/>
                    <a:pt x="8" y="127"/>
                    <a:pt x="5" y="127"/>
                  </a:cubicBezTo>
                  <a:close/>
                </a:path>
              </a:pathLst>
            </a:custGeom>
            <a:grpFill/>
            <a:ln w="0">
              <a:noFill/>
              <a:prstDash val="solid"/>
              <a:round/>
              <a:headEnd/>
              <a:tailEnd/>
            </a:ln>
          </p:spPr>
          <p:txBody>
            <a:bodyPr/>
            <a:lstStyle/>
            <a:p>
              <a:pPr defTabSz="543689">
                <a:defRPr/>
              </a:pPr>
              <a:endParaRPr lang="zh-CN" altLang="en-US" sz="1400"/>
            </a:p>
          </p:txBody>
        </p:sp>
        <p:sp>
          <p:nvSpPr>
            <p:cNvPr id="240" name="Freeform 213">
              <a:extLst>
                <a:ext uri="{FF2B5EF4-FFF2-40B4-BE49-F238E27FC236}">
                  <a16:creationId xmlns:a16="http://schemas.microsoft.com/office/drawing/2014/main" xmlns="" id="{1DC01B02-BA8B-41D9-BBFB-F24AFF37B299}"/>
                </a:ext>
              </a:extLst>
            </p:cNvPr>
            <p:cNvSpPr>
              <a:spLocks/>
            </p:cNvSpPr>
            <p:nvPr/>
          </p:nvSpPr>
          <p:spPr bwMode="auto">
            <a:xfrm>
              <a:off x="2454276" y="1133476"/>
              <a:ext cx="47625" cy="9525"/>
            </a:xfrm>
            <a:custGeom>
              <a:avLst/>
              <a:gdLst>
                <a:gd name="T0" fmla="*/ 52 w 57"/>
                <a:gd name="T1" fmla="*/ 10 h 10"/>
                <a:gd name="T2" fmla="*/ 52 w 57"/>
                <a:gd name="T3" fmla="*/ 10 h 10"/>
                <a:gd name="T4" fmla="*/ 5 w 57"/>
                <a:gd name="T5" fmla="*/ 10 h 10"/>
                <a:gd name="T6" fmla="*/ 0 w 57"/>
                <a:gd name="T7" fmla="*/ 5 h 10"/>
                <a:gd name="T8" fmla="*/ 5 w 57"/>
                <a:gd name="T9" fmla="*/ 0 h 10"/>
                <a:gd name="T10" fmla="*/ 52 w 57"/>
                <a:gd name="T11" fmla="*/ 0 h 10"/>
                <a:gd name="T12" fmla="*/ 57 w 57"/>
                <a:gd name="T13" fmla="*/ 5 h 10"/>
                <a:gd name="T14" fmla="*/ 52 w 57"/>
                <a:gd name="T15" fmla="*/ 10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7" h="10">
                  <a:moveTo>
                    <a:pt x="52" y="10"/>
                  </a:moveTo>
                  <a:lnTo>
                    <a:pt x="52" y="10"/>
                  </a:lnTo>
                  <a:lnTo>
                    <a:pt x="5" y="10"/>
                  </a:lnTo>
                  <a:cubicBezTo>
                    <a:pt x="2" y="10"/>
                    <a:pt x="0" y="7"/>
                    <a:pt x="0" y="5"/>
                  </a:cubicBezTo>
                  <a:cubicBezTo>
                    <a:pt x="0" y="2"/>
                    <a:pt x="2" y="0"/>
                    <a:pt x="5" y="0"/>
                  </a:cubicBezTo>
                  <a:lnTo>
                    <a:pt x="52" y="0"/>
                  </a:lnTo>
                  <a:cubicBezTo>
                    <a:pt x="54" y="0"/>
                    <a:pt x="57" y="2"/>
                    <a:pt x="57" y="5"/>
                  </a:cubicBezTo>
                  <a:cubicBezTo>
                    <a:pt x="57" y="7"/>
                    <a:pt x="54" y="10"/>
                    <a:pt x="52" y="10"/>
                  </a:cubicBezTo>
                  <a:close/>
                </a:path>
              </a:pathLst>
            </a:custGeom>
            <a:grpFill/>
            <a:ln w="0">
              <a:noFill/>
              <a:prstDash val="solid"/>
              <a:round/>
              <a:headEnd/>
              <a:tailEnd/>
            </a:ln>
          </p:spPr>
          <p:txBody>
            <a:bodyPr/>
            <a:lstStyle/>
            <a:p>
              <a:pPr defTabSz="543689">
                <a:defRPr/>
              </a:pPr>
              <a:endParaRPr lang="zh-CN" altLang="en-US" sz="1400"/>
            </a:p>
          </p:txBody>
        </p:sp>
        <p:sp>
          <p:nvSpPr>
            <p:cNvPr id="241" name="Freeform 214">
              <a:extLst>
                <a:ext uri="{FF2B5EF4-FFF2-40B4-BE49-F238E27FC236}">
                  <a16:creationId xmlns:a16="http://schemas.microsoft.com/office/drawing/2014/main" xmlns="" id="{58C018F0-9442-4676-B041-18EA3C304876}"/>
                </a:ext>
              </a:extLst>
            </p:cNvPr>
            <p:cNvSpPr>
              <a:spLocks/>
            </p:cNvSpPr>
            <p:nvPr/>
          </p:nvSpPr>
          <p:spPr bwMode="auto">
            <a:xfrm>
              <a:off x="2473326" y="1163639"/>
              <a:ext cx="14288" cy="14288"/>
            </a:xfrm>
            <a:custGeom>
              <a:avLst/>
              <a:gdLst>
                <a:gd name="T0" fmla="*/ 16 w 16"/>
                <a:gd name="T1" fmla="*/ 16 h 16"/>
                <a:gd name="T2" fmla="*/ 16 w 16"/>
                <a:gd name="T3" fmla="*/ 16 h 16"/>
                <a:gd name="T4" fmla="*/ 0 w 16"/>
                <a:gd name="T5" fmla="*/ 16 h 16"/>
                <a:gd name="T6" fmla="*/ 0 w 16"/>
                <a:gd name="T7" fmla="*/ 0 h 16"/>
                <a:gd name="T8" fmla="*/ 16 w 16"/>
                <a:gd name="T9" fmla="*/ 0 h 16"/>
                <a:gd name="T10" fmla="*/ 16 w 16"/>
                <a:gd name="T11" fmla="*/ 16 h 16"/>
              </a:gdLst>
              <a:ahLst/>
              <a:cxnLst>
                <a:cxn ang="0">
                  <a:pos x="T0" y="T1"/>
                </a:cxn>
                <a:cxn ang="0">
                  <a:pos x="T2" y="T3"/>
                </a:cxn>
                <a:cxn ang="0">
                  <a:pos x="T4" y="T5"/>
                </a:cxn>
                <a:cxn ang="0">
                  <a:pos x="T6" y="T7"/>
                </a:cxn>
                <a:cxn ang="0">
                  <a:pos x="T8" y="T9"/>
                </a:cxn>
                <a:cxn ang="0">
                  <a:pos x="T10" y="T11"/>
                </a:cxn>
              </a:cxnLst>
              <a:rect l="0" t="0" r="r" b="b"/>
              <a:pathLst>
                <a:path w="16" h="16">
                  <a:moveTo>
                    <a:pt x="16" y="16"/>
                  </a:moveTo>
                  <a:lnTo>
                    <a:pt x="16" y="16"/>
                  </a:lnTo>
                  <a:lnTo>
                    <a:pt x="0" y="16"/>
                  </a:lnTo>
                  <a:lnTo>
                    <a:pt x="0" y="0"/>
                  </a:lnTo>
                  <a:lnTo>
                    <a:pt x="16" y="0"/>
                  </a:lnTo>
                  <a:lnTo>
                    <a:pt x="16" y="16"/>
                  </a:lnTo>
                  <a:close/>
                </a:path>
              </a:pathLst>
            </a:custGeom>
            <a:grpFill/>
            <a:ln w="0">
              <a:noFill/>
              <a:prstDash val="solid"/>
              <a:round/>
              <a:headEnd/>
              <a:tailEnd/>
            </a:ln>
          </p:spPr>
          <p:txBody>
            <a:bodyPr/>
            <a:lstStyle/>
            <a:p>
              <a:pPr defTabSz="543689">
                <a:defRPr/>
              </a:pPr>
              <a:endParaRPr lang="zh-CN" altLang="en-US" sz="1400"/>
            </a:p>
          </p:txBody>
        </p:sp>
        <p:sp>
          <p:nvSpPr>
            <p:cNvPr id="242" name="Freeform 215">
              <a:extLst>
                <a:ext uri="{FF2B5EF4-FFF2-40B4-BE49-F238E27FC236}">
                  <a16:creationId xmlns:a16="http://schemas.microsoft.com/office/drawing/2014/main" xmlns="" id="{64DB157C-F0E9-472A-97DB-92DC1D248942}"/>
                </a:ext>
              </a:extLst>
            </p:cNvPr>
            <p:cNvSpPr>
              <a:spLocks/>
            </p:cNvSpPr>
            <p:nvPr/>
          </p:nvSpPr>
          <p:spPr bwMode="auto">
            <a:xfrm>
              <a:off x="3046413" y="1133476"/>
              <a:ext cx="46038" cy="9525"/>
            </a:xfrm>
            <a:custGeom>
              <a:avLst/>
              <a:gdLst>
                <a:gd name="T0" fmla="*/ 50 w 55"/>
                <a:gd name="T1" fmla="*/ 10 h 10"/>
                <a:gd name="T2" fmla="*/ 50 w 55"/>
                <a:gd name="T3" fmla="*/ 10 h 10"/>
                <a:gd name="T4" fmla="*/ 5 w 55"/>
                <a:gd name="T5" fmla="*/ 10 h 10"/>
                <a:gd name="T6" fmla="*/ 0 w 55"/>
                <a:gd name="T7" fmla="*/ 5 h 10"/>
                <a:gd name="T8" fmla="*/ 5 w 55"/>
                <a:gd name="T9" fmla="*/ 0 h 10"/>
                <a:gd name="T10" fmla="*/ 50 w 55"/>
                <a:gd name="T11" fmla="*/ 0 h 10"/>
                <a:gd name="T12" fmla="*/ 55 w 55"/>
                <a:gd name="T13" fmla="*/ 5 h 10"/>
                <a:gd name="T14" fmla="*/ 50 w 55"/>
                <a:gd name="T15" fmla="*/ 10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5" h="10">
                  <a:moveTo>
                    <a:pt x="50" y="10"/>
                  </a:moveTo>
                  <a:lnTo>
                    <a:pt x="50" y="10"/>
                  </a:lnTo>
                  <a:lnTo>
                    <a:pt x="5" y="10"/>
                  </a:lnTo>
                  <a:cubicBezTo>
                    <a:pt x="2" y="10"/>
                    <a:pt x="0" y="7"/>
                    <a:pt x="0" y="5"/>
                  </a:cubicBezTo>
                  <a:cubicBezTo>
                    <a:pt x="0" y="2"/>
                    <a:pt x="2" y="0"/>
                    <a:pt x="5" y="0"/>
                  </a:cubicBezTo>
                  <a:lnTo>
                    <a:pt x="50" y="0"/>
                  </a:lnTo>
                  <a:cubicBezTo>
                    <a:pt x="53" y="0"/>
                    <a:pt x="55" y="2"/>
                    <a:pt x="55" y="5"/>
                  </a:cubicBezTo>
                  <a:cubicBezTo>
                    <a:pt x="55" y="7"/>
                    <a:pt x="53" y="10"/>
                    <a:pt x="50" y="10"/>
                  </a:cubicBezTo>
                  <a:close/>
                </a:path>
              </a:pathLst>
            </a:custGeom>
            <a:grpFill/>
            <a:ln w="0">
              <a:noFill/>
              <a:prstDash val="solid"/>
              <a:round/>
              <a:headEnd/>
              <a:tailEnd/>
            </a:ln>
          </p:spPr>
          <p:txBody>
            <a:bodyPr/>
            <a:lstStyle/>
            <a:p>
              <a:pPr defTabSz="543689">
                <a:defRPr/>
              </a:pPr>
              <a:endParaRPr lang="zh-CN" altLang="en-US" sz="1400"/>
            </a:p>
          </p:txBody>
        </p:sp>
        <p:sp>
          <p:nvSpPr>
            <p:cNvPr id="243" name="Freeform 216">
              <a:extLst>
                <a:ext uri="{FF2B5EF4-FFF2-40B4-BE49-F238E27FC236}">
                  <a16:creationId xmlns:a16="http://schemas.microsoft.com/office/drawing/2014/main" xmlns="" id="{A044CE51-FC35-46EA-9432-35D9F39E3DAB}"/>
                </a:ext>
              </a:extLst>
            </p:cNvPr>
            <p:cNvSpPr>
              <a:spLocks/>
            </p:cNvSpPr>
            <p:nvPr/>
          </p:nvSpPr>
          <p:spPr bwMode="auto">
            <a:xfrm>
              <a:off x="3062288" y="1163639"/>
              <a:ext cx="14288" cy="14288"/>
            </a:xfrm>
            <a:custGeom>
              <a:avLst/>
              <a:gdLst>
                <a:gd name="T0" fmla="*/ 16 w 16"/>
                <a:gd name="T1" fmla="*/ 16 h 16"/>
                <a:gd name="T2" fmla="*/ 16 w 16"/>
                <a:gd name="T3" fmla="*/ 16 h 16"/>
                <a:gd name="T4" fmla="*/ 0 w 16"/>
                <a:gd name="T5" fmla="*/ 16 h 16"/>
                <a:gd name="T6" fmla="*/ 0 w 16"/>
                <a:gd name="T7" fmla="*/ 0 h 16"/>
                <a:gd name="T8" fmla="*/ 16 w 16"/>
                <a:gd name="T9" fmla="*/ 0 h 16"/>
                <a:gd name="T10" fmla="*/ 16 w 16"/>
                <a:gd name="T11" fmla="*/ 16 h 16"/>
              </a:gdLst>
              <a:ahLst/>
              <a:cxnLst>
                <a:cxn ang="0">
                  <a:pos x="T0" y="T1"/>
                </a:cxn>
                <a:cxn ang="0">
                  <a:pos x="T2" y="T3"/>
                </a:cxn>
                <a:cxn ang="0">
                  <a:pos x="T4" y="T5"/>
                </a:cxn>
                <a:cxn ang="0">
                  <a:pos x="T6" y="T7"/>
                </a:cxn>
                <a:cxn ang="0">
                  <a:pos x="T8" y="T9"/>
                </a:cxn>
                <a:cxn ang="0">
                  <a:pos x="T10" y="T11"/>
                </a:cxn>
              </a:cxnLst>
              <a:rect l="0" t="0" r="r" b="b"/>
              <a:pathLst>
                <a:path w="16" h="16">
                  <a:moveTo>
                    <a:pt x="16" y="16"/>
                  </a:moveTo>
                  <a:lnTo>
                    <a:pt x="16" y="16"/>
                  </a:lnTo>
                  <a:lnTo>
                    <a:pt x="0" y="16"/>
                  </a:lnTo>
                  <a:lnTo>
                    <a:pt x="0" y="0"/>
                  </a:lnTo>
                  <a:lnTo>
                    <a:pt x="16" y="0"/>
                  </a:lnTo>
                  <a:lnTo>
                    <a:pt x="16" y="16"/>
                  </a:lnTo>
                  <a:close/>
                </a:path>
              </a:pathLst>
            </a:custGeom>
            <a:grpFill/>
            <a:ln w="0">
              <a:noFill/>
              <a:prstDash val="solid"/>
              <a:round/>
              <a:headEnd/>
              <a:tailEnd/>
            </a:ln>
          </p:spPr>
          <p:txBody>
            <a:bodyPr/>
            <a:lstStyle/>
            <a:p>
              <a:pPr defTabSz="543689">
                <a:defRPr/>
              </a:pPr>
              <a:endParaRPr lang="zh-CN" altLang="en-US" sz="1400"/>
            </a:p>
          </p:txBody>
        </p:sp>
        <p:sp>
          <p:nvSpPr>
            <p:cNvPr id="244" name="Freeform 217">
              <a:extLst>
                <a:ext uri="{FF2B5EF4-FFF2-40B4-BE49-F238E27FC236}">
                  <a16:creationId xmlns:a16="http://schemas.microsoft.com/office/drawing/2014/main" xmlns="" id="{0117A8F6-63D0-4CDE-A6EA-913087BB8B9E}"/>
                </a:ext>
              </a:extLst>
            </p:cNvPr>
            <p:cNvSpPr>
              <a:spLocks/>
            </p:cNvSpPr>
            <p:nvPr/>
          </p:nvSpPr>
          <p:spPr bwMode="auto">
            <a:xfrm>
              <a:off x="2559051" y="1125539"/>
              <a:ext cx="65088"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a:defRPr/>
              </a:pPr>
              <a:endParaRPr lang="zh-CN" altLang="en-US" sz="1400"/>
            </a:p>
          </p:txBody>
        </p:sp>
        <p:sp>
          <p:nvSpPr>
            <p:cNvPr id="245" name="Freeform 218">
              <a:extLst>
                <a:ext uri="{FF2B5EF4-FFF2-40B4-BE49-F238E27FC236}">
                  <a16:creationId xmlns:a16="http://schemas.microsoft.com/office/drawing/2014/main" xmlns="" id="{A911083D-F38B-4A1F-8AE3-4D0220D92B16}"/>
                </a:ext>
              </a:extLst>
            </p:cNvPr>
            <p:cNvSpPr>
              <a:spLocks/>
            </p:cNvSpPr>
            <p:nvPr/>
          </p:nvSpPr>
          <p:spPr bwMode="auto">
            <a:xfrm>
              <a:off x="2619376" y="1130301"/>
              <a:ext cx="17463"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a:defRPr/>
              </a:pPr>
              <a:endParaRPr lang="zh-CN" altLang="en-US" sz="1400"/>
            </a:p>
          </p:txBody>
        </p:sp>
        <p:sp>
          <p:nvSpPr>
            <p:cNvPr id="246" name="Freeform 219">
              <a:extLst>
                <a:ext uri="{FF2B5EF4-FFF2-40B4-BE49-F238E27FC236}">
                  <a16:creationId xmlns:a16="http://schemas.microsoft.com/office/drawing/2014/main" xmlns="" id="{30BA249E-483C-443A-AAAC-4DE15278E026}"/>
                </a:ext>
              </a:extLst>
            </p:cNvPr>
            <p:cNvSpPr>
              <a:spLocks/>
            </p:cNvSpPr>
            <p:nvPr/>
          </p:nvSpPr>
          <p:spPr bwMode="auto">
            <a:xfrm>
              <a:off x="2559051" y="1155701"/>
              <a:ext cx="65088"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a:defRPr/>
              </a:pPr>
              <a:endParaRPr lang="zh-CN" altLang="en-US" sz="1400"/>
            </a:p>
          </p:txBody>
        </p:sp>
        <p:sp>
          <p:nvSpPr>
            <p:cNvPr id="247" name="Freeform 220">
              <a:extLst>
                <a:ext uri="{FF2B5EF4-FFF2-40B4-BE49-F238E27FC236}">
                  <a16:creationId xmlns:a16="http://schemas.microsoft.com/office/drawing/2014/main" xmlns="" id="{420F5E03-27D7-40ED-90FA-97354CD33A24}"/>
                </a:ext>
              </a:extLst>
            </p:cNvPr>
            <p:cNvSpPr>
              <a:spLocks/>
            </p:cNvSpPr>
            <p:nvPr/>
          </p:nvSpPr>
          <p:spPr bwMode="auto">
            <a:xfrm>
              <a:off x="2619376" y="1158876"/>
              <a:ext cx="17463"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a:defRPr/>
              </a:pPr>
              <a:endParaRPr lang="zh-CN" altLang="en-US" sz="1400"/>
            </a:p>
          </p:txBody>
        </p:sp>
        <p:sp>
          <p:nvSpPr>
            <p:cNvPr id="248" name="Freeform 221">
              <a:extLst>
                <a:ext uri="{FF2B5EF4-FFF2-40B4-BE49-F238E27FC236}">
                  <a16:creationId xmlns:a16="http://schemas.microsoft.com/office/drawing/2014/main" xmlns="" id="{BCFE3C42-71BE-448D-9080-BE054F7E2CDF}"/>
                </a:ext>
              </a:extLst>
            </p:cNvPr>
            <p:cNvSpPr>
              <a:spLocks/>
            </p:cNvSpPr>
            <p:nvPr/>
          </p:nvSpPr>
          <p:spPr bwMode="auto">
            <a:xfrm>
              <a:off x="2674938" y="1125539"/>
              <a:ext cx="66675" cy="19050"/>
            </a:xfrm>
            <a:custGeom>
              <a:avLst/>
              <a:gdLst>
                <a:gd name="T0" fmla="*/ 79 w 79"/>
                <a:gd name="T1" fmla="*/ 22 h 22"/>
                <a:gd name="T2" fmla="*/ 79 w 79"/>
                <a:gd name="T3" fmla="*/ 22 h 22"/>
                <a:gd name="T4" fmla="*/ 0 w 79"/>
                <a:gd name="T5" fmla="*/ 22 h 22"/>
                <a:gd name="T6" fmla="*/ 0 w 79"/>
                <a:gd name="T7" fmla="*/ 0 h 22"/>
                <a:gd name="T8" fmla="*/ 63 w 79"/>
                <a:gd name="T9" fmla="*/ 0 h 22"/>
                <a:gd name="T10" fmla="*/ 79 w 79"/>
                <a:gd name="T11" fmla="*/ 22 h 22"/>
              </a:gdLst>
              <a:ahLst/>
              <a:cxnLst>
                <a:cxn ang="0">
                  <a:pos x="T0" y="T1"/>
                </a:cxn>
                <a:cxn ang="0">
                  <a:pos x="T2" y="T3"/>
                </a:cxn>
                <a:cxn ang="0">
                  <a:pos x="T4" y="T5"/>
                </a:cxn>
                <a:cxn ang="0">
                  <a:pos x="T6" y="T7"/>
                </a:cxn>
                <a:cxn ang="0">
                  <a:pos x="T8" y="T9"/>
                </a:cxn>
                <a:cxn ang="0">
                  <a:pos x="T10" y="T11"/>
                </a:cxn>
              </a:cxnLst>
              <a:rect l="0" t="0" r="r" b="b"/>
              <a:pathLst>
                <a:path w="79" h="22">
                  <a:moveTo>
                    <a:pt x="79" y="22"/>
                  </a:moveTo>
                  <a:lnTo>
                    <a:pt x="79" y="22"/>
                  </a:lnTo>
                  <a:lnTo>
                    <a:pt x="0" y="22"/>
                  </a:lnTo>
                  <a:lnTo>
                    <a:pt x="0" y="0"/>
                  </a:lnTo>
                  <a:lnTo>
                    <a:pt x="63" y="0"/>
                  </a:lnTo>
                  <a:lnTo>
                    <a:pt x="79" y="22"/>
                  </a:lnTo>
                  <a:close/>
                </a:path>
              </a:pathLst>
            </a:custGeom>
            <a:grpFill/>
            <a:ln w="0">
              <a:noFill/>
              <a:prstDash val="solid"/>
              <a:round/>
              <a:headEnd/>
              <a:tailEnd/>
            </a:ln>
          </p:spPr>
          <p:txBody>
            <a:bodyPr/>
            <a:lstStyle/>
            <a:p>
              <a:pPr defTabSz="543689">
                <a:defRPr/>
              </a:pPr>
              <a:endParaRPr lang="zh-CN" altLang="en-US" sz="1400"/>
            </a:p>
          </p:txBody>
        </p:sp>
        <p:sp>
          <p:nvSpPr>
            <p:cNvPr id="249" name="Freeform 222">
              <a:extLst>
                <a:ext uri="{FF2B5EF4-FFF2-40B4-BE49-F238E27FC236}">
                  <a16:creationId xmlns:a16="http://schemas.microsoft.com/office/drawing/2014/main" xmlns="" id="{437DD624-BB10-414C-9869-2EA17229E831}"/>
                </a:ext>
              </a:extLst>
            </p:cNvPr>
            <p:cNvSpPr>
              <a:spLocks/>
            </p:cNvSpPr>
            <p:nvPr/>
          </p:nvSpPr>
          <p:spPr bwMode="auto">
            <a:xfrm>
              <a:off x="2735263" y="1130301"/>
              <a:ext cx="19050" cy="12700"/>
            </a:xfrm>
            <a:custGeom>
              <a:avLst/>
              <a:gdLst>
                <a:gd name="T0" fmla="*/ 0 w 22"/>
                <a:gd name="T1" fmla="*/ 0 h 15"/>
                <a:gd name="T2" fmla="*/ 0 w 22"/>
                <a:gd name="T3" fmla="*/ 0 h 15"/>
                <a:gd name="T4" fmla="*/ 22 w 22"/>
                <a:gd name="T5" fmla="*/ 0 h 15"/>
                <a:gd name="T6" fmla="*/ 22 w 22"/>
                <a:gd name="T7" fmla="*/ 15 h 15"/>
                <a:gd name="T8" fmla="*/ 12 w 22"/>
                <a:gd name="T9" fmla="*/ 15 h 15"/>
                <a:gd name="T10" fmla="*/ 0 w 22"/>
                <a:gd name="T11" fmla="*/ 0 h 15"/>
              </a:gdLst>
              <a:ahLst/>
              <a:cxnLst>
                <a:cxn ang="0">
                  <a:pos x="T0" y="T1"/>
                </a:cxn>
                <a:cxn ang="0">
                  <a:pos x="T2" y="T3"/>
                </a:cxn>
                <a:cxn ang="0">
                  <a:pos x="T4" y="T5"/>
                </a:cxn>
                <a:cxn ang="0">
                  <a:pos x="T6" y="T7"/>
                </a:cxn>
                <a:cxn ang="0">
                  <a:pos x="T8" y="T9"/>
                </a:cxn>
                <a:cxn ang="0">
                  <a:pos x="T10" y="T11"/>
                </a:cxn>
              </a:cxnLst>
              <a:rect l="0" t="0" r="r" b="b"/>
              <a:pathLst>
                <a:path w="22" h="15">
                  <a:moveTo>
                    <a:pt x="0" y="0"/>
                  </a:moveTo>
                  <a:lnTo>
                    <a:pt x="0" y="0"/>
                  </a:lnTo>
                  <a:lnTo>
                    <a:pt x="22" y="0"/>
                  </a:lnTo>
                  <a:lnTo>
                    <a:pt x="22" y="15"/>
                  </a:lnTo>
                  <a:lnTo>
                    <a:pt x="12" y="15"/>
                  </a:lnTo>
                  <a:lnTo>
                    <a:pt x="0" y="0"/>
                  </a:lnTo>
                  <a:close/>
                </a:path>
              </a:pathLst>
            </a:custGeom>
            <a:grpFill/>
            <a:ln w="0">
              <a:noFill/>
              <a:prstDash val="solid"/>
              <a:round/>
              <a:headEnd/>
              <a:tailEnd/>
            </a:ln>
          </p:spPr>
          <p:txBody>
            <a:bodyPr/>
            <a:lstStyle/>
            <a:p>
              <a:pPr defTabSz="543689">
                <a:defRPr/>
              </a:pPr>
              <a:endParaRPr lang="zh-CN" altLang="en-US" sz="1400"/>
            </a:p>
          </p:txBody>
        </p:sp>
        <p:sp>
          <p:nvSpPr>
            <p:cNvPr id="250" name="Freeform 223">
              <a:extLst>
                <a:ext uri="{FF2B5EF4-FFF2-40B4-BE49-F238E27FC236}">
                  <a16:creationId xmlns:a16="http://schemas.microsoft.com/office/drawing/2014/main" xmlns="" id="{7DAB1AC4-8ADD-4AC4-983F-34A1527AE495}"/>
                </a:ext>
              </a:extLst>
            </p:cNvPr>
            <p:cNvSpPr>
              <a:spLocks/>
            </p:cNvSpPr>
            <p:nvPr/>
          </p:nvSpPr>
          <p:spPr bwMode="auto">
            <a:xfrm>
              <a:off x="2674938" y="1155701"/>
              <a:ext cx="66675" cy="19050"/>
            </a:xfrm>
            <a:custGeom>
              <a:avLst/>
              <a:gdLst>
                <a:gd name="T0" fmla="*/ 79 w 79"/>
                <a:gd name="T1" fmla="*/ 22 h 22"/>
                <a:gd name="T2" fmla="*/ 79 w 79"/>
                <a:gd name="T3" fmla="*/ 22 h 22"/>
                <a:gd name="T4" fmla="*/ 0 w 79"/>
                <a:gd name="T5" fmla="*/ 22 h 22"/>
                <a:gd name="T6" fmla="*/ 0 w 79"/>
                <a:gd name="T7" fmla="*/ 0 h 22"/>
                <a:gd name="T8" fmla="*/ 63 w 79"/>
                <a:gd name="T9" fmla="*/ 0 h 22"/>
                <a:gd name="T10" fmla="*/ 79 w 79"/>
                <a:gd name="T11" fmla="*/ 22 h 22"/>
              </a:gdLst>
              <a:ahLst/>
              <a:cxnLst>
                <a:cxn ang="0">
                  <a:pos x="T0" y="T1"/>
                </a:cxn>
                <a:cxn ang="0">
                  <a:pos x="T2" y="T3"/>
                </a:cxn>
                <a:cxn ang="0">
                  <a:pos x="T4" y="T5"/>
                </a:cxn>
                <a:cxn ang="0">
                  <a:pos x="T6" y="T7"/>
                </a:cxn>
                <a:cxn ang="0">
                  <a:pos x="T8" y="T9"/>
                </a:cxn>
                <a:cxn ang="0">
                  <a:pos x="T10" y="T11"/>
                </a:cxn>
              </a:cxnLst>
              <a:rect l="0" t="0" r="r" b="b"/>
              <a:pathLst>
                <a:path w="79" h="22">
                  <a:moveTo>
                    <a:pt x="79" y="22"/>
                  </a:moveTo>
                  <a:lnTo>
                    <a:pt x="79" y="22"/>
                  </a:lnTo>
                  <a:lnTo>
                    <a:pt x="0" y="22"/>
                  </a:lnTo>
                  <a:lnTo>
                    <a:pt x="0" y="0"/>
                  </a:lnTo>
                  <a:lnTo>
                    <a:pt x="63" y="0"/>
                  </a:lnTo>
                  <a:lnTo>
                    <a:pt x="79" y="22"/>
                  </a:lnTo>
                  <a:close/>
                </a:path>
              </a:pathLst>
            </a:custGeom>
            <a:grpFill/>
            <a:ln w="0">
              <a:noFill/>
              <a:prstDash val="solid"/>
              <a:round/>
              <a:headEnd/>
              <a:tailEnd/>
            </a:ln>
          </p:spPr>
          <p:txBody>
            <a:bodyPr/>
            <a:lstStyle/>
            <a:p>
              <a:pPr defTabSz="543689">
                <a:defRPr/>
              </a:pPr>
              <a:endParaRPr lang="zh-CN" altLang="en-US" sz="1400"/>
            </a:p>
          </p:txBody>
        </p:sp>
        <p:sp>
          <p:nvSpPr>
            <p:cNvPr id="251" name="Freeform 224">
              <a:extLst>
                <a:ext uri="{FF2B5EF4-FFF2-40B4-BE49-F238E27FC236}">
                  <a16:creationId xmlns:a16="http://schemas.microsoft.com/office/drawing/2014/main" xmlns="" id="{FA124675-5EE7-44FF-8A84-FE991F5E342D}"/>
                </a:ext>
              </a:extLst>
            </p:cNvPr>
            <p:cNvSpPr>
              <a:spLocks/>
            </p:cNvSpPr>
            <p:nvPr/>
          </p:nvSpPr>
          <p:spPr bwMode="auto">
            <a:xfrm>
              <a:off x="2735263" y="1158876"/>
              <a:ext cx="19050" cy="12700"/>
            </a:xfrm>
            <a:custGeom>
              <a:avLst/>
              <a:gdLst>
                <a:gd name="T0" fmla="*/ 0 w 22"/>
                <a:gd name="T1" fmla="*/ 0 h 15"/>
                <a:gd name="T2" fmla="*/ 0 w 22"/>
                <a:gd name="T3" fmla="*/ 0 h 15"/>
                <a:gd name="T4" fmla="*/ 22 w 22"/>
                <a:gd name="T5" fmla="*/ 0 h 15"/>
                <a:gd name="T6" fmla="*/ 22 w 22"/>
                <a:gd name="T7" fmla="*/ 15 h 15"/>
                <a:gd name="T8" fmla="*/ 12 w 22"/>
                <a:gd name="T9" fmla="*/ 15 h 15"/>
                <a:gd name="T10" fmla="*/ 0 w 22"/>
                <a:gd name="T11" fmla="*/ 0 h 15"/>
              </a:gdLst>
              <a:ahLst/>
              <a:cxnLst>
                <a:cxn ang="0">
                  <a:pos x="T0" y="T1"/>
                </a:cxn>
                <a:cxn ang="0">
                  <a:pos x="T2" y="T3"/>
                </a:cxn>
                <a:cxn ang="0">
                  <a:pos x="T4" y="T5"/>
                </a:cxn>
                <a:cxn ang="0">
                  <a:pos x="T6" y="T7"/>
                </a:cxn>
                <a:cxn ang="0">
                  <a:pos x="T8" y="T9"/>
                </a:cxn>
                <a:cxn ang="0">
                  <a:pos x="T10" y="T11"/>
                </a:cxn>
              </a:cxnLst>
              <a:rect l="0" t="0" r="r" b="b"/>
              <a:pathLst>
                <a:path w="22" h="15">
                  <a:moveTo>
                    <a:pt x="0" y="0"/>
                  </a:moveTo>
                  <a:lnTo>
                    <a:pt x="0" y="0"/>
                  </a:lnTo>
                  <a:lnTo>
                    <a:pt x="22" y="0"/>
                  </a:lnTo>
                  <a:lnTo>
                    <a:pt x="22" y="15"/>
                  </a:lnTo>
                  <a:lnTo>
                    <a:pt x="12" y="15"/>
                  </a:lnTo>
                  <a:lnTo>
                    <a:pt x="0" y="0"/>
                  </a:lnTo>
                  <a:close/>
                </a:path>
              </a:pathLst>
            </a:custGeom>
            <a:grpFill/>
            <a:ln w="0">
              <a:noFill/>
              <a:prstDash val="solid"/>
              <a:round/>
              <a:headEnd/>
              <a:tailEnd/>
            </a:ln>
          </p:spPr>
          <p:txBody>
            <a:bodyPr/>
            <a:lstStyle/>
            <a:p>
              <a:pPr defTabSz="543689">
                <a:defRPr/>
              </a:pPr>
              <a:endParaRPr lang="zh-CN" altLang="en-US" sz="1400"/>
            </a:p>
          </p:txBody>
        </p:sp>
        <p:sp>
          <p:nvSpPr>
            <p:cNvPr id="252" name="Freeform 226">
              <a:extLst>
                <a:ext uri="{FF2B5EF4-FFF2-40B4-BE49-F238E27FC236}">
                  <a16:creationId xmlns:a16="http://schemas.microsoft.com/office/drawing/2014/main" xmlns="" id="{1CE1C5BD-5C3E-471B-8DE2-106064C366D8}"/>
                </a:ext>
              </a:extLst>
            </p:cNvPr>
            <p:cNvSpPr>
              <a:spLocks/>
            </p:cNvSpPr>
            <p:nvPr/>
          </p:nvSpPr>
          <p:spPr bwMode="auto">
            <a:xfrm>
              <a:off x="2794001" y="1125538"/>
              <a:ext cx="66675"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a:defRPr/>
              </a:pPr>
              <a:endParaRPr lang="zh-CN" altLang="en-US" sz="1400"/>
            </a:p>
          </p:txBody>
        </p:sp>
        <p:sp>
          <p:nvSpPr>
            <p:cNvPr id="253" name="Freeform 227">
              <a:extLst>
                <a:ext uri="{FF2B5EF4-FFF2-40B4-BE49-F238E27FC236}">
                  <a16:creationId xmlns:a16="http://schemas.microsoft.com/office/drawing/2014/main" xmlns="" id="{E4D809FF-6D13-438B-88A5-187FD7259C19}"/>
                </a:ext>
              </a:extLst>
            </p:cNvPr>
            <p:cNvSpPr>
              <a:spLocks/>
            </p:cNvSpPr>
            <p:nvPr/>
          </p:nvSpPr>
          <p:spPr bwMode="auto">
            <a:xfrm>
              <a:off x="2854326" y="1130301"/>
              <a:ext cx="19050"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a:defRPr/>
              </a:pPr>
              <a:endParaRPr lang="zh-CN" altLang="en-US" sz="1400"/>
            </a:p>
          </p:txBody>
        </p:sp>
        <p:sp>
          <p:nvSpPr>
            <p:cNvPr id="254" name="Freeform 228">
              <a:extLst>
                <a:ext uri="{FF2B5EF4-FFF2-40B4-BE49-F238E27FC236}">
                  <a16:creationId xmlns:a16="http://schemas.microsoft.com/office/drawing/2014/main" xmlns="" id="{680F1154-8227-4F77-89A6-BA720C0B74A5}"/>
                </a:ext>
              </a:extLst>
            </p:cNvPr>
            <p:cNvSpPr>
              <a:spLocks/>
            </p:cNvSpPr>
            <p:nvPr/>
          </p:nvSpPr>
          <p:spPr bwMode="auto">
            <a:xfrm>
              <a:off x="2794001" y="1155701"/>
              <a:ext cx="66675"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a:defRPr/>
              </a:pPr>
              <a:endParaRPr lang="zh-CN" altLang="en-US" sz="1400"/>
            </a:p>
          </p:txBody>
        </p:sp>
        <p:sp>
          <p:nvSpPr>
            <p:cNvPr id="255" name="Freeform 229">
              <a:extLst>
                <a:ext uri="{FF2B5EF4-FFF2-40B4-BE49-F238E27FC236}">
                  <a16:creationId xmlns:a16="http://schemas.microsoft.com/office/drawing/2014/main" xmlns="" id="{A0FBED75-1C68-4355-9018-4BDD6126776B}"/>
                </a:ext>
              </a:extLst>
            </p:cNvPr>
            <p:cNvSpPr>
              <a:spLocks/>
            </p:cNvSpPr>
            <p:nvPr/>
          </p:nvSpPr>
          <p:spPr bwMode="auto">
            <a:xfrm>
              <a:off x="2854326" y="1158876"/>
              <a:ext cx="19050"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a:defRPr/>
              </a:pPr>
              <a:endParaRPr lang="zh-CN" altLang="en-US" sz="1400"/>
            </a:p>
          </p:txBody>
        </p:sp>
        <p:sp>
          <p:nvSpPr>
            <p:cNvPr id="256" name="Freeform 230">
              <a:extLst>
                <a:ext uri="{FF2B5EF4-FFF2-40B4-BE49-F238E27FC236}">
                  <a16:creationId xmlns:a16="http://schemas.microsoft.com/office/drawing/2014/main" xmlns="" id="{C6C1DD61-F034-4FCA-96D9-2DF0DDA9A0CF}"/>
                </a:ext>
              </a:extLst>
            </p:cNvPr>
            <p:cNvSpPr>
              <a:spLocks/>
            </p:cNvSpPr>
            <p:nvPr/>
          </p:nvSpPr>
          <p:spPr bwMode="auto">
            <a:xfrm>
              <a:off x="2913063" y="1125538"/>
              <a:ext cx="66675"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a:defRPr/>
              </a:pPr>
              <a:endParaRPr lang="zh-CN" altLang="en-US" sz="1400"/>
            </a:p>
          </p:txBody>
        </p:sp>
        <p:sp>
          <p:nvSpPr>
            <p:cNvPr id="257" name="Freeform 231">
              <a:extLst>
                <a:ext uri="{FF2B5EF4-FFF2-40B4-BE49-F238E27FC236}">
                  <a16:creationId xmlns:a16="http://schemas.microsoft.com/office/drawing/2014/main" xmlns="" id="{FFD22AB6-D051-42E5-B0E8-0CD80715FB64}"/>
                </a:ext>
              </a:extLst>
            </p:cNvPr>
            <p:cNvSpPr>
              <a:spLocks/>
            </p:cNvSpPr>
            <p:nvPr/>
          </p:nvSpPr>
          <p:spPr bwMode="auto">
            <a:xfrm>
              <a:off x="2973388" y="1130301"/>
              <a:ext cx="19050"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a:defRPr/>
              </a:pPr>
              <a:endParaRPr lang="zh-CN" altLang="en-US" sz="1400"/>
            </a:p>
          </p:txBody>
        </p:sp>
        <p:sp>
          <p:nvSpPr>
            <p:cNvPr id="258" name="Freeform 232">
              <a:extLst>
                <a:ext uri="{FF2B5EF4-FFF2-40B4-BE49-F238E27FC236}">
                  <a16:creationId xmlns:a16="http://schemas.microsoft.com/office/drawing/2014/main" xmlns="" id="{47CE7326-4CC3-44B9-99F1-1D2C4C47D88E}"/>
                </a:ext>
              </a:extLst>
            </p:cNvPr>
            <p:cNvSpPr>
              <a:spLocks/>
            </p:cNvSpPr>
            <p:nvPr/>
          </p:nvSpPr>
          <p:spPr bwMode="auto">
            <a:xfrm>
              <a:off x="2913063" y="1155701"/>
              <a:ext cx="66675"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a:defRPr/>
              </a:pPr>
              <a:endParaRPr lang="zh-CN" altLang="en-US" sz="1400"/>
            </a:p>
          </p:txBody>
        </p:sp>
        <p:sp>
          <p:nvSpPr>
            <p:cNvPr id="259" name="Freeform 233">
              <a:extLst>
                <a:ext uri="{FF2B5EF4-FFF2-40B4-BE49-F238E27FC236}">
                  <a16:creationId xmlns:a16="http://schemas.microsoft.com/office/drawing/2014/main" xmlns="" id="{1A6C1D88-4F4A-4AEE-B79A-AB4D7B1A7DCA}"/>
                </a:ext>
              </a:extLst>
            </p:cNvPr>
            <p:cNvSpPr>
              <a:spLocks/>
            </p:cNvSpPr>
            <p:nvPr/>
          </p:nvSpPr>
          <p:spPr bwMode="auto">
            <a:xfrm>
              <a:off x="2973388" y="1158876"/>
              <a:ext cx="19050"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a:defRPr/>
              </a:pPr>
              <a:endParaRPr lang="zh-CN" altLang="en-US" sz="1400"/>
            </a:p>
          </p:txBody>
        </p:sp>
      </p:grpSp>
      <p:sp>
        <p:nvSpPr>
          <p:cNvPr id="260" name="矩形 259">
            <a:extLst>
              <a:ext uri="{FF2B5EF4-FFF2-40B4-BE49-F238E27FC236}">
                <a16:creationId xmlns:a16="http://schemas.microsoft.com/office/drawing/2014/main" xmlns="" id="{9C870A7C-42C2-4FFA-ABF0-ECEB77425508}"/>
              </a:ext>
            </a:extLst>
          </p:cNvPr>
          <p:cNvSpPr/>
          <p:nvPr/>
        </p:nvSpPr>
        <p:spPr bwMode="auto">
          <a:xfrm>
            <a:off x="4069502" y="4612446"/>
            <a:ext cx="755323" cy="304103"/>
          </a:xfrm>
          <a:prstGeom prst="rect">
            <a:avLst/>
          </a:prstGeom>
          <a:solidFill>
            <a:srgbClr val="FFF2CC"/>
          </a:solidFill>
          <a:ln w="12700">
            <a:solidFill>
              <a:srgbClr val="FFD17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a:solidFill>
                  <a:schemeClr val="tx1"/>
                </a:solidFill>
                <a:latin typeface="Huawei Sans" panose="020C0503030203020204" pitchFamily="34" charset="0"/>
                <a:ea typeface="方正兰亭黑简体" panose="02000000000000000000" pitchFamily="2" charset="-122"/>
              </a:rPr>
              <a:t>VM</a:t>
            </a:r>
            <a:endParaRPr lang="zh-CN" altLang="en-US" sz="1400" dirty="0">
              <a:solidFill>
                <a:schemeClr val="tx1"/>
              </a:solidFill>
              <a:latin typeface="Huawei Sans" panose="020C0503030203020204" pitchFamily="34" charset="0"/>
              <a:ea typeface="方正兰亭黑简体" panose="02000000000000000000" pitchFamily="2" charset="-122"/>
            </a:endParaRPr>
          </a:p>
        </p:txBody>
      </p:sp>
      <p:sp>
        <p:nvSpPr>
          <p:cNvPr id="261" name="矩形 260">
            <a:extLst>
              <a:ext uri="{FF2B5EF4-FFF2-40B4-BE49-F238E27FC236}">
                <a16:creationId xmlns:a16="http://schemas.microsoft.com/office/drawing/2014/main" xmlns="" id="{DD8EDFA1-F3AA-42F6-ABF4-295BD03CD05A}"/>
              </a:ext>
            </a:extLst>
          </p:cNvPr>
          <p:cNvSpPr/>
          <p:nvPr/>
        </p:nvSpPr>
        <p:spPr bwMode="auto">
          <a:xfrm>
            <a:off x="4875390" y="4612446"/>
            <a:ext cx="755323" cy="304103"/>
          </a:xfrm>
          <a:prstGeom prst="rect">
            <a:avLst/>
          </a:prstGeom>
          <a:solidFill>
            <a:srgbClr val="FFF2CC"/>
          </a:solidFill>
          <a:ln w="12700">
            <a:solidFill>
              <a:srgbClr val="FFD17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a:solidFill>
                  <a:schemeClr val="tx1"/>
                </a:solidFill>
                <a:latin typeface="Huawei Sans" panose="020C0503030203020204" pitchFamily="34" charset="0"/>
                <a:ea typeface="方正兰亭黑简体" panose="02000000000000000000" pitchFamily="2" charset="-122"/>
              </a:rPr>
              <a:t>VM</a:t>
            </a:r>
            <a:endParaRPr lang="zh-CN" altLang="en-US" sz="1400" dirty="0">
              <a:solidFill>
                <a:schemeClr val="tx1"/>
              </a:solidFill>
              <a:latin typeface="Huawei Sans" panose="020C0503030203020204" pitchFamily="34" charset="0"/>
              <a:ea typeface="方正兰亭黑简体" panose="02000000000000000000" pitchFamily="2" charset="-122"/>
            </a:endParaRPr>
          </a:p>
        </p:txBody>
      </p:sp>
      <p:sp>
        <p:nvSpPr>
          <p:cNvPr id="262" name="矩形 261">
            <a:extLst>
              <a:ext uri="{FF2B5EF4-FFF2-40B4-BE49-F238E27FC236}">
                <a16:creationId xmlns:a16="http://schemas.microsoft.com/office/drawing/2014/main" xmlns="" id="{53159037-EA3D-4A36-BA2D-F4ABBCB274EB}"/>
              </a:ext>
            </a:extLst>
          </p:cNvPr>
          <p:cNvSpPr/>
          <p:nvPr/>
        </p:nvSpPr>
        <p:spPr bwMode="auto">
          <a:xfrm>
            <a:off x="4875390" y="4269631"/>
            <a:ext cx="755323" cy="304103"/>
          </a:xfrm>
          <a:prstGeom prst="rect">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zh-CN" sz="1400" kern="0">
                <a:solidFill>
                  <a:srgbClr val="1D1D1A"/>
                </a:solidFill>
                <a:latin typeface="Huawei Sans" panose="020C0503030203020204" pitchFamily="34" charset="0"/>
                <a:ea typeface="方正兰亭黑简体" panose="02000000000000000000" pitchFamily="2" charset="-122"/>
              </a:rPr>
              <a:t>OS</a:t>
            </a:r>
            <a:endParaRPr lang="zh-CN" altLang="en-US" sz="1400" kern="0" dirty="0">
              <a:solidFill>
                <a:srgbClr val="1D1D1A"/>
              </a:solidFill>
              <a:latin typeface="Huawei Sans" panose="020C0503030203020204" pitchFamily="34" charset="0"/>
              <a:ea typeface="方正兰亭黑简体" panose="02000000000000000000" pitchFamily="2" charset="-122"/>
            </a:endParaRPr>
          </a:p>
        </p:txBody>
      </p:sp>
      <p:sp>
        <p:nvSpPr>
          <p:cNvPr id="263" name="矩形 262">
            <a:extLst>
              <a:ext uri="{FF2B5EF4-FFF2-40B4-BE49-F238E27FC236}">
                <a16:creationId xmlns:a16="http://schemas.microsoft.com/office/drawing/2014/main" xmlns="" id="{1ED021D1-B1D9-498E-B6FE-0ECE2F58DD35}"/>
              </a:ext>
            </a:extLst>
          </p:cNvPr>
          <p:cNvSpPr/>
          <p:nvPr/>
        </p:nvSpPr>
        <p:spPr bwMode="auto">
          <a:xfrm>
            <a:off x="4069502" y="4269631"/>
            <a:ext cx="755323" cy="304103"/>
          </a:xfrm>
          <a:prstGeom prst="rect">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zh-CN" sz="1400" kern="0">
                <a:solidFill>
                  <a:srgbClr val="1D1D1A"/>
                </a:solidFill>
                <a:latin typeface="Huawei Sans" panose="020C0503030203020204" pitchFamily="34" charset="0"/>
                <a:ea typeface="方正兰亭黑简体" panose="02000000000000000000" pitchFamily="2" charset="-122"/>
              </a:rPr>
              <a:t>OS</a:t>
            </a:r>
            <a:endParaRPr lang="zh-CN" altLang="en-US" sz="1400" kern="0" dirty="0">
              <a:solidFill>
                <a:srgbClr val="1D1D1A"/>
              </a:solidFill>
              <a:latin typeface="Huawei Sans" panose="020C0503030203020204" pitchFamily="34" charset="0"/>
              <a:ea typeface="方正兰亭黑简体" panose="02000000000000000000" pitchFamily="2" charset="-122"/>
            </a:endParaRPr>
          </a:p>
        </p:txBody>
      </p:sp>
      <p:sp>
        <p:nvSpPr>
          <p:cNvPr id="264" name="矩形 263">
            <a:extLst>
              <a:ext uri="{FF2B5EF4-FFF2-40B4-BE49-F238E27FC236}">
                <a16:creationId xmlns:a16="http://schemas.microsoft.com/office/drawing/2014/main" xmlns="" id="{2AEDB30B-435D-4530-BA3B-167DC1E95312}"/>
              </a:ext>
            </a:extLst>
          </p:cNvPr>
          <p:cNvSpPr/>
          <p:nvPr/>
        </p:nvSpPr>
        <p:spPr bwMode="auto">
          <a:xfrm>
            <a:off x="4875390" y="3926746"/>
            <a:ext cx="755323" cy="304103"/>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zh-CN" sz="1400" kern="0" dirty="0">
                <a:solidFill>
                  <a:srgbClr val="1D1D1A"/>
                </a:solidFill>
                <a:latin typeface="Huawei Sans" panose="020C0503030203020204" pitchFamily="34" charset="0"/>
                <a:ea typeface="方正兰亭黑简体" panose="02000000000000000000" pitchFamily="2" charset="-122"/>
              </a:rPr>
              <a:t>APP</a:t>
            </a:r>
            <a:endParaRPr lang="zh-CN" altLang="en-US" sz="1400" kern="0" dirty="0">
              <a:solidFill>
                <a:srgbClr val="1D1D1A"/>
              </a:solidFill>
              <a:latin typeface="Huawei Sans" panose="020C0503030203020204" pitchFamily="34" charset="0"/>
              <a:ea typeface="方正兰亭黑简体" panose="02000000000000000000" pitchFamily="2" charset="-122"/>
            </a:endParaRPr>
          </a:p>
        </p:txBody>
      </p:sp>
      <p:sp>
        <p:nvSpPr>
          <p:cNvPr id="265" name="矩形 264">
            <a:extLst>
              <a:ext uri="{FF2B5EF4-FFF2-40B4-BE49-F238E27FC236}">
                <a16:creationId xmlns:a16="http://schemas.microsoft.com/office/drawing/2014/main" xmlns="" id="{E12DACC4-A17C-411F-8DFC-50CE7BDACCAB}"/>
              </a:ext>
            </a:extLst>
          </p:cNvPr>
          <p:cNvSpPr/>
          <p:nvPr/>
        </p:nvSpPr>
        <p:spPr bwMode="auto">
          <a:xfrm>
            <a:off x="4069502" y="3926746"/>
            <a:ext cx="755323" cy="304103"/>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zh-CN" sz="1400" kern="0" dirty="0">
                <a:solidFill>
                  <a:srgbClr val="1D1D1A"/>
                </a:solidFill>
                <a:latin typeface="Huawei Sans" panose="020C0503030203020204" pitchFamily="34" charset="0"/>
                <a:ea typeface="方正兰亭黑简体" panose="02000000000000000000" pitchFamily="2" charset="-122"/>
              </a:rPr>
              <a:t>APP</a:t>
            </a:r>
            <a:endParaRPr lang="zh-CN" altLang="en-US" sz="1400" kern="0" dirty="0">
              <a:solidFill>
                <a:srgbClr val="1D1D1A"/>
              </a:solidFill>
              <a:latin typeface="Huawei Sans" panose="020C0503030203020204" pitchFamily="34" charset="0"/>
              <a:ea typeface="方正兰亭黑简体" panose="02000000000000000000" pitchFamily="2" charset="-122"/>
            </a:endParaRPr>
          </a:p>
        </p:txBody>
      </p:sp>
      <p:sp>
        <p:nvSpPr>
          <p:cNvPr id="267" name="圆角矩形 75">
            <a:extLst>
              <a:ext uri="{FF2B5EF4-FFF2-40B4-BE49-F238E27FC236}">
                <a16:creationId xmlns:a16="http://schemas.microsoft.com/office/drawing/2014/main" xmlns="" id="{0236FB2F-C635-418C-8EAB-B1068F176C2E}"/>
              </a:ext>
            </a:extLst>
          </p:cNvPr>
          <p:cNvSpPr/>
          <p:nvPr/>
        </p:nvSpPr>
        <p:spPr>
          <a:xfrm>
            <a:off x="565530" y="2280207"/>
            <a:ext cx="5530470" cy="351345"/>
          </a:xfrm>
          <a:prstGeom prst="roundRect">
            <a:avLst>
              <a:gd name="adj" fmla="val 10604"/>
            </a:avLst>
          </a:prstGeom>
          <a:solidFill>
            <a:srgbClr val="00B0F0"/>
          </a:solidFill>
          <a:ln>
            <a:noFill/>
          </a:ln>
        </p:spPr>
        <p:txBody>
          <a:bodyPr wrap="square" rtlCol="0" anchor="ctr" anchorCtr="0">
            <a:noAutofit/>
          </a:bodyPr>
          <a:lstStyle/>
          <a:p>
            <a:pPr algn="ctr"/>
            <a:r>
              <a:rPr lang="en-US" altLang="zh-CN" b="1" dirty="0">
                <a:solidFill>
                  <a:prstClr val="white"/>
                </a:solidFill>
                <a:latin typeface="Huawei Sans" panose="020C0503030203020204" pitchFamily="34" charset="0"/>
                <a:ea typeface="方正兰亭黑简体" panose="02000000000000000000" pitchFamily="2" charset="-122"/>
              </a:rPr>
              <a:t>IT</a:t>
            </a:r>
            <a:r>
              <a:rPr lang="zh-CN" altLang="en-US" b="1" dirty="0">
                <a:solidFill>
                  <a:prstClr val="white"/>
                </a:solidFill>
                <a:latin typeface="Huawei Sans" panose="020C0503030203020204" pitchFamily="34" charset="0"/>
                <a:ea typeface="方正兰亭黑简体" panose="02000000000000000000" pitchFamily="2" charset="-122"/>
              </a:rPr>
              <a:t>产业的变革</a:t>
            </a:r>
          </a:p>
        </p:txBody>
      </p:sp>
      <p:sp>
        <p:nvSpPr>
          <p:cNvPr id="268" name="圆角矩形 75">
            <a:extLst>
              <a:ext uri="{FF2B5EF4-FFF2-40B4-BE49-F238E27FC236}">
                <a16:creationId xmlns:a16="http://schemas.microsoft.com/office/drawing/2014/main" xmlns="" id="{48880DA8-EBF5-4EFB-B469-3311BD2ECAB3}"/>
              </a:ext>
            </a:extLst>
          </p:cNvPr>
          <p:cNvSpPr/>
          <p:nvPr/>
        </p:nvSpPr>
        <p:spPr>
          <a:xfrm>
            <a:off x="565530" y="2663161"/>
            <a:ext cx="5530470" cy="3646019"/>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285750" indent="-285750" algn="just" fontAlgn="auto">
              <a:lnSpc>
                <a:spcPts val="2600"/>
              </a:lnSpc>
              <a:spcBef>
                <a:spcPts val="0"/>
              </a:spcBef>
              <a:spcAft>
                <a:spcPts val="600"/>
              </a:spcAft>
              <a:buFont typeface="Arial" panose="020B0604020202020204" pitchFamily="34" charset="0"/>
              <a:buChar char="•"/>
            </a:pPr>
            <a:r>
              <a:rPr lang="zh-CN" altLang="en-US" sz="1700" dirty="0">
                <a:solidFill>
                  <a:prstClr val="black"/>
                </a:solidFill>
              </a:rPr>
              <a:t>近年虚拟化和云计算等</a:t>
            </a:r>
            <a:r>
              <a:rPr lang="en-US" altLang="zh-CN" sz="1700" dirty="0">
                <a:solidFill>
                  <a:prstClr val="black"/>
                </a:solidFill>
              </a:rPr>
              <a:t>IT</a:t>
            </a:r>
            <a:r>
              <a:rPr lang="zh-CN" altLang="en-US" sz="1700" dirty="0">
                <a:solidFill>
                  <a:prstClr val="black"/>
                </a:solidFill>
              </a:rPr>
              <a:t>技术蓬勃发展，传统部署于硬件的应用逐渐云化。应用以软件的方式部署于私有云、公有云或者混合云上。</a:t>
            </a:r>
            <a:endParaRPr lang="en-US" altLang="zh-CN" sz="1700" dirty="0">
              <a:solidFill>
                <a:prstClr val="black"/>
              </a:solidFill>
            </a:endParaRPr>
          </a:p>
        </p:txBody>
      </p:sp>
      <p:sp>
        <p:nvSpPr>
          <p:cNvPr id="271" name="七边形 270">
            <a:extLst>
              <a:ext uri="{FF2B5EF4-FFF2-40B4-BE49-F238E27FC236}">
                <a16:creationId xmlns:a16="http://schemas.microsoft.com/office/drawing/2014/main" xmlns="" id="{92B7C942-ACFE-40A9-9F6A-5430768F42D1}"/>
              </a:ext>
            </a:extLst>
          </p:cNvPr>
          <p:cNvSpPr/>
          <p:nvPr/>
        </p:nvSpPr>
        <p:spPr>
          <a:xfrm>
            <a:off x="8394716" y="2695927"/>
            <a:ext cx="1130353" cy="1056846"/>
          </a:xfrm>
          <a:prstGeom prst="heptagon">
            <a:avLst/>
          </a:prstGeom>
          <a:solidFill>
            <a:srgbClr val="00B0F0">
              <a:alpha val="5000"/>
            </a:srgbClr>
          </a:solidFill>
          <a:ln>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50000"/>
              </a:lnSpc>
            </a:pPr>
            <a:r>
              <a:rPr lang="zh-CN" altLang="en-US" b="1" dirty="0">
                <a:solidFill>
                  <a:schemeClr val="tx1"/>
                </a:solidFill>
              </a:rPr>
              <a:t>网络？</a:t>
            </a:r>
          </a:p>
        </p:txBody>
      </p:sp>
      <p:sp>
        <p:nvSpPr>
          <p:cNvPr id="273" name="Content Placeholder 2">
            <a:extLst>
              <a:ext uri="{FF2B5EF4-FFF2-40B4-BE49-F238E27FC236}">
                <a16:creationId xmlns:a16="http://schemas.microsoft.com/office/drawing/2014/main" xmlns="" id="{5F563028-0E24-43B0-907F-9E63F64773D9}"/>
              </a:ext>
            </a:extLst>
          </p:cNvPr>
          <p:cNvSpPr txBox="1">
            <a:spLocks/>
          </p:cNvSpPr>
          <p:nvPr/>
        </p:nvSpPr>
        <p:spPr>
          <a:xfrm>
            <a:off x="6194657" y="4214333"/>
            <a:ext cx="5530470" cy="1354611"/>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sz="1700" dirty="0"/>
              <a:t>网络产业思考：能否以软件化的方式部署网络应用呢</a:t>
            </a:r>
            <a:r>
              <a:rPr lang="en-US" altLang="zh-CN" sz="1700" dirty="0"/>
              <a:t>?</a:t>
            </a:r>
          </a:p>
          <a:p>
            <a:r>
              <a:rPr lang="zh-CN" altLang="en-US" sz="1700" dirty="0"/>
              <a:t>这些思考引发了</a:t>
            </a:r>
            <a:r>
              <a:rPr lang="en-US" altLang="zh-CN" sz="1700" dirty="0">
                <a:solidFill>
                  <a:srgbClr val="EC7061"/>
                </a:solidFill>
              </a:rPr>
              <a:t>NFV</a:t>
            </a:r>
            <a:r>
              <a:rPr lang="zh-CN" altLang="en-US" sz="1700" dirty="0">
                <a:solidFill>
                  <a:srgbClr val="EC7061"/>
                </a:solidFill>
              </a:rPr>
              <a:t>（</a:t>
            </a:r>
            <a:r>
              <a:rPr lang="en-US" altLang="zh-CN" sz="1700" dirty="0">
                <a:solidFill>
                  <a:srgbClr val="EC7061"/>
                </a:solidFill>
              </a:rPr>
              <a:t>Network Functional Virtualization</a:t>
            </a:r>
            <a:r>
              <a:rPr lang="zh-CN" altLang="en-US" sz="1700" dirty="0">
                <a:solidFill>
                  <a:srgbClr val="EC7061"/>
                </a:solidFill>
              </a:rPr>
              <a:t>，网络功能虚拟化）</a:t>
            </a:r>
            <a:r>
              <a:rPr lang="zh-CN" altLang="en-US" sz="1700" dirty="0"/>
              <a:t>。</a:t>
            </a:r>
          </a:p>
        </p:txBody>
      </p:sp>
      <p:sp>
        <p:nvSpPr>
          <p:cNvPr id="51" name="Right Arrow 157"/>
          <p:cNvSpPr/>
          <p:nvPr/>
        </p:nvSpPr>
        <p:spPr>
          <a:xfrm>
            <a:off x="2656881" y="4539818"/>
            <a:ext cx="1021345" cy="712283"/>
          </a:xfrm>
          <a:prstGeom prst="rightArrow">
            <a:avLst>
              <a:gd name="adj1" fmla="val 40000"/>
              <a:gd name="adj2" fmla="val 50000"/>
            </a:avLst>
          </a:prstGeom>
          <a:gradFill flip="none" rotWithShape="1">
            <a:gsLst>
              <a:gs pos="15000">
                <a:schemeClr val="accent1">
                  <a:lumMod val="5000"/>
                  <a:lumOff val="95000"/>
                  <a:alpha val="0"/>
                </a:schemeClr>
              </a:gs>
              <a:gs pos="81000">
                <a:srgbClr val="99DFF9"/>
              </a:gs>
            </a:gsLst>
            <a:lin ang="0" scaled="1"/>
            <a:tileRect/>
          </a:gradFill>
          <a:ln w="15875">
            <a:gradFill flip="none" rotWithShape="1">
              <a:gsLst>
                <a:gs pos="0">
                  <a:schemeClr val="accent1">
                    <a:lumMod val="5000"/>
                    <a:lumOff val="95000"/>
                  </a:schemeClr>
                </a:gs>
                <a:gs pos="100000">
                  <a:srgbClr val="00B0F0"/>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文本框 108">
            <a:extLst>
              <a:ext uri="{FF2B5EF4-FFF2-40B4-BE49-F238E27FC236}">
                <a16:creationId xmlns:a16="http://schemas.microsoft.com/office/drawing/2014/main" xmlns="" id="{506BEBA0-30E6-4982-AEA9-C41584E47882}"/>
              </a:ext>
            </a:extLst>
          </p:cNvPr>
          <p:cNvSpPr txBox="1"/>
          <p:nvPr/>
        </p:nvSpPr>
        <p:spPr bwMode="auto">
          <a:xfrm>
            <a:off x="2400989" y="4752396"/>
            <a:ext cx="1143930" cy="304103"/>
          </a:xfrm>
          <a:prstGeom prst="rect">
            <a:avLst/>
          </a:prstGeom>
          <a:noFill/>
          <a:ln w="9525" algn="ctr">
            <a:noFill/>
            <a:miter lim="800000"/>
            <a:headEnd/>
            <a:tailEnd/>
          </a:ln>
        </p:spPr>
        <p:txBody>
          <a:bodyPr vert="horz" wrap="none" lIns="87802" tIns="43901" rIns="87802" bIns="43901" numCol="1" rtlCol="0" anchor="ctr" anchorCtr="0" compatLnSpc="1">
            <a:prstTxWarp prst="textNoShape">
              <a:avLst/>
            </a:prstTxWarp>
            <a:spAutoFit/>
          </a:bodyPr>
          <a:lstStyle/>
          <a:p>
            <a:r>
              <a:rPr lang="zh-CN" altLang="en-US" sz="1400" dirty="0"/>
              <a:t>虚拟化</a:t>
            </a:r>
            <a:r>
              <a:rPr lang="en-US" altLang="zh-CN" sz="1400" dirty="0"/>
              <a:t>/</a:t>
            </a:r>
            <a:r>
              <a:rPr lang="zh-CN" altLang="en-US" sz="1400" dirty="0"/>
              <a:t>云化</a:t>
            </a:r>
          </a:p>
        </p:txBody>
      </p:sp>
    </p:spTree>
    <p:extLst>
      <p:ext uri="{BB962C8B-B14F-4D97-AF65-F5344CB8AC3E}">
        <p14:creationId xmlns:p14="http://schemas.microsoft.com/office/powerpoint/2010/main" val="209370111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EB0B0DCD-2DA0-40C5-9F13-1F845866C629}"/>
              </a:ext>
            </a:extLst>
          </p:cNvPr>
          <p:cNvSpPr>
            <a:spLocks noGrp="1"/>
          </p:cNvSpPr>
          <p:nvPr>
            <p:ph type="title"/>
          </p:nvPr>
        </p:nvSpPr>
        <p:spPr/>
        <p:txBody>
          <a:bodyPr/>
          <a:lstStyle/>
          <a:p>
            <a:r>
              <a:rPr lang="en-US" altLang="zh-CN"/>
              <a:t>NFV</a:t>
            </a:r>
            <a:r>
              <a:rPr lang="zh-CN" altLang="en-US"/>
              <a:t>的起源</a:t>
            </a:r>
          </a:p>
        </p:txBody>
      </p:sp>
      <p:sp>
        <p:nvSpPr>
          <p:cNvPr id="3" name="Content Placeholder 2">
            <a:extLst>
              <a:ext uri="{FF2B5EF4-FFF2-40B4-BE49-F238E27FC236}">
                <a16:creationId xmlns:a16="http://schemas.microsoft.com/office/drawing/2014/main" xmlns="" id="{3BF28A9E-BB51-4939-8A4B-D30A04061E84}"/>
              </a:ext>
            </a:extLst>
          </p:cNvPr>
          <p:cNvSpPr txBox="1">
            <a:spLocks/>
          </p:cNvSpPr>
          <p:nvPr/>
        </p:nvSpPr>
        <p:spPr>
          <a:xfrm>
            <a:off x="446088" y="1233488"/>
            <a:ext cx="11299825" cy="4680000"/>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1900" dirty="0"/>
              <a:t>2012</a:t>
            </a:r>
            <a:r>
              <a:rPr lang="zh-CN" altLang="en-US" sz="1900" dirty="0"/>
              <a:t>年</a:t>
            </a:r>
            <a:r>
              <a:rPr lang="en-US" altLang="zh-CN" sz="1900" dirty="0"/>
              <a:t>10</a:t>
            </a:r>
            <a:r>
              <a:rPr lang="zh-CN" altLang="en-US" sz="1900" dirty="0"/>
              <a:t>月，</a:t>
            </a:r>
            <a:r>
              <a:rPr lang="en-US" altLang="zh-CN" sz="1900" dirty="0"/>
              <a:t>13</a:t>
            </a:r>
            <a:r>
              <a:rPr lang="zh-CN" altLang="en-US" sz="1900" dirty="0"/>
              <a:t>家</a:t>
            </a:r>
            <a:r>
              <a:rPr lang="en-US" altLang="zh-CN" sz="1900" dirty="0"/>
              <a:t>Top</a:t>
            </a:r>
            <a:r>
              <a:rPr lang="zh-CN" altLang="en-US" sz="1900" dirty="0"/>
              <a:t>运营商（</a:t>
            </a:r>
            <a:r>
              <a:rPr lang="en-US" altLang="zh-CN" sz="1900" dirty="0"/>
              <a:t>AT&amp;T</a:t>
            </a:r>
            <a:r>
              <a:rPr lang="zh-CN" altLang="en-US" sz="1900" dirty="0"/>
              <a:t>、</a:t>
            </a:r>
            <a:r>
              <a:rPr lang="en-US" altLang="zh-CN" sz="1900" dirty="0"/>
              <a:t>Verizon</a:t>
            </a:r>
            <a:r>
              <a:rPr lang="zh-CN" altLang="en-US" sz="1900" dirty="0"/>
              <a:t>、</a:t>
            </a:r>
            <a:r>
              <a:rPr lang="en-US" altLang="zh-CN" sz="1900" dirty="0"/>
              <a:t>VDF</a:t>
            </a:r>
            <a:r>
              <a:rPr lang="zh-CN" altLang="en-US" sz="1900" dirty="0"/>
              <a:t>、</a:t>
            </a:r>
            <a:r>
              <a:rPr lang="en-US" altLang="zh-CN" sz="1900" dirty="0"/>
              <a:t>DT</a:t>
            </a:r>
            <a:r>
              <a:rPr lang="zh-CN" altLang="en-US" sz="1900" dirty="0"/>
              <a:t>、</a:t>
            </a:r>
            <a:r>
              <a:rPr lang="en-US" altLang="zh-CN" sz="1900" dirty="0"/>
              <a:t>T-Mobile</a:t>
            </a:r>
            <a:r>
              <a:rPr lang="zh-CN" altLang="en-US" sz="1900" dirty="0"/>
              <a:t>、</a:t>
            </a:r>
            <a:r>
              <a:rPr lang="en-US" altLang="zh-CN" sz="1900" dirty="0"/>
              <a:t>BT</a:t>
            </a:r>
            <a:r>
              <a:rPr lang="zh-CN" altLang="en-US" sz="1900" dirty="0"/>
              <a:t>、</a:t>
            </a:r>
            <a:r>
              <a:rPr lang="en-US" altLang="zh-CN" sz="1900" dirty="0"/>
              <a:t>Telefonica</a:t>
            </a:r>
            <a:r>
              <a:rPr lang="zh-CN" altLang="en-US" sz="1900" dirty="0"/>
              <a:t>等）在</a:t>
            </a:r>
            <a:r>
              <a:rPr lang="en-US" altLang="zh-CN" sz="1900" dirty="0"/>
              <a:t>SDN</a:t>
            </a:r>
            <a:r>
              <a:rPr lang="zh-CN" altLang="en-US" sz="1900" dirty="0"/>
              <a:t>和</a:t>
            </a:r>
            <a:r>
              <a:rPr lang="en-US" altLang="zh-CN" sz="1900" dirty="0"/>
              <a:t>Open Flow</a:t>
            </a:r>
            <a:r>
              <a:rPr lang="zh-CN" altLang="en-US" sz="1900" dirty="0"/>
              <a:t>世界大会上发布</a:t>
            </a:r>
            <a:r>
              <a:rPr lang="en-US" altLang="zh-CN" sz="1900" dirty="0"/>
              <a:t>NFV </a:t>
            </a:r>
            <a:r>
              <a:rPr lang="zh-CN" altLang="en-US" sz="1900" dirty="0"/>
              <a:t>（</a:t>
            </a:r>
            <a:r>
              <a:rPr lang="en-US" altLang="zh-CN" sz="1900" dirty="0"/>
              <a:t>Network Functions Virtualization</a:t>
            </a:r>
            <a:r>
              <a:rPr lang="zh-CN" altLang="en-US" sz="1900" dirty="0"/>
              <a:t>）第一版白皮书，同时成立了</a:t>
            </a:r>
            <a:r>
              <a:rPr lang="en-US" altLang="zh-CN" sz="1900" dirty="0"/>
              <a:t>ISG</a:t>
            </a:r>
            <a:r>
              <a:rPr lang="zh-CN" altLang="en-US" sz="1900" dirty="0"/>
              <a:t>（</a:t>
            </a:r>
            <a:r>
              <a:rPr lang="en-US" altLang="zh-CN" sz="1900" dirty="0"/>
              <a:t>Industry Specification Group</a:t>
            </a:r>
            <a:r>
              <a:rPr lang="zh-CN" altLang="en-US" sz="1900" dirty="0"/>
              <a:t>）来推动网络虚拟化的需求定义和系统架构制定。</a:t>
            </a:r>
            <a:endParaRPr lang="en-US" altLang="zh-CN" sz="1900" dirty="0"/>
          </a:p>
          <a:p>
            <a:r>
              <a:rPr lang="en-US" altLang="zh-CN" sz="1900" dirty="0"/>
              <a:t>2013</a:t>
            </a:r>
            <a:r>
              <a:rPr lang="zh-CN" altLang="en-US" sz="1900" dirty="0"/>
              <a:t>年，</a:t>
            </a:r>
            <a:r>
              <a:rPr lang="en-US" altLang="zh-CN" sz="1900" dirty="0"/>
              <a:t>ETSI</a:t>
            </a:r>
            <a:r>
              <a:rPr lang="zh-CN" altLang="en-US" sz="1900" dirty="0"/>
              <a:t>下</a:t>
            </a:r>
            <a:r>
              <a:rPr lang="en-US" altLang="zh-CN" sz="1900" dirty="0"/>
              <a:t>NFV ISG</a:t>
            </a:r>
            <a:r>
              <a:rPr lang="zh-CN" altLang="en-US" sz="1900" dirty="0"/>
              <a:t>（行业规范工作组）进行第一阶段研究，已完成相关标准制定。主要定义网络功能虚拟化的需求和架构，并梳理不同接口的标准化进程。</a:t>
            </a:r>
          </a:p>
          <a:p>
            <a:endParaRPr lang="zh-CN" altLang="en-US" sz="1900" dirty="0"/>
          </a:p>
        </p:txBody>
      </p:sp>
      <p:pic>
        <p:nvPicPr>
          <p:cNvPr id="5" name="图片 4">
            <a:extLst>
              <a:ext uri="{FF2B5EF4-FFF2-40B4-BE49-F238E27FC236}">
                <a16:creationId xmlns:a16="http://schemas.microsoft.com/office/drawing/2014/main" xmlns="" id="{90EBC0A6-31C1-44F6-945B-F7F9CA32AA9E}"/>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847978" y="4026218"/>
            <a:ext cx="3903785" cy="1605988"/>
          </a:xfrm>
          <a:prstGeom prst="rect">
            <a:avLst/>
          </a:prstGeom>
        </p:spPr>
      </p:pic>
    </p:spTree>
    <p:extLst>
      <p:ext uri="{BB962C8B-B14F-4D97-AF65-F5344CB8AC3E}">
        <p14:creationId xmlns:p14="http://schemas.microsoft.com/office/powerpoint/2010/main" val="170163288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mtClean="0"/>
              <a:t>学完本课程后，您将能够：</a:t>
            </a:r>
            <a:endParaRPr lang="en-US" altLang="zh-CN" smtClean="0"/>
          </a:p>
          <a:p>
            <a:pPr lvl="1"/>
            <a:r>
              <a:rPr lang="zh-CN" altLang="en-US" smtClean="0"/>
              <a:t>描述</a:t>
            </a:r>
            <a:r>
              <a:rPr lang="en-US" altLang="zh-CN" smtClean="0"/>
              <a:t>SDN</a:t>
            </a:r>
            <a:r>
              <a:rPr lang="zh-CN" altLang="en-US" smtClean="0"/>
              <a:t>与</a:t>
            </a:r>
            <a:r>
              <a:rPr lang="en-US" altLang="zh-CN" smtClean="0"/>
              <a:t>NFV</a:t>
            </a:r>
            <a:r>
              <a:rPr lang="zh-CN" altLang="en-US" smtClean="0"/>
              <a:t>的发展历史</a:t>
            </a:r>
            <a:endParaRPr lang="en-US" altLang="zh-CN" smtClean="0"/>
          </a:p>
          <a:p>
            <a:pPr lvl="1"/>
            <a:r>
              <a:rPr lang="zh-CN" altLang="en-US" smtClean="0"/>
              <a:t>了解</a:t>
            </a:r>
            <a:r>
              <a:rPr lang="en-US" altLang="zh-CN" smtClean="0"/>
              <a:t>OpenFlow</a:t>
            </a:r>
            <a:r>
              <a:rPr lang="zh-CN" altLang="en-US" smtClean="0"/>
              <a:t>的基本原理</a:t>
            </a:r>
            <a:endParaRPr lang="en-US" altLang="zh-CN" smtClean="0"/>
          </a:p>
          <a:p>
            <a:pPr lvl="1"/>
            <a:r>
              <a:rPr lang="zh-CN" altLang="en-US" smtClean="0"/>
              <a:t>了解华为</a:t>
            </a:r>
            <a:r>
              <a:rPr lang="en-US" altLang="zh-CN" smtClean="0"/>
              <a:t>SDN</a:t>
            </a:r>
            <a:r>
              <a:rPr lang="zh-CN" altLang="en-US" smtClean="0"/>
              <a:t>解决方案</a:t>
            </a:r>
            <a:endParaRPr lang="en-US" altLang="zh-CN" smtClean="0"/>
          </a:p>
          <a:p>
            <a:pPr lvl="1"/>
            <a:r>
              <a:rPr lang="zh-CN" altLang="en-US" smtClean="0"/>
              <a:t>了解标准</a:t>
            </a:r>
            <a:r>
              <a:rPr lang="en-US" altLang="zh-CN" smtClean="0"/>
              <a:t>NFV</a:t>
            </a:r>
            <a:r>
              <a:rPr lang="zh-CN" altLang="en-US" smtClean="0"/>
              <a:t>架构</a:t>
            </a:r>
            <a:endParaRPr lang="en-US" altLang="zh-CN" smtClean="0"/>
          </a:p>
          <a:p>
            <a:pPr lvl="1"/>
            <a:r>
              <a:rPr lang="zh-CN" altLang="en-US" smtClean="0"/>
              <a:t>了解华为</a:t>
            </a:r>
            <a:r>
              <a:rPr lang="en-US" altLang="zh-CN" smtClean="0"/>
              <a:t>NFV</a:t>
            </a:r>
            <a:r>
              <a:rPr lang="zh-CN" altLang="en-US" smtClean="0"/>
              <a:t>解决方案</a:t>
            </a:r>
          </a:p>
          <a:p>
            <a:endParaRPr lang="zh-CN" altLang="en-US"/>
          </a:p>
        </p:txBody>
      </p:sp>
    </p:spTree>
    <p:extLst>
      <p:ext uri="{BB962C8B-B14F-4D97-AF65-F5344CB8AC3E}">
        <p14:creationId xmlns:p14="http://schemas.microsoft.com/office/powerpoint/2010/main" val="23547190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986891C5-FFDD-457B-BA7D-FD5D1FAEE593}"/>
              </a:ext>
            </a:extLst>
          </p:cNvPr>
          <p:cNvSpPr>
            <a:spLocks noGrp="1"/>
          </p:cNvSpPr>
          <p:nvPr>
            <p:ph type="title"/>
          </p:nvPr>
        </p:nvSpPr>
        <p:spPr/>
        <p:txBody>
          <a:bodyPr/>
          <a:lstStyle/>
          <a:p>
            <a:r>
              <a:rPr lang="en-US" altLang="zh-CN"/>
              <a:t>NFV</a:t>
            </a:r>
            <a:r>
              <a:rPr lang="zh-CN" altLang="en-US"/>
              <a:t>的价值</a:t>
            </a:r>
          </a:p>
        </p:txBody>
      </p:sp>
      <p:sp>
        <p:nvSpPr>
          <p:cNvPr id="3" name="Content Placeholder 2">
            <a:extLst>
              <a:ext uri="{FF2B5EF4-FFF2-40B4-BE49-F238E27FC236}">
                <a16:creationId xmlns:a16="http://schemas.microsoft.com/office/drawing/2014/main" xmlns="" id="{15AE9E1F-51F0-48D8-ACE7-CD5793FA2297}"/>
              </a:ext>
            </a:extLst>
          </p:cNvPr>
          <p:cNvSpPr txBox="1">
            <a:spLocks/>
          </p:cNvSpPr>
          <p:nvPr/>
        </p:nvSpPr>
        <p:spPr>
          <a:xfrm>
            <a:off x="446088" y="1233487"/>
            <a:ext cx="11299825" cy="4049713"/>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2000" dirty="0"/>
              <a:t>NFV</a:t>
            </a:r>
            <a:r>
              <a:rPr lang="zh-CN" altLang="en-US" sz="2000" dirty="0"/>
              <a:t>（</a:t>
            </a:r>
            <a:r>
              <a:rPr lang="en-US" altLang="zh-CN" sz="2000" dirty="0"/>
              <a:t>Network Functions Virtualization </a:t>
            </a:r>
            <a:r>
              <a:rPr lang="zh-CN" altLang="en-US" sz="2000" dirty="0"/>
              <a:t>）是运营商为了解决电信网络硬件繁多、部署运维复杂、业务创新困难等问题而提出的。</a:t>
            </a:r>
            <a:r>
              <a:rPr lang="en-US" altLang="zh-CN" sz="2000" dirty="0"/>
              <a:t>NFV</a:t>
            </a:r>
            <a:r>
              <a:rPr lang="zh-CN" altLang="en-US" sz="2000" dirty="0"/>
              <a:t>在重构电信网络的同时，给运营商带来的价值如下：</a:t>
            </a:r>
          </a:p>
          <a:p>
            <a:pPr lvl="1"/>
            <a:r>
              <a:rPr lang="zh-CN" altLang="en-US" sz="2000" dirty="0"/>
              <a:t>缩短业务上线时间</a:t>
            </a:r>
            <a:endParaRPr lang="en-US" altLang="zh-CN" sz="2000" dirty="0"/>
          </a:p>
          <a:p>
            <a:pPr lvl="1"/>
            <a:r>
              <a:rPr lang="zh-CN" altLang="en-US" sz="2000" dirty="0"/>
              <a:t>降低建网成本</a:t>
            </a:r>
            <a:endParaRPr lang="en-US" altLang="zh-CN" sz="2000" dirty="0"/>
          </a:p>
          <a:p>
            <a:pPr lvl="1"/>
            <a:r>
              <a:rPr lang="zh-CN" altLang="en-US" sz="2000" dirty="0"/>
              <a:t>提升网络运维效率</a:t>
            </a:r>
            <a:endParaRPr lang="en-US" altLang="zh-CN" sz="2000" dirty="0"/>
          </a:p>
          <a:p>
            <a:pPr lvl="1"/>
            <a:r>
              <a:rPr lang="zh-CN" altLang="en-US" sz="2000" dirty="0"/>
              <a:t>构建开放的生态系统</a:t>
            </a:r>
            <a:endParaRPr lang="en-US" altLang="zh-CN" sz="2000" dirty="0"/>
          </a:p>
        </p:txBody>
      </p:sp>
    </p:spTree>
    <p:extLst>
      <p:ext uri="{BB962C8B-B14F-4D97-AF65-F5344CB8AC3E}">
        <p14:creationId xmlns:p14="http://schemas.microsoft.com/office/powerpoint/2010/main" val="216364377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矩形 35"/>
          <p:cNvSpPr/>
          <p:nvPr/>
        </p:nvSpPr>
        <p:spPr>
          <a:xfrm>
            <a:off x="6102016" y="4482072"/>
            <a:ext cx="3510606" cy="1720480"/>
          </a:xfrm>
          <a:prstGeom prst="rect">
            <a:avLst/>
          </a:prstGeom>
          <a:noFill/>
          <a:ln w="28575"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矩形 34"/>
          <p:cNvSpPr/>
          <p:nvPr/>
        </p:nvSpPr>
        <p:spPr>
          <a:xfrm>
            <a:off x="2489130" y="4479212"/>
            <a:ext cx="3510606" cy="1720480"/>
          </a:xfrm>
          <a:prstGeom prst="rect">
            <a:avLst/>
          </a:prstGeom>
          <a:noFill/>
          <a:ln w="28575"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矩形 33"/>
          <p:cNvSpPr/>
          <p:nvPr/>
        </p:nvSpPr>
        <p:spPr>
          <a:xfrm>
            <a:off x="6102016" y="2614562"/>
            <a:ext cx="3510606" cy="1720480"/>
          </a:xfrm>
          <a:prstGeom prst="rect">
            <a:avLst/>
          </a:prstGeom>
          <a:noFill/>
          <a:ln w="28575"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矩形 32"/>
          <p:cNvSpPr/>
          <p:nvPr/>
        </p:nvSpPr>
        <p:spPr>
          <a:xfrm>
            <a:off x="2489130" y="2607311"/>
            <a:ext cx="3510606" cy="1720480"/>
          </a:xfrm>
          <a:prstGeom prst="rect">
            <a:avLst/>
          </a:prstGeom>
          <a:noFill/>
          <a:ln w="28575"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a:extLst>
              <a:ext uri="{FF2B5EF4-FFF2-40B4-BE49-F238E27FC236}">
                <a16:creationId xmlns:a16="http://schemas.microsoft.com/office/drawing/2014/main" xmlns="" id="{B35D79E5-610D-48F7-81C4-4462F7997A35}"/>
              </a:ext>
            </a:extLst>
          </p:cNvPr>
          <p:cNvSpPr>
            <a:spLocks noGrp="1"/>
          </p:cNvSpPr>
          <p:nvPr>
            <p:ph type="title"/>
          </p:nvPr>
        </p:nvSpPr>
        <p:spPr/>
        <p:txBody>
          <a:bodyPr/>
          <a:lstStyle/>
          <a:p>
            <a:r>
              <a:rPr lang="en-US" altLang="zh-CN"/>
              <a:t>NFV</a:t>
            </a:r>
            <a:r>
              <a:rPr lang="zh-CN" altLang="en-US"/>
              <a:t>关键技术：虚拟化</a:t>
            </a:r>
          </a:p>
        </p:txBody>
      </p:sp>
      <p:grpSp>
        <p:nvGrpSpPr>
          <p:cNvPr id="3" name="组合 59">
            <a:extLst>
              <a:ext uri="{FF2B5EF4-FFF2-40B4-BE49-F238E27FC236}">
                <a16:creationId xmlns:a16="http://schemas.microsoft.com/office/drawing/2014/main" xmlns="" id="{0FDA2E5E-D846-4DB1-8209-245F78CE9442}"/>
              </a:ext>
            </a:extLst>
          </p:cNvPr>
          <p:cNvGrpSpPr>
            <a:grpSpLocks/>
          </p:cNvGrpSpPr>
          <p:nvPr/>
        </p:nvGrpSpPr>
        <p:grpSpPr bwMode="auto">
          <a:xfrm>
            <a:off x="2489130" y="2696775"/>
            <a:ext cx="7118981" cy="3420316"/>
            <a:chOff x="765175" y="1106488"/>
            <a:chExt cx="7513638" cy="4733926"/>
          </a:xfrm>
        </p:grpSpPr>
        <p:grpSp>
          <p:nvGrpSpPr>
            <p:cNvPr id="4" name="Group 3">
              <a:extLst>
                <a:ext uri="{FF2B5EF4-FFF2-40B4-BE49-F238E27FC236}">
                  <a16:creationId xmlns:a16="http://schemas.microsoft.com/office/drawing/2014/main" xmlns="" id="{01BA5217-08BA-4DDC-BF4E-17C9293CA16F}"/>
                </a:ext>
              </a:extLst>
            </p:cNvPr>
            <p:cNvGrpSpPr>
              <a:grpSpLocks/>
            </p:cNvGrpSpPr>
            <p:nvPr/>
          </p:nvGrpSpPr>
          <p:grpSpPr bwMode="auto">
            <a:xfrm>
              <a:off x="4648200" y="3695701"/>
              <a:ext cx="3630613" cy="2144713"/>
              <a:chOff x="432" y="2328"/>
              <a:chExt cx="2287" cy="1351"/>
            </a:xfrm>
          </p:grpSpPr>
          <p:sp>
            <p:nvSpPr>
              <p:cNvPr id="31" name="Text Box 6">
                <a:extLst>
                  <a:ext uri="{FF2B5EF4-FFF2-40B4-BE49-F238E27FC236}">
                    <a16:creationId xmlns:a16="http://schemas.microsoft.com/office/drawing/2014/main" xmlns="" id="{15679965-AADC-4E04-9B6E-E56C808E5458}"/>
                  </a:ext>
                </a:extLst>
              </p:cNvPr>
              <p:cNvSpPr txBox="1">
                <a:spLocks noChangeArrowheads="1"/>
              </p:cNvSpPr>
              <p:nvPr/>
            </p:nvSpPr>
            <p:spPr bwMode="auto">
              <a:xfrm>
                <a:off x="1076" y="2328"/>
                <a:ext cx="958" cy="245"/>
              </a:xfrm>
              <a:prstGeom prst="rect">
                <a:avLst/>
              </a:prstGeom>
              <a:noFill/>
              <a:ln w="9525">
                <a:noFill/>
                <a:miter lim="800000"/>
                <a:headEnd/>
                <a:tailEnd/>
              </a:ln>
              <a:effectLst/>
            </p:spPr>
            <p:txBody>
              <a:bodyPr wrap="none">
                <a:spAutoFit/>
              </a:bodyPr>
              <a:lstStyle/>
              <a:p>
                <a:pPr fontAlgn="auto">
                  <a:lnSpc>
                    <a:spcPct val="87000"/>
                  </a:lnSpc>
                  <a:spcBef>
                    <a:spcPts val="0"/>
                  </a:spcBef>
                  <a:spcAft>
                    <a:spcPts val="0"/>
                  </a:spcAft>
                  <a:buClr>
                    <a:srgbClr val="990000"/>
                  </a:buClr>
                  <a:buSzPct val="80000"/>
                  <a:defRPr/>
                </a:pPr>
                <a:r>
                  <a:rPr lang="zh-CN" altLang="en-US" sz="1400" b="1" kern="0" dirty="0">
                    <a:solidFill>
                      <a:srgbClr val="000000"/>
                    </a:solidFill>
                  </a:rPr>
                  <a:t>相对于硬件独立</a:t>
                </a:r>
              </a:p>
            </p:txBody>
          </p:sp>
          <p:sp>
            <p:nvSpPr>
              <p:cNvPr id="29" name="Text Box 9">
                <a:extLst>
                  <a:ext uri="{FF2B5EF4-FFF2-40B4-BE49-F238E27FC236}">
                    <a16:creationId xmlns:a16="http://schemas.microsoft.com/office/drawing/2014/main" xmlns="" id="{7B4B6AFA-0A1F-4F70-881B-5E85C6278191}"/>
                  </a:ext>
                </a:extLst>
              </p:cNvPr>
              <p:cNvSpPr txBox="1">
                <a:spLocks noChangeArrowheads="1"/>
              </p:cNvSpPr>
              <p:nvPr/>
            </p:nvSpPr>
            <p:spPr bwMode="auto">
              <a:xfrm>
                <a:off x="432" y="3404"/>
                <a:ext cx="2287" cy="275"/>
              </a:xfrm>
              <a:prstGeom prst="rect">
                <a:avLst/>
              </a:prstGeom>
              <a:noFill/>
              <a:ln w="9525">
                <a:noFill/>
                <a:miter lim="800000"/>
                <a:headEnd/>
                <a:tailEnd/>
              </a:ln>
              <a:effectLst/>
            </p:spPr>
            <p:txBody>
              <a:bodyPr/>
              <a:lstStyle/>
              <a:p>
                <a:pPr fontAlgn="auto">
                  <a:lnSpc>
                    <a:spcPct val="87000"/>
                  </a:lnSpc>
                  <a:spcBef>
                    <a:spcPts val="0"/>
                  </a:spcBef>
                  <a:spcAft>
                    <a:spcPts val="0"/>
                  </a:spcAft>
                  <a:buClr>
                    <a:srgbClr val="990000"/>
                  </a:buClr>
                  <a:buSzPct val="80000"/>
                  <a:defRPr/>
                </a:pPr>
                <a:r>
                  <a:rPr lang="zh-CN" altLang="en-US" sz="1400" kern="0" dirty="0">
                    <a:solidFill>
                      <a:srgbClr val="000000"/>
                    </a:solidFill>
                  </a:rPr>
                  <a:t>无需修改即可在任何服务器上运行虚拟机</a:t>
                </a:r>
              </a:p>
            </p:txBody>
          </p:sp>
        </p:grpSp>
        <p:grpSp>
          <p:nvGrpSpPr>
            <p:cNvPr id="5" name="Group 10">
              <a:extLst>
                <a:ext uri="{FF2B5EF4-FFF2-40B4-BE49-F238E27FC236}">
                  <a16:creationId xmlns:a16="http://schemas.microsoft.com/office/drawing/2014/main" xmlns="" id="{0DEDCF6B-97AA-4A8C-A866-2BE9D22B3E28}"/>
                </a:ext>
              </a:extLst>
            </p:cNvPr>
            <p:cNvGrpSpPr>
              <a:grpSpLocks/>
            </p:cNvGrpSpPr>
            <p:nvPr/>
          </p:nvGrpSpPr>
          <p:grpSpPr bwMode="auto">
            <a:xfrm>
              <a:off x="765175" y="1143000"/>
              <a:ext cx="4251325" cy="2198688"/>
              <a:chOff x="482" y="720"/>
              <a:chExt cx="2678" cy="1385"/>
            </a:xfrm>
          </p:grpSpPr>
          <p:sp>
            <p:nvSpPr>
              <p:cNvPr id="25" name="Text Box 13">
                <a:extLst>
                  <a:ext uri="{FF2B5EF4-FFF2-40B4-BE49-F238E27FC236}">
                    <a16:creationId xmlns:a16="http://schemas.microsoft.com/office/drawing/2014/main" xmlns="" id="{AC6B7B46-0664-4CB7-819B-A2ACA39E638F}"/>
                  </a:ext>
                </a:extLst>
              </p:cNvPr>
              <p:cNvSpPr txBox="1">
                <a:spLocks noChangeArrowheads="1"/>
              </p:cNvSpPr>
              <p:nvPr/>
            </p:nvSpPr>
            <p:spPr bwMode="auto">
              <a:xfrm>
                <a:off x="482" y="720"/>
                <a:ext cx="2320" cy="245"/>
              </a:xfrm>
              <a:prstGeom prst="rect">
                <a:avLst/>
              </a:prstGeom>
              <a:noFill/>
              <a:ln w="9525">
                <a:noFill/>
                <a:miter lim="800000"/>
                <a:headEnd/>
                <a:tailEnd/>
              </a:ln>
              <a:effectLst/>
            </p:spPr>
            <p:txBody>
              <a:bodyPr>
                <a:spAutoFit/>
              </a:bodyPr>
              <a:lstStyle/>
              <a:p>
                <a:pPr algn="ctr" fontAlgn="auto">
                  <a:lnSpc>
                    <a:spcPct val="87000"/>
                  </a:lnSpc>
                  <a:spcBef>
                    <a:spcPts val="0"/>
                  </a:spcBef>
                  <a:spcAft>
                    <a:spcPts val="0"/>
                  </a:spcAft>
                  <a:buClr>
                    <a:srgbClr val="990000"/>
                  </a:buClr>
                  <a:buSzPct val="80000"/>
                  <a:defRPr/>
                </a:pPr>
                <a:r>
                  <a:rPr lang="zh-CN" altLang="en-US" sz="1400" b="1" kern="0" dirty="0">
                    <a:solidFill>
                      <a:srgbClr val="000000"/>
                    </a:solidFill>
                  </a:rPr>
                  <a:t>分区</a:t>
                </a:r>
              </a:p>
            </p:txBody>
          </p:sp>
          <p:grpSp>
            <p:nvGrpSpPr>
              <p:cNvPr id="21" name="Group 14">
                <a:extLst>
                  <a:ext uri="{FF2B5EF4-FFF2-40B4-BE49-F238E27FC236}">
                    <a16:creationId xmlns:a16="http://schemas.microsoft.com/office/drawing/2014/main" xmlns="" id="{2BA2AF43-29E7-496C-91A8-11083AA30FF4}"/>
                  </a:ext>
                </a:extLst>
              </p:cNvPr>
              <p:cNvGrpSpPr>
                <a:grpSpLocks/>
              </p:cNvGrpSpPr>
              <p:nvPr/>
            </p:nvGrpSpPr>
            <p:grpSpPr bwMode="auto">
              <a:xfrm>
                <a:off x="520" y="1008"/>
                <a:ext cx="2640" cy="1097"/>
                <a:chOff x="520" y="1008"/>
                <a:chExt cx="2640" cy="1097"/>
              </a:xfrm>
            </p:grpSpPr>
            <p:sp>
              <p:nvSpPr>
                <p:cNvPr id="22" name="Text Box 15">
                  <a:extLst>
                    <a:ext uri="{FF2B5EF4-FFF2-40B4-BE49-F238E27FC236}">
                      <a16:creationId xmlns:a16="http://schemas.microsoft.com/office/drawing/2014/main" xmlns="" id="{B366607E-BA60-4AFB-9C05-E6D5BE5893C8}"/>
                    </a:ext>
                  </a:extLst>
                </p:cNvPr>
                <p:cNvSpPr txBox="1">
                  <a:spLocks noChangeArrowheads="1"/>
                </p:cNvSpPr>
                <p:nvPr/>
              </p:nvSpPr>
              <p:spPr bwMode="auto">
                <a:xfrm>
                  <a:off x="520" y="1778"/>
                  <a:ext cx="2640" cy="327"/>
                </a:xfrm>
                <a:prstGeom prst="rect">
                  <a:avLst/>
                </a:prstGeom>
                <a:noFill/>
                <a:ln w="9525">
                  <a:noFill/>
                  <a:miter lim="800000"/>
                  <a:headEnd/>
                  <a:tailEnd/>
                </a:ln>
                <a:effectLst/>
              </p:spPr>
              <p:txBody>
                <a:bodyPr/>
                <a:lstStyle/>
                <a:p>
                  <a:pPr fontAlgn="auto">
                    <a:lnSpc>
                      <a:spcPct val="87000"/>
                    </a:lnSpc>
                    <a:spcBef>
                      <a:spcPts val="0"/>
                    </a:spcBef>
                    <a:spcAft>
                      <a:spcPts val="0"/>
                    </a:spcAft>
                    <a:buClr>
                      <a:srgbClr val="990000"/>
                    </a:buClr>
                    <a:buSzPct val="80000"/>
                    <a:defRPr/>
                  </a:pPr>
                  <a:r>
                    <a:rPr lang="zh-CN" altLang="en-US" sz="1400" kern="0" dirty="0">
                      <a:solidFill>
                        <a:srgbClr val="000000"/>
                      </a:solidFill>
                    </a:rPr>
                    <a:t>在单一物理服务器上同时运行多个虚拟机</a:t>
                  </a:r>
                </a:p>
              </p:txBody>
            </p:sp>
            <p:pic>
              <p:nvPicPr>
                <p:cNvPr id="23" name="Picture 16" descr="vserver4">
                  <a:extLst>
                    <a:ext uri="{FF2B5EF4-FFF2-40B4-BE49-F238E27FC236}">
                      <a16:creationId xmlns:a16="http://schemas.microsoft.com/office/drawing/2014/main" xmlns="" id="{79AB1581-2AE2-460B-8894-602A2A8D605D}"/>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40" y="1008"/>
                  <a:ext cx="541" cy="6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grpSp>
          <p:nvGrpSpPr>
            <p:cNvPr id="6" name="Group 17">
              <a:extLst>
                <a:ext uri="{FF2B5EF4-FFF2-40B4-BE49-F238E27FC236}">
                  <a16:creationId xmlns:a16="http://schemas.microsoft.com/office/drawing/2014/main" xmlns="" id="{4F6CF0AF-5A32-46BD-830E-64B649374EA6}"/>
                </a:ext>
              </a:extLst>
            </p:cNvPr>
            <p:cNvGrpSpPr>
              <a:grpSpLocks/>
            </p:cNvGrpSpPr>
            <p:nvPr/>
          </p:nvGrpSpPr>
          <p:grpSpPr bwMode="auto">
            <a:xfrm>
              <a:off x="4657725" y="1106488"/>
              <a:ext cx="3497263" cy="2257425"/>
              <a:chOff x="2934" y="697"/>
              <a:chExt cx="2203" cy="1422"/>
            </a:xfrm>
          </p:grpSpPr>
          <p:sp>
            <p:nvSpPr>
              <p:cNvPr id="19" name="Text Box 20">
                <a:extLst>
                  <a:ext uri="{FF2B5EF4-FFF2-40B4-BE49-F238E27FC236}">
                    <a16:creationId xmlns:a16="http://schemas.microsoft.com/office/drawing/2014/main" xmlns="" id="{B31D3E8C-FF19-46C5-B0D5-1074F7DFC7DE}"/>
                  </a:ext>
                </a:extLst>
              </p:cNvPr>
              <p:cNvSpPr txBox="1">
                <a:spLocks noChangeArrowheads="1"/>
              </p:cNvSpPr>
              <p:nvPr/>
            </p:nvSpPr>
            <p:spPr bwMode="auto">
              <a:xfrm>
                <a:off x="3850" y="697"/>
                <a:ext cx="362" cy="245"/>
              </a:xfrm>
              <a:prstGeom prst="rect">
                <a:avLst/>
              </a:prstGeom>
              <a:noFill/>
              <a:ln w="9525">
                <a:noFill/>
                <a:miter lim="800000"/>
                <a:headEnd/>
                <a:tailEnd/>
              </a:ln>
              <a:effectLst/>
            </p:spPr>
            <p:txBody>
              <a:bodyPr wrap="none">
                <a:spAutoFit/>
              </a:bodyPr>
              <a:lstStyle/>
              <a:p>
                <a:pPr algn="ctr" fontAlgn="auto">
                  <a:lnSpc>
                    <a:spcPct val="87000"/>
                  </a:lnSpc>
                  <a:spcBef>
                    <a:spcPts val="0"/>
                  </a:spcBef>
                  <a:spcAft>
                    <a:spcPts val="0"/>
                  </a:spcAft>
                  <a:buClr>
                    <a:srgbClr val="990000"/>
                  </a:buClr>
                  <a:buSzPct val="80000"/>
                  <a:defRPr/>
                </a:pPr>
                <a:r>
                  <a:rPr lang="zh-CN" altLang="en-US" sz="1400" b="1" kern="0" dirty="0">
                    <a:solidFill>
                      <a:srgbClr val="000000"/>
                    </a:solidFill>
                  </a:rPr>
                  <a:t>隔离</a:t>
                </a:r>
              </a:p>
            </p:txBody>
          </p:sp>
          <p:sp>
            <p:nvSpPr>
              <p:cNvPr id="16" name="Text Box 22">
                <a:extLst>
                  <a:ext uri="{FF2B5EF4-FFF2-40B4-BE49-F238E27FC236}">
                    <a16:creationId xmlns:a16="http://schemas.microsoft.com/office/drawing/2014/main" xmlns="" id="{C0F78419-BF7C-4533-AD5E-5E8AE771E638}"/>
                  </a:ext>
                </a:extLst>
              </p:cNvPr>
              <p:cNvSpPr txBox="1">
                <a:spLocks noChangeArrowheads="1"/>
              </p:cNvSpPr>
              <p:nvPr/>
            </p:nvSpPr>
            <p:spPr bwMode="auto">
              <a:xfrm>
                <a:off x="2934" y="1778"/>
                <a:ext cx="2203" cy="341"/>
              </a:xfrm>
              <a:prstGeom prst="rect">
                <a:avLst/>
              </a:prstGeom>
              <a:noFill/>
              <a:ln w="9525">
                <a:noFill/>
                <a:miter lim="800000"/>
                <a:headEnd/>
                <a:tailEnd/>
              </a:ln>
              <a:effectLst/>
            </p:spPr>
            <p:txBody>
              <a:bodyPr/>
              <a:lstStyle/>
              <a:p>
                <a:pPr fontAlgn="auto">
                  <a:lnSpc>
                    <a:spcPct val="87000"/>
                  </a:lnSpc>
                  <a:spcBef>
                    <a:spcPts val="0"/>
                  </a:spcBef>
                  <a:spcAft>
                    <a:spcPts val="0"/>
                  </a:spcAft>
                  <a:buClr>
                    <a:srgbClr val="990000"/>
                  </a:buClr>
                  <a:buSzPct val="80000"/>
                  <a:defRPr/>
                </a:pPr>
                <a:r>
                  <a:rPr lang="zh-CN" altLang="en-US" sz="1400" kern="0" dirty="0">
                    <a:solidFill>
                      <a:srgbClr val="000000"/>
                    </a:solidFill>
                  </a:rPr>
                  <a:t>在同一服务器上的虚拟机之间相互隔离</a:t>
                </a:r>
              </a:p>
            </p:txBody>
          </p:sp>
        </p:grpSp>
        <p:grpSp>
          <p:nvGrpSpPr>
            <p:cNvPr id="7" name="Group 24">
              <a:extLst>
                <a:ext uri="{FF2B5EF4-FFF2-40B4-BE49-F238E27FC236}">
                  <a16:creationId xmlns:a16="http://schemas.microsoft.com/office/drawing/2014/main" xmlns="" id="{7BCC8F2C-DCB0-44C4-A96D-7DF84AC91314}"/>
                </a:ext>
              </a:extLst>
            </p:cNvPr>
            <p:cNvGrpSpPr>
              <a:grpSpLocks/>
            </p:cNvGrpSpPr>
            <p:nvPr/>
          </p:nvGrpSpPr>
          <p:grpSpPr bwMode="auto">
            <a:xfrm>
              <a:off x="838200" y="3695700"/>
              <a:ext cx="3632200" cy="2025650"/>
              <a:chOff x="528" y="2328"/>
              <a:chExt cx="2288" cy="1276"/>
            </a:xfrm>
          </p:grpSpPr>
          <p:sp>
            <p:nvSpPr>
              <p:cNvPr id="13" name="Text Box 27">
                <a:extLst>
                  <a:ext uri="{FF2B5EF4-FFF2-40B4-BE49-F238E27FC236}">
                    <a16:creationId xmlns:a16="http://schemas.microsoft.com/office/drawing/2014/main" xmlns="" id="{120E7CF1-EE87-415C-8A1B-911C762A6204}"/>
                  </a:ext>
                </a:extLst>
              </p:cNvPr>
              <p:cNvSpPr txBox="1">
                <a:spLocks noChangeArrowheads="1"/>
              </p:cNvSpPr>
              <p:nvPr/>
            </p:nvSpPr>
            <p:spPr bwMode="auto">
              <a:xfrm>
                <a:off x="1469" y="2328"/>
                <a:ext cx="362" cy="245"/>
              </a:xfrm>
              <a:prstGeom prst="rect">
                <a:avLst/>
              </a:prstGeom>
              <a:noFill/>
              <a:ln w="9525">
                <a:noFill/>
                <a:miter lim="800000"/>
                <a:headEnd/>
                <a:tailEnd/>
              </a:ln>
              <a:effectLst/>
            </p:spPr>
            <p:txBody>
              <a:bodyPr wrap="none">
                <a:spAutoFit/>
              </a:bodyPr>
              <a:lstStyle/>
              <a:p>
                <a:pPr algn="ctr" fontAlgn="auto">
                  <a:lnSpc>
                    <a:spcPct val="87000"/>
                  </a:lnSpc>
                  <a:spcBef>
                    <a:spcPts val="0"/>
                  </a:spcBef>
                  <a:spcAft>
                    <a:spcPts val="0"/>
                  </a:spcAft>
                  <a:buClr>
                    <a:srgbClr val="990000"/>
                  </a:buClr>
                  <a:buSzPct val="80000"/>
                  <a:defRPr/>
                </a:pPr>
                <a:r>
                  <a:rPr lang="zh-CN" altLang="en-US" sz="1400" b="1" kern="0" dirty="0">
                    <a:solidFill>
                      <a:srgbClr val="000000"/>
                    </a:solidFill>
                  </a:rPr>
                  <a:t>封装</a:t>
                </a:r>
              </a:p>
            </p:txBody>
          </p:sp>
          <p:sp>
            <p:nvSpPr>
              <p:cNvPr id="10" name="Text Box 29">
                <a:extLst>
                  <a:ext uri="{FF2B5EF4-FFF2-40B4-BE49-F238E27FC236}">
                    <a16:creationId xmlns:a16="http://schemas.microsoft.com/office/drawing/2014/main" xmlns="" id="{B0322059-6F73-4CBB-9F8B-D7500DF1D13E}"/>
                  </a:ext>
                </a:extLst>
              </p:cNvPr>
              <p:cNvSpPr txBox="1">
                <a:spLocks noChangeArrowheads="1"/>
              </p:cNvSpPr>
              <p:nvPr/>
            </p:nvSpPr>
            <p:spPr bwMode="auto">
              <a:xfrm>
                <a:off x="528" y="3172"/>
                <a:ext cx="2288" cy="432"/>
              </a:xfrm>
              <a:prstGeom prst="rect">
                <a:avLst/>
              </a:prstGeom>
              <a:noFill/>
              <a:ln w="9525">
                <a:noFill/>
                <a:miter lim="800000"/>
                <a:headEnd/>
                <a:tailEnd/>
              </a:ln>
              <a:effectLst/>
            </p:spPr>
            <p:txBody>
              <a:bodyPr/>
              <a:lstStyle/>
              <a:p>
                <a:pPr fontAlgn="auto">
                  <a:lnSpc>
                    <a:spcPct val="87000"/>
                  </a:lnSpc>
                  <a:spcBef>
                    <a:spcPts val="0"/>
                  </a:spcBef>
                  <a:spcAft>
                    <a:spcPts val="0"/>
                  </a:spcAft>
                  <a:buClr>
                    <a:srgbClr val="990000"/>
                  </a:buClr>
                  <a:buSzPct val="80000"/>
                  <a:defRPr/>
                </a:pPr>
                <a:r>
                  <a:rPr lang="zh-CN" altLang="en-US" sz="1400" kern="0" dirty="0">
                    <a:solidFill>
                      <a:srgbClr val="000000"/>
                    </a:solidFill>
                  </a:rPr>
                  <a:t>整个虚拟机都保存在文件中，而且可以通过移动和复制这些文件的方式来移动和复制该虚拟机</a:t>
                </a:r>
              </a:p>
            </p:txBody>
          </p:sp>
        </p:grpSp>
      </p:grpSp>
      <p:sp>
        <p:nvSpPr>
          <p:cNvPr id="32" name="Content Placeholder 2">
            <a:extLst>
              <a:ext uri="{FF2B5EF4-FFF2-40B4-BE49-F238E27FC236}">
                <a16:creationId xmlns:a16="http://schemas.microsoft.com/office/drawing/2014/main" xmlns="" id="{50FE1833-30C5-41AC-A6A4-B50A7F6C58BB}"/>
              </a:ext>
            </a:extLst>
          </p:cNvPr>
          <p:cNvSpPr txBox="1">
            <a:spLocks/>
          </p:cNvSpPr>
          <p:nvPr/>
        </p:nvSpPr>
        <p:spPr>
          <a:xfrm>
            <a:off x="446088" y="1233487"/>
            <a:ext cx="11299825" cy="1352030"/>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sz="1800" dirty="0"/>
              <a:t>在</a:t>
            </a:r>
            <a:r>
              <a:rPr lang="en-US" altLang="zh-CN" sz="1800" dirty="0"/>
              <a:t>NFV</a:t>
            </a:r>
            <a:r>
              <a:rPr lang="zh-CN" altLang="en-US" sz="1800" dirty="0"/>
              <a:t>的道路上，虚拟化是基础，云化是关键。</a:t>
            </a:r>
            <a:endParaRPr lang="en-US" altLang="zh-CN" sz="1800" dirty="0"/>
          </a:p>
          <a:p>
            <a:r>
              <a:rPr lang="zh-CN" altLang="en-US" sz="1800" dirty="0"/>
              <a:t>传统电信网络中，各个网元都是由专用硬件实现，成本高、运维难。虚拟化具有分区、隔离、封装和相对于硬件独立的特征，能够很好匹配</a:t>
            </a:r>
            <a:r>
              <a:rPr lang="en-US" altLang="zh-CN" sz="1800" dirty="0"/>
              <a:t>NFV</a:t>
            </a:r>
            <a:r>
              <a:rPr lang="zh-CN" altLang="en-US" sz="1800" dirty="0"/>
              <a:t>的需求。运营商引入此模式，将网元软件化，运行在通用基础设施上。</a:t>
            </a:r>
            <a:endParaRPr lang="en-US" altLang="zh-CN" sz="1800" dirty="0"/>
          </a:p>
        </p:txBody>
      </p:sp>
      <p:pic>
        <p:nvPicPr>
          <p:cNvPr id="37" name="图片 36"/>
          <p:cNvPicPr>
            <a:picLocks noChangeAspect="1"/>
          </p:cNvPicPr>
          <p:nvPr/>
        </p:nvPicPr>
        <p:blipFill rotWithShape="1">
          <a:blip r:embed="rId4">
            <a:extLst>
              <a:ext uri="{28A0092B-C50C-407E-A947-70E740481C1C}">
                <a14:useLocalDpi xmlns:a14="http://schemas.microsoft.com/office/drawing/2010/main" val="0"/>
              </a:ext>
            </a:extLst>
          </a:blip>
          <a:srcRect l="14382" t="59499" r="66299" b="18829"/>
          <a:stretch/>
        </p:blipFill>
        <p:spPr>
          <a:xfrm>
            <a:off x="3731148" y="4815833"/>
            <a:ext cx="1095758" cy="618781"/>
          </a:xfrm>
          <a:prstGeom prst="rect">
            <a:avLst/>
          </a:prstGeom>
        </p:spPr>
      </p:pic>
      <p:pic>
        <p:nvPicPr>
          <p:cNvPr id="38" name="图片 37"/>
          <p:cNvPicPr>
            <a:picLocks noChangeAspect="1"/>
          </p:cNvPicPr>
          <p:nvPr/>
        </p:nvPicPr>
        <p:blipFill rotWithShape="1">
          <a:blip r:embed="rId4">
            <a:extLst>
              <a:ext uri="{28A0092B-C50C-407E-A947-70E740481C1C}">
                <a14:useLocalDpi xmlns:a14="http://schemas.microsoft.com/office/drawing/2010/main" val="0"/>
              </a:ext>
            </a:extLst>
          </a:blip>
          <a:srcRect l="62140" t="61799" r="12291" b="16078"/>
          <a:stretch/>
        </p:blipFill>
        <p:spPr>
          <a:xfrm>
            <a:off x="7136848" y="4859007"/>
            <a:ext cx="1616324" cy="703999"/>
          </a:xfrm>
          <a:prstGeom prst="rect">
            <a:avLst/>
          </a:prstGeom>
        </p:spPr>
      </p:pic>
      <p:pic>
        <p:nvPicPr>
          <p:cNvPr id="39" name="图片 38"/>
          <p:cNvPicPr>
            <a:picLocks noChangeAspect="1"/>
          </p:cNvPicPr>
          <p:nvPr/>
        </p:nvPicPr>
        <p:blipFill rotWithShape="1">
          <a:blip r:embed="rId4">
            <a:extLst>
              <a:ext uri="{28A0092B-C50C-407E-A947-70E740481C1C}">
                <a14:useLocalDpi xmlns:a14="http://schemas.microsoft.com/office/drawing/2010/main" val="0"/>
              </a:ext>
            </a:extLst>
          </a:blip>
          <a:srcRect l="66004" t="7619" r="13769" b="68451"/>
          <a:stretch/>
        </p:blipFill>
        <p:spPr>
          <a:xfrm>
            <a:off x="7209177" y="2975698"/>
            <a:ext cx="1212932" cy="722307"/>
          </a:xfrm>
          <a:prstGeom prst="rect">
            <a:avLst/>
          </a:prstGeom>
        </p:spPr>
      </p:pic>
    </p:spTree>
    <p:extLst>
      <p:ext uri="{BB962C8B-B14F-4D97-AF65-F5344CB8AC3E}">
        <p14:creationId xmlns:p14="http://schemas.microsoft.com/office/powerpoint/2010/main" val="158164936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741EA917-2B48-43B3-807F-67211CDBB6AC}"/>
              </a:ext>
            </a:extLst>
          </p:cNvPr>
          <p:cNvSpPr>
            <a:spLocks noGrp="1"/>
          </p:cNvSpPr>
          <p:nvPr>
            <p:ph type="title"/>
          </p:nvPr>
        </p:nvSpPr>
        <p:spPr/>
        <p:txBody>
          <a:bodyPr/>
          <a:lstStyle/>
          <a:p>
            <a:r>
              <a:rPr lang="en-US" altLang="zh-CN"/>
              <a:t>NFV</a:t>
            </a:r>
            <a:r>
              <a:rPr lang="zh-CN" altLang="en-US"/>
              <a:t>关键技术：云化</a:t>
            </a:r>
          </a:p>
        </p:txBody>
      </p:sp>
      <p:sp>
        <p:nvSpPr>
          <p:cNvPr id="119" name="Content Placeholder 2">
            <a:extLst>
              <a:ext uri="{FF2B5EF4-FFF2-40B4-BE49-F238E27FC236}">
                <a16:creationId xmlns:a16="http://schemas.microsoft.com/office/drawing/2014/main" xmlns="" id="{3016AAF6-7F3F-462A-9BBB-FCE068D3BDBA}"/>
              </a:ext>
            </a:extLst>
          </p:cNvPr>
          <p:cNvSpPr txBox="1">
            <a:spLocks/>
          </p:cNvSpPr>
          <p:nvPr/>
        </p:nvSpPr>
        <p:spPr>
          <a:xfrm>
            <a:off x="446088" y="1233487"/>
            <a:ext cx="11299825" cy="1708868"/>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sz="1800" dirty="0"/>
              <a:t>美国国家标准与技术研究院（</a:t>
            </a:r>
            <a:r>
              <a:rPr lang="en-US" altLang="zh-CN" sz="1800" dirty="0"/>
              <a:t>NIST</a:t>
            </a:r>
            <a:r>
              <a:rPr lang="zh-CN" altLang="en-US" sz="1800" dirty="0"/>
              <a:t>）定义：云计算是一种模型，它可以实现随时随地，便捷地，随需应变地从可配置计算资源共享池中获取所需的资源（例如，网络、服务器、存储、应用、及服务），资源能够快速供应并释放，使管理资源的工作量和与服务提供商的交互减小到最低限度。</a:t>
            </a:r>
            <a:endParaRPr lang="en-US" altLang="zh-CN" sz="1800" dirty="0"/>
          </a:p>
          <a:p>
            <a:r>
              <a:rPr lang="zh-CN" altLang="en-US" sz="1800" dirty="0"/>
              <a:t>云计算拥有诸多好处。运营商网络中网络功能的云化更多的是利用了资源池化和快速弹性伸缩两个特征。</a:t>
            </a:r>
          </a:p>
        </p:txBody>
      </p:sp>
      <p:sp>
        <p:nvSpPr>
          <p:cNvPr id="122" name="文本框 121">
            <a:extLst>
              <a:ext uri="{FF2B5EF4-FFF2-40B4-BE49-F238E27FC236}">
                <a16:creationId xmlns:a16="http://schemas.microsoft.com/office/drawing/2014/main" xmlns="" id="{32B66C01-D233-47B8-B310-A8BFAB83F78A}"/>
              </a:ext>
            </a:extLst>
          </p:cNvPr>
          <p:cNvSpPr txBox="1"/>
          <p:nvPr/>
        </p:nvSpPr>
        <p:spPr>
          <a:xfrm>
            <a:off x="1471233" y="3431254"/>
            <a:ext cx="1261884" cy="307777"/>
          </a:xfrm>
          <a:prstGeom prst="rect">
            <a:avLst/>
          </a:prstGeom>
          <a:noFill/>
        </p:spPr>
        <p:txBody>
          <a:bodyPr wrap="none" rtlCol="0">
            <a:spAutoFit/>
          </a:bodyPr>
          <a:lstStyle/>
          <a:p>
            <a:r>
              <a:rPr lang="zh-CN" altLang="en-US" sz="1400" dirty="0"/>
              <a:t>按需自助服务</a:t>
            </a:r>
          </a:p>
        </p:txBody>
      </p:sp>
      <p:sp>
        <p:nvSpPr>
          <p:cNvPr id="128" name="文本框 127">
            <a:extLst>
              <a:ext uri="{FF2B5EF4-FFF2-40B4-BE49-F238E27FC236}">
                <a16:creationId xmlns:a16="http://schemas.microsoft.com/office/drawing/2014/main" xmlns="" id="{B8D3339E-4ADD-489A-9EB6-C7AF9799C6B9}"/>
              </a:ext>
            </a:extLst>
          </p:cNvPr>
          <p:cNvSpPr txBox="1"/>
          <p:nvPr/>
        </p:nvSpPr>
        <p:spPr>
          <a:xfrm>
            <a:off x="4462642" y="3427373"/>
            <a:ext cx="1261884" cy="307777"/>
          </a:xfrm>
          <a:prstGeom prst="rect">
            <a:avLst/>
          </a:prstGeom>
          <a:noFill/>
        </p:spPr>
        <p:txBody>
          <a:bodyPr wrap="none" rtlCol="0">
            <a:spAutoFit/>
          </a:bodyPr>
          <a:lstStyle/>
          <a:p>
            <a:r>
              <a:rPr lang="zh-CN" altLang="en-US" sz="1400" dirty="0"/>
              <a:t>广泛网络接入</a:t>
            </a:r>
          </a:p>
        </p:txBody>
      </p:sp>
      <p:sp>
        <p:nvSpPr>
          <p:cNvPr id="131" name="文本框 130">
            <a:extLst>
              <a:ext uri="{FF2B5EF4-FFF2-40B4-BE49-F238E27FC236}">
                <a16:creationId xmlns:a16="http://schemas.microsoft.com/office/drawing/2014/main" xmlns="" id="{59266C53-C02C-4BBF-8483-CBEAF284FF8C}"/>
              </a:ext>
            </a:extLst>
          </p:cNvPr>
          <p:cNvSpPr txBox="1"/>
          <p:nvPr/>
        </p:nvSpPr>
        <p:spPr>
          <a:xfrm>
            <a:off x="6565183" y="3426359"/>
            <a:ext cx="1011815" cy="338554"/>
          </a:xfrm>
          <a:prstGeom prst="rect">
            <a:avLst/>
          </a:prstGeom>
          <a:noFill/>
        </p:spPr>
        <p:txBody>
          <a:bodyPr wrap="none" rtlCol="0">
            <a:spAutoFit/>
          </a:bodyPr>
          <a:lstStyle/>
          <a:p>
            <a:r>
              <a:rPr lang="zh-CN" altLang="en-US" sz="1600" dirty="0"/>
              <a:t>资源池化</a:t>
            </a:r>
          </a:p>
        </p:txBody>
      </p:sp>
      <p:sp>
        <p:nvSpPr>
          <p:cNvPr id="134" name="文本框 133">
            <a:extLst>
              <a:ext uri="{FF2B5EF4-FFF2-40B4-BE49-F238E27FC236}">
                <a16:creationId xmlns:a16="http://schemas.microsoft.com/office/drawing/2014/main" xmlns="" id="{2585B2BB-2D1D-482D-BEBF-038C35649763}"/>
              </a:ext>
            </a:extLst>
          </p:cNvPr>
          <p:cNvSpPr txBox="1"/>
          <p:nvPr/>
        </p:nvSpPr>
        <p:spPr>
          <a:xfrm>
            <a:off x="9575403" y="3435394"/>
            <a:ext cx="1082348" cy="307777"/>
          </a:xfrm>
          <a:prstGeom prst="rect">
            <a:avLst/>
          </a:prstGeom>
          <a:noFill/>
        </p:spPr>
        <p:txBody>
          <a:bodyPr wrap="none" rtlCol="0">
            <a:spAutoFit/>
          </a:bodyPr>
          <a:lstStyle/>
          <a:p>
            <a:r>
              <a:rPr lang="zh-CN" altLang="en-US" sz="1400" dirty="0"/>
              <a:t>可计量服务</a:t>
            </a:r>
          </a:p>
        </p:txBody>
      </p:sp>
      <p:sp>
        <p:nvSpPr>
          <p:cNvPr id="137" name="文本框 136">
            <a:extLst>
              <a:ext uri="{FF2B5EF4-FFF2-40B4-BE49-F238E27FC236}">
                <a16:creationId xmlns:a16="http://schemas.microsoft.com/office/drawing/2014/main" xmlns="" id="{A32426ED-AB0E-4A2B-9688-FD3283073715}"/>
              </a:ext>
            </a:extLst>
          </p:cNvPr>
          <p:cNvSpPr txBox="1"/>
          <p:nvPr/>
        </p:nvSpPr>
        <p:spPr>
          <a:xfrm>
            <a:off x="8010694" y="3457136"/>
            <a:ext cx="1261884" cy="307777"/>
          </a:xfrm>
          <a:prstGeom prst="rect">
            <a:avLst/>
          </a:prstGeom>
          <a:noFill/>
        </p:spPr>
        <p:txBody>
          <a:bodyPr wrap="none" rtlCol="0">
            <a:spAutoFit/>
          </a:bodyPr>
          <a:lstStyle/>
          <a:p>
            <a:r>
              <a:rPr lang="zh-CN" altLang="en-US" sz="1400" dirty="0"/>
              <a:t>快速弹性伸缩</a:t>
            </a:r>
          </a:p>
        </p:txBody>
      </p:sp>
      <p:grpSp>
        <p:nvGrpSpPr>
          <p:cNvPr id="384" name="组合 383">
            <a:extLst>
              <a:ext uri="{FF2B5EF4-FFF2-40B4-BE49-F238E27FC236}">
                <a16:creationId xmlns:a16="http://schemas.microsoft.com/office/drawing/2014/main" xmlns="" id="{797290DA-B31F-4202-8DDE-535AC13C4494}"/>
              </a:ext>
            </a:extLst>
          </p:cNvPr>
          <p:cNvGrpSpPr/>
          <p:nvPr/>
        </p:nvGrpSpPr>
        <p:grpSpPr>
          <a:xfrm>
            <a:off x="865093" y="3912521"/>
            <a:ext cx="2489371" cy="2248565"/>
            <a:chOff x="4279991" y="1788660"/>
            <a:chExt cx="3632018" cy="3280680"/>
          </a:xfrm>
        </p:grpSpPr>
        <p:sp>
          <p:nvSpPr>
            <p:cNvPr id="151" name="išlïḋè">
              <a:extLst>
                <a:ext uri="{FF2B5EF4-FFF2-40B4-BE49-F238E27FC236}">
                  <a16:creationId xmlns:a16="http://schemas.microsoft.com/office/drawing/2014/main" xmlns="" id="{CEE96CD9-3FAA-41FD-A9EB-AF9C8A5ADBD8}"/>
                </a:ext>
              </a:extLst>
            </p:cNvPr>
            <p:cNvSpPr/>
            <p:nvPr/>
          </p:nvSpPr>
          <p:spPr bwMode="auto">
            <a:xfrm>
              <a:off x="4311931" y="1875354"/>
              <a:ext cx="2995958" cy="2047801"/>
            </a:xfrm>
            <a:custGeom>
              <a:avLst/>
              <a:gdLst>
                <a:gd name="T0" fmla="*/ 1352 w 1387"/>
                <a:gd name="T1" fmla="*/ 572 h 948"/>
                <a:gd name="T2" fmla="*/ 1320 w 1387"/>
                <a:gd name="T3" fmla="*/ 647 h 948"/>
                <a:gd name="T4" fmla="*/ 1318 w 1387"/>
                <a:gd name="T5" fmla="*/ 767 h 948"/>
                <a:gd name="T6" fmla="*/ 1262 w 1387"/>
                <a:gd name="T7" fmla="*/ 874 h 948"/>
                <a:gd name="T8" fmla="*/ 1014 w 1387"/>
                <a:gd name="T9" fmla="*/ 867 h 948"/>
                <a:gd name="T10" fmla="*/ 829 w 1387"/>
                <a:gd name="T11" fmla="*/ 877 h 948"/>
                <a:gd name="T12" fmla="*/ 607 w 1387"/>
                <a:gd name="T13" fmla="*/ 831 h 948"/>
                <a:gd name="T14" fmla="*/ 327 w 1387"/>
                <a:gd name="T15" fmla="*/ 846 h 948"/>
                <a:gd name="T16" fmla="*/ 146 w 1387"/>
                <a:gd name="T17" fmla="*/ 795 h 948"/>
                <a:gd name="T18" fmla="*/ 149 w 1387"/>
                <a:gd name="T19" fmla="*/ 669 h 948"/>
                <a:gd name="T20" fmla="*/ 58 w 1387"/>
                <a:gd name="T21" fmla="*/ 577 h 948"/>
                <a:gd name="T22" fmla="*/ 97 w 1387"/>
                <a:gd name="T23" fmla="*/ 313 h 948"/>
                <a:gd name="T24" fmla="*/ 218 w 1387"/>
                <a:gd name="T25" fmla="*/ 281 h 948"/>
                <a:gd name="T26" fmla="*/ 292 w 1387"/>
                <a:gd name="T27" fmla="*/ 206 h 948"/>
                <a:gd name="T28" fmla="*/ 372 w 1387"/>
                <a:gd name="T29" fmla="*/ 114 h 948"/>
                <a:gd name="T30" fmla="*/ 564 w 1387"/>
                <a:gd name="T31" fmla="*/ 103 h 948"/>
                <a:gd name="T32" fmla="*/ 692 w 1387"/>
                <a:gd name="T33" fmla="*/ 47 h 948"/>
                <a:gd name="T34" fmla="*/ 872 w 1387"/>
                <a:gd name="T35" fmla="*/ 7 h 948"/>
                <a:gd name="T36" fmla="*/ 1041 w 1387"/>
                <a:gd name="T37" fmla="*/ 110 h 948"/>
                <a:gd name="T38" fmla="*/ 1112 w 1387"/>
                <a:gd name="T39" fmla="*/ 226 h 948"/>
                <a:gd name="T40" fmla="*/ 1259 w 1387"/>
                <a:gd name="T41" fmla="*/ 285 h 948"/>
                <a:gd name="T42" fmla="*/ 1383 w 1387"/>
                <a:gd name="T43" fmla="*/ 468 h 948"/>
                <a:gd name="T44" fmla="*/ 1352 w 1387"/>
                <a:gd name="T45" fmla="*/ 572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387" h="948">
                  <a:moveTo>
                    <a:pt x="1352" y="572"/>
                  </a:moveTo>
                  <a:cubicBezTo>
                    <a:pt x="1339" y="596"/>
                    <a:pt x="1325" y="620"/>
                    <a:pt x="1320" y="647"/>
                  </a:cubicBezTo>
                  <a:cubicBezTo>
                    <a:pt x="1313" y="687"/>
                    <a:pt x="1327" y="727"/>
                    <a:pt x="1318" y="767"/>
                  </a:cubicBezTo>
                  <a:cubicBezTo>
                    <a:pt x="1310" y="807"/>
                    <a:pt x="1289" y="845"/>
                    <a:pt x="1262" y="874"/>
                  </a:cubicBezTo>
                  <a:cubicBezTo>
                    <a:pt x="1191" y="948"/>
                    <a:pt x="1091" y="912"/>
                    <a:pt x="1014" y="867"/>
                  </a:cubicBezTo>
                  <a:cubicBezTo>
                    <a:pt x="947" y="828"/>
                    <a:pt x="896" y="866"/>
                    <a:pt x="829" y="877"/>
                  </a:cubicBezTo>
                  <a:cubicBezTo>
                    <a:pt x="752" y="889"/>
                    <a:pt x="679" y="852"/>
                    <a:pt x="607" y="831"/>
                  </a:cubicBezTo>
                  <a:cubicBezTo>
                    <a:pt x="512" y="802"/>
                    <a:pt x="421" y="820"/>
                    <a:pt x="327" y="846"/>
                  </a:cubicBezTo>
                  <a:cubicBezTo>
                    <a:pt x="270" y="862"/>
                    <a:pt x="159" y="879"/>
                    <a:pt x="146" y="795"/>
                  </a:cubicBezTo>
                  <a:cubicBezTo>
                    <a:pt x="139" y="752"/>
                    <a:pt x="169" y="709"/>
                    <a:pt x="149" y="669"/>
                  </a:cubicBezTo>
                  <a:cubicBezTo>
                    <a:pt x="129" y="631"/>
                    <a:pt x="84" y="610"/>
                    <a:pt x="58" y="577"/>
                  </a:cubicBezTo>
                  <a:cubicBezTo>
                    <a:pt x="0" y="495"/>
                    <a:pt x="11" y="375"/>
                    <a:pt x="97" y="313"/>
                  </a:cubicBezTo>
                  <a:cubicBezTo>
                    <a:pt x="133" y="287"/>
                    <a:pt x="175" y="284"/>
                    <a:pt x="218" y="281"/>
                  </a:cubicBezTo>
                  <a:cubicBezTo>
                    <a:pt x="261" y="278"/>
                    <a:pt x="276" y="240"/>
                    <a:pt x="292" y="206"/>
                  </a:cubicBezTo>
                  <a:cubicBezTo>
                    <a:pt x="310" y="167"/>
                    <a:pt x="333" y="134"/>
                    <a:pt x="372" y="114"/>
                  </a:cubicBezTo>
                  <a:cubicBezTo>
                    <a:pt x="432" y="84"/>
                    <a:pt x="501" y="82"/>
                    <a:pt x="564" y="103"/>
                  </a:cubicBezTo>
                  <a:cubicBezTo>
                    <a:pt x="621" y="122"/>
                    <a:pt x="653" y="79"/>
                    <a:pt x="692" y="47"/>
                  </a:cubicBezTo>
                  <a:cubicBezTo>
                    <a:pt x="742" y="6"/>
                    <a:pt x="810" y="0"/>
                    <a:pt x="872" y="7"/>
                  </a:cubicBezTo>
                  <a:cubicBezTo>
                    <a:pt x="940" y="14"/>
                    <a:pt x="1001" y="55"/>
                    <a:pt x="1041" y="110"/>
                  </a:cubicBezTo>
                  <a:cubicBezTo>
                    <a:pt x="1068" y="146"/>
                    <a:pt x="1080" y="194"/>
                    <a:pt x="1112" y="226"/>
                  </a:cubicBezTo>
                  <a:cubicBezTo>
                    <a:pt x="1153" y="268"/>
                    <a:pt x="1212" y="256"/>
                    <a:pt x="1259" y="285"/>
                  </a:cubicBezTo>
                  <a:cubicBezTo>
                    <a:pt x="1324" y="325"/>
                    <a:pt x="1375" y="391"/>
                    <a:pt x="1383" y="468"/>
                  </a:cubicBezTo>
                  <a:cubicBezTo>
                    <a:pt x="1387" y="508"/>
                    <a:pt x="1369" y="540"/>
                    <a:pt x="1352" y="572"/>
                  </a:cubicBezTo>
                  <a:close/>
                </a:path>
              </a:pathLst>
            </a:custGeom>
            <a:noFill/>
            <a:ln w="9525">
              <a:solidFill>
                <a:srgbClr val="3ABABA"/>
              </a:solidFill>
              <a:round/>
              <a:headEnd/>
              <a:tailEnd/>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52" name="íṧľïḑe">
              <a:extLst>
                <a:ext uri="{FF2B5EF4-FFF2-40B4-BE49-F238E27FC236}">
                  <a16:creationId xmlns:a16="http://schemas.microsoft.com/office/drawing/2014/main" xmlns="" id="{C570C046-A6C7-493A-86D3-54737DA64781}"/>
                </a:ext>
              </a:extLst>
            </p:cNvPr>
            <p:cNvSpPr/>
            <p:nvPr/>
          </p:nvSpPr>
          <p:spPr bwMode="auto">
            <a:xfrm>
              <a:off x="5975541" y="3996161"/>
              <a:ext cx="1231054" cy="480010"/>
            </a:xfrm>
            <a:custGeom>
              <a:avLst/>
              <a:gdLst>
                <a:gd name="T0" fmla="*/ 565 w 570"/>
                <a:gd name="T1" fmla="*/ 175 h 222"/>
                <a:gd name="T2" fmla="*/ 555 w 570"/>
                <a:gd name="T3" fmla="*/ 207 h 222"/>
                <a:gd name="T4" fmla="*/ 535 w 570"/>
                <a:gd name="T5" fmla="*/ 214 h 222"/>
                <a:gd name="T6" fmla="*/ 20 w 570"/>
                <a:gd name="T7" fmla="*/ 222 h 222"/>
                <a:gd name="T8" fmla="*/ 9 w 570"/>
                <a:gd name="T9" fmla="*/ 216 h 222"/>
                <a:gd name="T10" fmla="*/ 3 w 570"/>
                <a:gd name="T11" fmla="*/ 180 h 222"/>
                <a:gd name="T12" fmla="*/ 0 w 570"/>
                <a:gd name="T13" fmla="*/ 80 h 222"/>
                <a:gd name="T14" fmla="*/ 27 w 570"/>
                <a:gd name="T15" fmla="*/ 30 h 222"/>
                <a:gd name="T16" fmla="*/ 543 w 570"/>
                <a:gd name="T17" fmla="*/ 15 h 222"/>
                <a:gd name="T18" fmla="*/ 566 w 570"/>
                <a:gd name="T19" fmla="*/ 80 h 222"/>
                <a:gd name="T20" fmla="*/ 565 w 570"/>
                <a:gd name="T21" fmla="*/ 175 h 2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70" h="222">
                  <a:moveTo>
                    <a:pt x="565" y="175"/>
                  </a:moveTo>
                  <a:cubicBezTo>
                    <a:pt x="564" y="191"/>
                    <a:pt x="560" y="201"/>
                    <a:pt x="555" y="207"/>
                  </a:cubicBezTo>
                  <a:cubicBezTo>
                    <a:pt x="549" y="214"/>
                    <a:pt x="540" y="214"/>
                    <a:pt x="535" y="214"/>
                  </a:cubicBezTo>
                  <a:cubicBezTo>
                    <a:pt x="412" y="212"/>
                    <a:pt x="195" y="204"/>
                    <a:pt x="20" y="222"/>
                  </a:cubicBezTo>
                  <a:cubicBezTo>
                    <a:pt x="15" y="222"/>
                    <a:pt x="11" y="220"/>
                    <a:pt x="9" y="216"/>
                  </a:cubicBezTo>
                  <a:cubicBezTo>
                    <a:pt x="0" y="205"/>
                    <a:pt x="3" y="180"/>
                    <a:pt x="3" y="180"/>
                  </a:cubicBezTo>
                  <a:cubicBezTo>
                    <a:pt x="3" y="180"/>
                    <a:pt x="0" y="102"/>
                    <a:pt x="0" y="80"/>
                  </a:cubicBezTo>
                  <a:cubicBezTo>
                    <a:pt x="0" y="28"/>
                    <a:pt x="17" y="32"/>
                    <a:pt x="27" y="30"/>
                  </a:cubicBezTo>
                  <a:cubicBezTo>
                    <a:pt x="295" y="0"/>
                    <a:pt x="543" y="15"/>
                    <a:pt x="543" y="15"/>
                  </a:cubicBezTo>
                  <a:cubicBezTo>
                    <a:pt x="570" y="13"/>
                    <a:pt x="566" y="61"/>
                    <a:pt x="566" y="80"/>
                  </a:cubicBezTo>
                  <a:cubicBezTo>
                    <a:pt x="567" y="138"/>
                    <a:pt x="567" y="149"/>
                    <a:pt x="565" y="175"/>
                  </a:cubicBezTo>
                  <a:close/>
                </a:path>
              </a:pathLst>
            </a:custGeom>
            <a:noFill/>
            <a:ln>
              <a:solidFill>
                <a:srgbClr val="3ABABA"/>
              </a:solid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53" name="îSļïde">
              <a:extLst>
                <a:ext uri="{FF2B5EF4-FFF2-40B4-BE49-F238E27FC236}">
                  <a16:creationId xmlns:a16="http://schemas.microsoft.com/office/drawing/2014/main" xmlns="" id="{6FE523D0-2989-4D2D-8C1D-D5E4955F3846}"/>
                </a:ext>
              </a:extLst>
            </p:cNvPr>
            <p:cNvSpPr/>
            <p:nvPr/>
          </p:nvSpPr>
          <p:spPr bwMode="auto">
            <a:xfrm>
              <a:off x="5966415" y="4037226"/>
              <a:ext cx="1242004" cy="438945"/>
            </a:xfrm>
            <a:custGeom>
              <a:avLst/>
              <a:gdLst>
                <a:gd name="T0" fmla="*/ 552 w 575"/>
                <a:gd name="T1" fmla="*/ 0 h 203"/>
                <a:gd name="T2" fmla="*/ 560 w 575"/>
                <a:gd name="T3" fmla="*/ 5 h 203"/>
                <a:gd name="T4" fmla="*/ 570 w 575"/>
                <a:gd name="T5" fmla="*/ 29 h 203"/>
                <a:gd name="T6" fmla="*/ 572 w 575"/>
                <a:gd name="T7" fmla="*/ 49 h 203"/>
                <a:gd name="T8" fmla="*/ 573 w 575"/>
                <a:gd name="T9" fmla="*/ 60 h 203"/>
                <a:gd name="T10" fmla="*/ 573 w 575"/>
                <a:gd name="T11" fmla="*/ 71 h 203"/>
                <a:gd name="T12" fmla="*/ 575 w 575"/>
                <a:gd name="T13" fmla="*/ 127 h 203"/>
                <a:gd name="T14" fmla="*/ 571 w 575"/>
                <a:gd name="T15" fmla="*/ 159 h 203"/>
                <a:gd name="T16" fmla="*/ 566 w 575"/>
                <a:gd name="T17" fmla="*/ 177 h 203"/>
                <a:gd name="T18" fmla="*/ 553 w 575"/>
                <a:gd name="T19" fmla="*/ 192 h 203"/>
                <a:gd name="T20" fmla="*/ 533 w 575"/>
                <a:gd name="T21" fmla="*/ 196 h 203"/>
                <a:gd name="T22" fmla="*/ 514 w 575"/>
                <a:gd name="T23" fmla="*/ 196 h 203"/>
                <a:gd name="T24" fmla="*/ 475 w 575"/>
                <a:gd name="T25" fmla="*/ 195 h 203"/>
                <a:gd name="T26" fmla="*/ 299 w 575"/>
                <a:gd name="T27" fmla="*/ 192 h 203"/>
                <a:gd name="T28" fmla="*/ 123 w 575"/>
                <a:gd name="T29" fmla="*/ 199 h 203"/>
                <a:gd name="T30" fmla="*/ 45 w 575"/>
                <a:gd name="T31" fmla="*/ 202 h 203"/>
                <a:gd name="T32" fmla="*/ 27 w 575"/>
                <a:gd name="T33" fmla="*/ 202 h 203"/>
                <a:gd name="T34" fmla="*/ 10 w 575"/>
                <a:gd name="T35" fmla="*/ 193 h 203"/>
                <a:gd name="T36" fmla="*/ 3 w 575"/>
                <a:gd name="T37" fmla="*/ 177 h 203"/>
                <a:gd name="T38" fmla="*/ 1 w 575"/>
                <a:gd name="T39" fmla="*/ 161 h 203"/>
                <a:gd name="T40" fmla="*/ 1 w 575"/>
                <a:gd name="T41" fmla="*/ 105 h 203"/>
                <a:gd name="T42" fmla="*/ 1 w 575"/>
                <a:gd name="T43" fmla="*/ 63 h 203"/>
                <a:gd name="T44" fmla="*/ 5 w 575"/>
                <a:gd name="T45" fmla="*/ 37 h 203"/>
                <a:gd name="T46" fmla="*/ 9 w 575"/>
                <a:gd name="T47" fmla="*/ 29 h 203"/>
                <a:gd name="T48" fmla="*/ 6 w 575"/>
                <a:gd name="T49" fmla="*/ 37 h 203"/>
                <a:gd name="T50" fmla="*/ 4 w 575"/>
                <a:gd name="T51" fmla="*/ 63 h 203"/>
                <a:gd name="T52" fmla="*/ 6 w 575"/>
                <a:gd name="T53" fmla="*/ 105 h 203"/>
                <a:gd name="T54" fmla="*/ 8 w 575"/>
                <a:gd name="T55" fmla="*/ 160 h 203"/>
                <a:gd name="T56" fmla="*/ 10 w 575"/>
                <a:gd name="T57" fmla="*/ 175 h 203"/>
                <a:gd name="T58" fmla="*/ 15 w 575"/>
                <a:gd name="T59" fmla="*/ 189 h 203"/>
                <a:gd name="T60" fmla="*/ 28 w 575"/>
                <a:gd name="T61" fmla="*/ 195 h 203"/>
                <a:gd name="T62" fmla="*/ 45 w 575"/>
                <a:gd name="T63" fmla="*/ 195 h 203"/>
                <a:gd name="T64" fmla="*/ 122 w 575"/>
                <a:gd name="T65" fmla="*/ 190 h 203"/>
                <a:gd name="T66" fmla="*/ 164 w 575"/>
                <a:gd name="T67" fmla="*/ 187 h 203"/>
                <a:gd name="T68" fmla="*/ 207 w 575"/>
                <a:gd name="T69" fmla="*/ 186 h 203"/>
                <a:gd name="T70" fmla="*/ 298 w 575"/>
                <a:gd name="T71" fmla="*/ 183 h 203"/>
                <a:gd name="T72" fmla="*/ 475 w 575"/>
                <a:gd name="T73" fmla="*/ 187 h 203"/>
                <a:gd name="T74" fmla="*/ 515 w 575"/>
                <a:gd name="T75" fmla="*/ 188 h 203"/>
                <a:gd name="T76" fmla="*/ 533 w 575"/>
                <a:gd name="T77" fmla="*/ 188 h 203"/>
                <a:gd name="T78" fmla="*/ 549 w 575"/>
                <a:gd name="T79" fmla="*/ 185 h 203"/>
                <a:gd name="T80" fmla="*/ 559 w 575"/>
                <a:gd name="T81" fmla="*/ 173 h 203"/>
                <a:gd name="T82" fmla="*/ 564 w 575"/>
                <a:gd name="T83" fmla="*/ 158 h 203"/>
                <a:gd name="T84" fmla="*/ 568 w 575"/>
                <a:gd name="T85" fmla="*/ 127 h 203"/>
                <a:gd name="T86" fmla="*/ 568 w 575"/>
                <a:gd name="T87" fmla="*/ 72 h 203"/>
                <a:gd name="T88" fmla="*/ 568 w 575"/>
                <a:gd name="T89" fmla="*/ 60 h 203"/>
                <a:gd name="T90" fmla="*/ 568 w 575"/>
                <a:gd name="T91" fmla="*/ 49 h 203"/>
                <a:gd name="T92" fmla="*/ 567 w 575"/>
                <a:gd name="T93" fmla="*/ 30 h 203"/>
                <a:gd name="T94" fmla="*/ 559 w 575"/>
                <a:gd name="T95" fmla="*/ 6 h 203"/>
                <a:gd name="T96" fmla="*/ 552 w 575"/>
                <a:gd name="T97" fmla="*/ 0 h 2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75" h="203">
                  <a:moveTo>
                    <a:pt x="552" y="0"/>
                  </a:moveTo>
                  <a:cubicBezTo>
                    <a:pt x="552" y="0"/>
                    <a:pt x="556" y="0"/>
                    <a:pt x="560" y="5"/>
                  </a:cubicBezTo>
                  <a:cubicBezTo>
                    <a:pt x="565" y="9"/>
                    <a:pt x="568" y="18"/>
                    <a:pt x="570" y="29"/>
                  </a:cubicBezTo>
                  <a:cubicBezTo>
                    <a:pt x="571" y="35"/>
                    <a:pt x="572" y="42"/>
                    <a:pt x="572" y="49"/>
                  </a:cubicBezTo>
                  <a:cubicBezTo>
                    <a:pt x="573" y="52"/>
                    <a:pt x="573" y="56"/>
                    <a:pt x="573" y="60"/>
                  </a:cubicBezTo>
                  <a:cubicBezTo>
                    <a:pt x="573" y="63"/>
                    <a:pt x="573" y="67"/>
                    <a:pt x="573" y="71"/>
                  </a:cubicBezTo>
                  <a:cubicBezTo>
                    <a:pt x="574" y="88"/>
                    <a:pt x="575" y="106"/>
                    <a:pt x="575" y="127"/>
                  </a:cubicBezTo>
                  <a:cubicBezTo>
                    <a:pt x="574" y="137"/>
                    <a:pt x="573" y="148"/>
                    <a:pt x="571" y="159"/>
                  </a:cubicBezTo>
                  <a:cubicBezTo>
                    <a:pt x="570" y="165"/>
                    <a:pt x="568" y="171"/>
                    <a:pt x="566" y="177"/>
                  </a:cubicBezTo>
                  <a:cubicBezTo>
                    <a:pt x="563" y="182"/>
                    <a:pt x="559" y="188"/>
                    <a:pt x="553" y="192"/>
                  </a:cubicBezTo>
                  <a:cubicBezTo>
                    <a:pt x="547" y="195"/>
                    <a:pt x="540" y="196"/>
                    <a:pt x="533" y="196"/>
                  </a:cubicBezTo>
                  <a:cubicBezTo>
                    <a:pt x="527" y="196"/>
                    <a:pt x="521" y="196"/>
                    <a:pt x="514" y="196"/>
                  </a:cubicBezTo>
                  <a:cubicBezTo>
                    <a:pt x="502" y="196"/>
                    <a:pt x="488" y="195"/>
                    <a:pt x="475" y="195"/>
                  </a:cubicBezTo>
                  <a:cubicBezTo>
                    <a:pt x="420" y="193"/>
                    <a:pt x="361" y="189"/>
                    <a:pt x="299" y="192"/>
                  </a:cubicBezTo>
                  <a:cubicBezTo>
                    <a:pt x="236" y="194"/>
                    <a:pt x="176" y="194"/>
                    <a:pt x="123" y="199"/>
                  </a:cubicBezTo>
                  <a:cubicBezTo>
                    <a:pt x="95" y="200"/>
                    <a:pt x="70" y="202"/>
                    <a:pt x="45" y="202"/>
                  </a:cubicBezTo>
                  <a:cubicBezTo>
                    <a:pt x="39" y="202"/>
                    <a:pt x="34" y="203"/>
                    <a:pt x="27" y="202"/>
                  </a:cubicBezTo>
                  <a:cubicBezTo>
                    <a:pt x="21" y="201"/>
                    <a:pt x="14" y="198"/>
                    <a:pt x="10" y="193"/>
                  </a:cubicBezTo>
                  <a:cubicBezTo>
                    <a:pt x="6" y="188"/>
                    <a:pt x="4" y="182"/>
                    <a:pt x="3" y="177"/>
                  </a:cubicBezTo>
                  <a:cubicBezTo>
                    <a:pt x="2" y="171"/>
                    <a:pt x="1" y="166"/>
                    <a:pt x="1" y="161"/>
                  </a:cubicBezTo>
                  <a:cubicBezTo>
                    <a:pt x="0" y="140"/>
                    <a:pt x="1" y="121"/>
                    <a:pt x="1" y="105"/>
                  </a:cubicBezTo>
                  <a:cubicBezTo>
                    <a:pt x="0" y="89"/>
                    <a:pt x="0" y="75"/>
                    <a:pt x="1" y="63"/>
                  </a:cubicBezTo>
                  <a:cubicBezTo>
                    <a:pt x="1" y="52"/>
                    <a:pt x="3" y="43"/>
                    <a:pt x="5" y="37"/>
                  </a:cubicBezTo>
                  <a:cubicBezTo>
                    <a:pt x="6" y="31"/>
                    <a:pt x="9" y="28"/>
                    <a:pt x="9" y="29"/>
                  </a:cubicBezTo>
                  <a:cubicBezTo>
                    <a:pt x="9" y="29"/>
                    <a:pt x="7" y="31"/>
                    <a:pt x="6" y="37"/>
                  </a:cubicBezTo>
                  <a:cubicBezTo>
                    <a:pt x="5" y="43"/>
                    <a:pt x="4" y="52"/>
                    <a:pt x="4" y="63"/>
                  </a:cubicBezTo>
                  <a:cubicBezTo>
                    <a:pt x="4" y="75"/>
                    <a:pt x="5" y="89"/>
                    <a:pt x="6" y="105"/>
                  </a:cubicBezTo>
                  <a:cubicBezTo>
                    <a:pt x="7" y="121"/>
                    <a:pt x="7" y="140"/>
                    <a:pt x="8" y="160"/>
                  </a:cubicBezTo>
                  <a:cubicBezTo>
                    <a:pt x="8" y="165"/>
                    <a:pt x="9" y="170"/>
                    <a:pt x="10" y="175"/>
                  </a:cubicBezTo>
                  <a:cubicBezTo>
                    <a:pt x="11" y="180"/>
                    <a:pt x="12" y="185"/>
                    <a:pt x="15" y="189"/>
                  </a:cubicBezTo>
                  <a:cubicBezTo>
                    <a:pt x="18" y="192"/>
                    <a:pt x="23" y="194"/>
                    <a:pt x="28" y="195"/>
                  </a:cubicBezTo>
                  <a:cubicBezTo>
                    <a:pt x="33" y="195"/>
                    <a:pt x="39" y="195"/>
                    <a:pt x="45" y="195"/>
                  </a:cubicBezTo>
                  <a:cubicBezTo>
                    <a:pt x="69" y="194"/>
                    <a:pt x="95" y="192"/>
                    <a:pt x="122" y="190"/>
                  </a:cubicBezTo>
                  <a:cubicBezTo>
                    <a:pt x="135" y="189"/>
                    <a:pt x="149" y="188"/>
                    <a:pt x="164" y="187"/>
                  </a:cubicBezTo>
                  <a:cubicBezTo>
                    <a:pt x="178" y="186"/>
                    <a:pt x="192" y="186"/>
                    <a:pt x="207" y="186"/>
                  </a:cubicBezTo>
                  <a:cubicBezTo>
                    <a:pt x="237" y="185"/>
                    <a:pt x="267" y="184"/>
                    <a:pt x="298" y="183"/>
                  </a:cubicBezTo>
                  <a:cubicBezTo>
                    <a:pt x="361" y="180"/>
                    <a:pt x="421" y="185"/>
                    <a:pt x="475" y="187"/>
                  </a:cubicBezTo>
                  <a:cubicBezTo>
                    <a:pt x="489" y="187"/>
                    <a:pt x="502" y="188"/>
                    <a:pt x="515" y="188"/>
                  </a:cubicBezTo>
                  <a:cubicBezTo>
                    <a:pt x="521" y="188"/>
                    <a:pt x="528" y="188"/>
                    <a:pt x="533" y="188"/>
                  </a:cubicBezTo>
                  <a:cubicBezTo>
                    <a:pt x="539" y="188"/>
                    <a:pt x="545" y="188"/>
                    <a:pt x="549" y="185"/>
                  </a:cubicBezTo>
                  <a:cubicBezTo>
                    <a:pt x="554" y="183"/>
                    <a:pt x="557" y="178"/>
                    <a:pt x="559" y="173"/>
                  </a:cubicBezTo>
                  <a:cubicBezTo>
                    <a:pt x="561" y="169"/>
                    <a:pt x="563" y="163"/>
                    <a:pt x="564" y="158"/>
                  </a:cubicBezTo>
                  <a:cubicBezTo>
                    <a:pt x="567" y="147"/>
                    <a:pt x="568" y="137"/>
                    <a:pt x="568" y="127"/>
                  </a:cubicBezTo>
                  <a:cubicBezTo>
                    <a:pt x="569" y="106"/>
                    <a:pt x="569" y="88"/>
                    <a:pt x="568" y="72"/>
                  </a:cubicBezTo>
                  <a:cubicBezTo>
                    <a:pt x="568" y="67"/>
                    <a:pt x="568" y="64"/>
                    <a:pt x="568" y="60"/>
                  </a:cubicBezTo>
                  <a:cubicBezTo>
                    <a:pt x="568" y="56"/>
                    <a:pt x="568" y="52"/>
                    <a:pt x="568" y="49"/>
                  </a:cubicBezTo>
                  <a:cubicBezTo>
                    <a:pt x="568" y="42"/>
                    <a:pt x="567" y="36"/>
                    <a:pt x="567" y="30"/>
                  </a:cubicBezTo>
                  <a:cubicBezTo>
                    <a:pt x="565" y="19"/>
                    <a:pt x="562" y="10"/>
                    <a:pt x="559" y="6"/>
                  </a:cubicBezTo>
                  <a:cubicBezTo>
                    <a:pt x="556" y="1"/>
                    <a:pt x="552" y="0"/>
                    <a:pt x="552"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54" name="î$lîḓe">
              <a:extLst>
                <a:ext uri="{FF2B5EF4-FFF2-40B4-BE49-F238E27FC236}">
                  <a16:creationId xmlns:a16="http://schemas.microsoft.com/office/drawing/2014/main" xmlns="" id="{ACEF5119-01A7-4EC4-9847-1249DD0D3C4C}"/>
                </a:ext>
              </a:extLst>
            </p:cNvPr>
            <p:cNvSpPr/>
            <p:nvPr/>
          </p:nvSpPr>
          <p:spPr bwMode="auto">
            <a:xfrm>
              <a:off x="4951640" y="3119183"/>
              <a:ext cx="572180" cy="533852"/>
            </a:xfrm>
            <a:custGeom>
              <a:avLst/>
              <a:gdLst>
                <a:gd name="T0" fmla="*/ 263 w 265"/>
                <a:gd name="T1" fmla="*/ 112 h 247"/>
                <a:gd name="T2" fmla="*/ 238 w 265"/>
                <a:gd name="T3" fmla="*/ 110 h 247"/>
                <a:gd name="T4" fmla="*/ 176 w 265"/>
                <a:gd name="T5" fmla="*/ 109 h 247"/>
                <a:gd name="T6" fmla="*/ 115 w 265"/>
                <a:gd name="T7" fmla="*/ 112 h 247"/>
                <a:gd name="T8" fmla="*/ 95 w 265"/>
                <a:gd name="T9" fmla="*/ 110 h 247"/>
                <a:gd name="T10" fmla="*/ 95 w 265"/>
                <a:gd name="T11" fmla="*/ 107 h 247"/>
                <a:gd name="T12" fmla="*/ 100 w 265"/>
                <a:gd name="T13" fmla="*/ 88 h 247"/>
                <a:gd name="T14" fmla="*/ 110 w 265"/>
                <a:gd name="T15" fmla="*/ 77 h 247"/>
                <a:gd name="T16" fmla="*/ 123 w 265"/>
                <a:gd name="T17" fmla="*/ 63 h 247"/>
                <a:gd name="T18" fmla="*/ 126 w 265"/>
                <a:gd name="T19" fmla="*/ 58 h 247"/>
                <a:gd name="T20" fmla="*/ 128 w 265"/>
                <a:gd name="T21" fmla="*/ 52 h 247"/>
                <a:gd name="T22" fmla="*/ 129 w 265"/>
                <a:gd name="T23" fmla="*/ 46 h 247"/>
                <a:gd name="T24" fmla="*/ 129 w 265"/>
                <a:gd name="T25" fmla="*/ 39 h 247"/>
                <a:gd name="T26" fmla="*/ 127 w 265"/>
                <a:gd name="T27" fmla="*/ 32 h 247"/>
                <a:gd name="T28" fmla="*/ 124 w 265"/>
                <a:gd name="T29" fmla="*/ 27 h 247"/>
                <a:gd name="T30" fmla="*/ 117 w 265"/>
                <a:gd name="T31" fmla="*/ 16 h 247"/>
                <a:gd name="T32" fmla="*/ 96 w 265"/>
                <a:gd name="T33" fmla="*/ 2 h 247"/>
                <a:gd name="T34" fmla="*/ 73 w 265"/>
                <a:gd name="T35" fmla="*/ 1 h 247"/>
                <a:gd name="T36" fmla="*/ 41 w 265"/>
                <a:gd name="T37" fmla="*/ 30 h 247"/>
                <a:gd name="T38" fmla="*/ 38 w 265"/>
                <a:gd name="T39" fmla="*/ 52 h 247"/>
                <a:gd name="T40" fmla="*/ 43 w 265"/>
                <a:gd name="T41" fmla="*/ 55 h 247"/>
                <a:gd name="T42" fmla="*/ 47 w 265"/>
                <a:gd name="T43" fmla="*/ 44 h 247"/>
                <a:gd name="T44" fmla="*/ 64 w 265"/>
                <a:gd name="T45" fmla="*/ 18 h 247"/>
                <a:gd name="T46" fmla="*/ 75 w 265"/>
                <a:gd name="T47" fmla="*/ 15 h 247"/>
                <a:gd name="T48" fmla="*/ 92 w 265"/>
                <a:gd name="T49" fmla="*/ 16 h 247"/>
                <a:gd name="T50" fmla="*/ 106 w 265"/>
                <a:gd name="T51" fmla="*/ 26 h 247"/>
                <a:gd name="T52" fmla="*/ 111 w 265"/>
                <a:gd name="T53" fmla="*/ 33 h 247"/>
                <a:gd name="T54" fmla="*/ 113 w 265"/>
                <a:gd name="T55" fmla="*/ 38 h 247"/>
                <a:gd name="T56" fmla="*/ 115 w 265"/>
                <a:gd name="T57" fmla="*/ 41 h 247"/>
                <a:gd name="T58" fmla="*/ 112 w 265"/>
                <a:gd name="T59" fmla="*/ 56 h 247"/>
                <a:gd name="T60" fmla="*/ 91 w 265"/>
                <a:gd name="T61" fmla="*/ 83 h 247"/>
                <a:gd name="T62" fmla="*/ 86 w 265"/>
                <a:gd name="T63" fmla="*/ 96 h 247"/>
                <a:gd name="T64" fmla="*/ 84 w 265"/>
                <a:gd name="T65" fmla="*/ 115 h 247"/>
                <a:gd name="T66" fmla="*/ 76 w 265"/>
                <a:gd name="T67" fmla="*/ 134 h 247"/>
                <a:gd name="T68" fmla="*/ 60 w 265"/>
                <a:gd name="T69" fmla="*/ 157 h 247"/>
                <a:gd name="T70" fmla="*/ 50 w 265"/>
                <a:gd name="T71" fmla="*/ 172 h 247"/>
                <a:gd name="T72" fmla="*/ 14 w 265"/>
                <a:gd name="T73" fmla="*/ 223 h 247"/>
                <a:gd name="T74" fmla="*/ 2 w 265"/>
                <a:gd name="T75" fmla="*/ 247 h 247"/>
                <a:gd name="T76" fmla="*/ 43 w 265"/>
                <a:gd name="T77" fmla="*/ 230 h 247"/>
                <a:gd name="T78" fmla="*/ 138 w 265"/>
                <a:gd name="T79" fmla="*/ 188 h 247"/>
                <a:gd name="T80" fmla="*/ 230 w 265"/>
                <a:gd name="T81" fmla="*/ 140 h 247"/>
                <a:gd name="T82" fmla="*/ 258 w 265"/>
                <a:gd name="T83" fmla="*/ 121 h 247"/>
                <a:gd name="T84" fmla="*/ 263 w 265"/>
                <a:gd name="T85" fmla="*/ 112 h 247"/>
                <a:gd name="T86" fmla="*/ 225 w 265"/>
                <a:gd name="T87" fmla="*/ 130 h 247"/>
                <a:gd name="T88" fmla="*/ 131 w 265"/>
                <a:gd name="T89" fmla="*/ 174 h 247"/>
                <a:gd name="T90" fmla="*/ 39 w 265"/>
                <a:gd name="T91" fmla="*/ 221 h 247"/>
                <a:gd name="T92" fmla="*/ 16 w 265"/>
                <a:gd name="T93" fmla="*/ 234 h 247"/>
                <a:gd name="T94" fmla="*/ 21 w 265"/>
                <a:gd name="T95" fmla="*/ 228 h 247"/>
                <a:gd name="T96" fmla="*/ 60 w 265"/>
                <a:gd name="T97" fmla="*/ 179 h 247"/>
                <a:gd name="T98" fmla="*/ 92 w 265"/>
                <a:gd name="T99" fmla="*/ 123 h 247"/>
                <a:gd name="T100" fmla="*/ 95 w 265"/>
                <a:gd name="T101" fmla="*/ 119 h 247"/>
                <a:gd name="T102" fmla="*/ 115 w 265"/>
                <a:gd name="T103" fmla="*/ 121 h 247"/>
                <a:gd name="T104" fmla="*/ 177 w 265"/>
                <a:gd name="T105" fmla="*/ 122 h 247"/>
                <a:gd name="T106" fmla="*/ 238 w 265"/>
                <a:gd name="T107" fmla="*/ 119 h 247"/>
                <a:gd name="T108" fmla="*/ 251 w 265"/>
                <a:gd name="T109" fmla="*/ 117 h 247"/>
                <a:gd name="T110" fmla="*/ 225 w 265"/>
                <a:gd name="T111" fmla="*/ 130 h 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265" h="247">
                  <a:moveTo>
                    <a:pt x="263" y="112"/>
                  </a:moveTo>
                  <a:cubicBezTo>
                    <a:pt x="263" y="112"/>
                    <a:pt x="249" y="111"/>
                    <a:pt x="238" y="110"/>
                  </a:cubicBezTo>
                  <a:cubicBezTo>
                    <a:pt x="222" y="110"/>
                    <a:pt x="200" y="109"/>
                    <a:pt x="176" y="109"/>
                  </a:cubicBezTo>
                  <a:cubicBezTo>
                    <a:pt x="152" y="109"/>
                    <a:pt x="131" y="113"/>
                    <a:pt x="115" y="112"/>
                  </a:cubicBezTo>
                  <a:cubicBezTo>
                    <a:pt x="104" y="111"/>
                    <a:pt x="97" y="111"/>
                    <a:pt x="95" y="110"/>
                  </a:cubicBezTo>
                  <a:cubicBezTo>
                    <a:pt x="94" y="109"/>
                    <a:pt x="95" y="110"/>
                    <a:pt x="95" y="107"/>
                  </a:cubicBezTo>
                  <a:cubicBezTo>
                    <a:pt x="94" y="100"/>
                    <a:pt x="97" y="93"/>
                    <a:pt x="100" y="88"/>
                  </a:cubicBezTo>
                  <a:cubicBezTo>
                    <a:pt x="103" y="85"/>
                    <a:pt x="106" y="81"/>
                    <a:pt x="110" y="77"/>
                  </a:cubicBezTo>
                  <a:cubicBezTo>
                    <a:pt x="114" y="73"/>
                    <a:pt x="119" y="69"/>
                    <a:pt x="123" y="63"/>
                  </a:cubicBezTo>
                  <a:cubicBezTo>
                    <a:pt x="124" y="61"/>
                    <a:pt x="125" y="60"/>
                    <a:pt x="126" y="58"/>
                  </a:cubicBezTo>
                  <a:cubicBezTo>
                    <a:pt x="127" y="56"/>
                    <a:pt x="128" y="54"/>
                    <a:pt x="128" y="52"/>
                  </a:cubicBezTo>
                  <a:cubicBezTo>
                    <a:pt x="129" y="50"/>
                    <a:pt x="129" y="48"/>
                    <a:pt x="129" y="46"/>
                  </a:cubicBezTo>
                  <a:cubicBezTo>
                    <a:pt x="129" y="43"/>
                    <a:pt x="129" y="41"/>
                    <a:pt x="129" y="39"/>
                  </a:cubicBezTo>
                  <a:cubicBezTo>
                    <a:pt x="128" y="37"/>
                    <a:pt x="128" y="35"/>
                    <a:pt x="127" y="32"/>
                  </a:cubicBezTo>
                  <a:cubicBezTo>
                    <a:pt x="126" y="30"/>
                    <a:pt x="125" y="29"/>
                    <a:pt x="124" y="27"/>
                  </a:cubicBezTo>
                  <a:cubicBezTo>
                    <a:pt x="123" y="23"/>
                    <a:pt x="120" y="20"/>
                    <a:pt x="117" y="16"/>
                  </a:cubicBezTo>
                  <a:cubicBezTo>
                    <a:pt x="111" y="10"/>
                    <a:pt x="104" y="5"/>
                    <a:pt x="96" y="2"/>
                  </a:cubicBezTo>
                  <a:cubicBezTo>
                    <a:pt x="88" y="0"/>
                    <a:pt x="80" y="0"/>
                    <a:pt x="73" y="1"/>
                  </a:cubicBezTo>
                  <a:cubicBezTo>
                    <a:pt x="58" y="4"/>
                    <a:pt x="45" y="16"/>
                    <a:pt x="41" y="30"/>
                  </a:cubicBezTo>
                  <a:cubicBezTo>
                    <a:pt x="39" y="37"/>
                    <a:pt x="37" y="45"/>
                    <a:pt x="38" y="52"/>
                  </a:cubicBezTo>
                  <a:cubicBezTo>
                    <a:pt x="38" y="55"/>
                    <a:pt x="41" y="58"/>
                    <a:pt x="43" y="55"/>
                  </a:cubicBezTo>
                  <a:cubicBezTo>
                    <a:pt x="46" y="53"/>
                    <a:pt x="47" y="48"/>
                    <a:pt x="47" y="44"/>
                  </a:cubicBezTo>
                  <a:cubicBezTo>
                    <a:pt x="49" y="33"/>
                    <a:pt x="54" y="24"/>
                    <a:pt x="64" y="18"/>
                  </a:cubicBezTo>
                  <a:cubicBezTo>
                    <a:pt x="67" y="17"/>
                    <a:pt x="71" y="15"/>
                    <a:pt x="75" y="15"/>
                  </a:cubicBezTo>
                  <a:cubicBezTo>
                    <a:pt x="81" y="14"/>
                    <a:pt x="86" y="14"/>
                    <a:pt x="92" y="16"/>
                  </a:cubicBezTo>
                  <a:cubicBezTo>
                    <a:pt x="97" y="18"/>
                    <a:pt x="102" y="21"/>
                    <a:pt x="106" y="26"/>
                  </a:cubicBezTo>
                  <a:cubicBezTo>
                    <a:pt x="108" y="28"/>
                    <a:pt x="110" y="31"/>
                    <a:pt x="111" y="33"/>
                  </a:cubicBezTo>
                  <a:cubicBezTo>
                    <a:pt x="112" y="35"/>
                    <a:pt x="113" y="36"/>
                    <a:pt x="113" y="38"/>
                  </a:cubicBezTo>
                  <a:cubicBezTo>
                    <a:pt x="114" y="39"/>
                    <a:pt x="114" y="40"/>
                    <a:pt x="115" y="41"/>
                  </a:cubicBezTo>
                  <a:cubicBezTo>
                    <a:pt x="116" y="46"/>
                    <a:pt x="115" y="51"/>
                    <a:pt x="112" y="56"/>
                  </a:cubicBezTo>
                  <a:cubicBezTo>
                    <a:pt x="106" y="65"/>
                    <a:pt x="96" y="73"/>
                    <a:pt x="91" y="83"/>
                  </a:cubicBezTo>
                  <a:cubicBezTo>
                    <a:pt x="89" y="87"/>
                    <a:pt x="87" y="91"/>
                    <a:pt x="86" y="96"/>
                  </a:cubicBezTo>
                  <a:cubicBezTo>
                    <a:pt x="85" y="102"/>
                    <a:pt x="86" y="109"/>
                    <a:pt x="84" y="115"/>
                  </a:cubicBezTo>
                  <a:cubicBezTo>
                    <a:pt x="83" y="122"/>
                    <a:pt x="79" y="128"/>
                    <a:pt x="76" y="134"/>
                  </a:cubicBezTo>
                  <a:cubicBezTo>
                    <a:pt x="71" y="142"/>
                    <a:pt x="66" y="150"/>
                    <a:pt x="60" y="157"/>
                  </a:cubicBezTo>
                  <a:cubicBezTo>
                    <a:pt x="57" y="162"/>
                    <a:pt x="53" y="167"/>
                    <a:pt x="50" y="172"/>
                  </a:cubicBezTo>
                  <a:cubicBezTo>
                    <a:pt x="36" y="192"/>
                    <a:pt x="23" y="209"/>
                    <a:pt x="14" y="223"/>
                  </a:cubicBezTo>
                  <a:cubicBezTo>
                    <a:pt x="5" y="236"/>
                    <a:pt x="0" y="246"/>
                    <a:pt x="2" y="247"/>
                  </a:cubicBezTo>
                  <a:cubicBezTo>
                    <a:pt x="2" y="247"/>
                    <a:pt x="12" y="245"/>
                    <a:pt x="43" y="230"/>
                  </a:cubicBezTo>
                  <a:cubicBezTo>
                    <a:pt x="67" y="219"/>
                    <a:pt x="101" y="205"/>
                    <a:pt x="138" y="188"/>
                  </a:cubicBezTo>
                  <a:cubicBezTo>
                    <a:pt x="174" y="170"/>
                    <a:pt x="207" y="153"/>
                    <a:pt x="230" y="140"/>
                  </a:cubicBezTo>
                  <a:cubicBezTo>
                    <a:pt x="241" y="133"/>
                    <a:pt x="253" y="126"/>
                    <a:pt x="258" y="121"/>
                  </a:cubicBezTo>
                  <a:cubicBezTo>
                    <a:pt x="261" y="118"/>
                    <a:pt x="265" y="114"/>
                    <a:pt x="263" y="112"/>
                  </a:cubicBezTo>
                  <a:close/>
                  <a:moveTo>
                    <a:pt x="225" y="130"/>
                  </a:moveTo>
                  <a:cubicBezTo>
                    <a:pt x="201" y="142"/>
                    <a:pt x="168" y="157"/>
                    <a:pt x="131" y="174"/>
                  </a:cubicBezTo>
                  <a:cubicBezTo>
                    <a:pt x="95" y="192"/>
                    <a:pt x="62" y="208"/>
                    <a:pt x="39" y="221"/>
                  </a:cubicBezTo>
                  <a:cubicBezTo>
                    <a:pt x="29" y="226"/>
                    <a:pt x="17" y="237"/>
                    <a:pt x="16" y="234"/>
                  </a:cubicBezTo>
                  <a:cubicBezTo>
                    <a:pt x="15" y="233"/>
                    <a:pt x="19" y="230"/>
                    <a:pt x="21" y="228"/>
                  </a:cubicBezTo>
                  <a:cubicBezTo>
                    <a:pt x="31" y="216"/>
                    <a:pt x="46" y="200"/>
                    <a:pt x="60" y="179"/>
                  </a:cubicBezTo>
                  <a:cubicBezTo>
                    <a:pt x="74" y="159"/>
                    <a:pt x="85" y="140"/>
                    <a:pt x="92" y="123"/>
                  </a:cubicBezTo>
                  <a:cubicBezTo>
                    <a:pt x="93" y="122"/>
                    <a:pt x="93" y="119"/>
                    <a:pt x="95" y="119"/>
                  </a:cubicBezTo>
                  <a:cubicBezTo>
                    <a:pt x="96" y="117"/>
                    <a:pt x="104" y="120"/>
                    <a:pt x="115" y="121"/>
                  </a:cubicBezTo>
                  <a:cubicBezTo>
                    <a:pt x="131" y="122"/>
                    <a:pt x="152" y="122"/>
                    <a:pt x="177" y="122"/>
                  </a:cubicBezTo>
                  <a:cubicBezTo>
                    <a:pt x="200" y="122"/>
                    <a:pt x="222" y="121"/>
                    <a:pt x="238" y="119"/>
                  </a:cubicBezTo>
                  <a:cubicBezTo>
                    <a:pt x="243" y="118"/>
                    <a:pt x="251" y="117"/>
                    <a:pt x="251" y="117"/>
                  </a:cubicBezTo>
                  <a:cubicBezTo>
                    <a:pt x="253" y="119"/>
                    <a:pt x="236" y="125"/>
                    <a:pt x="225" y="13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55" name="ïś1îḓè">
              <a:extLst>
                <a:ext uri="{FF2B5EF4-FFF2-40B4-BE49-F238E27FC236}">
                  <a16:creationId xmlns:a16="http://schemas.microsoft.com/office/drawing/2014/main" xmlns="" id="{4B98DCE4-1779-42FC-84D6-FADBC774D9F3}"/>
                </a:ext>
              </a:extLst>
            </p:cNvPr>
            <p:cNvSpPr/>
            <p:nvPr/>
          </p:nvSpPr>
          <p:spPr bwMode="auto">
            <a:xfrm>
              <a:off x="6314104" y="3101845"/>
              <a:ext cx="643360" cy="572180"/>
            </a:xfrm>
            <a:custGeom>
              <a:avLst/>
              <a:gdLst>
                <a:gd name="T0" fmla="*/ 297 w 298"/>
                <a:gd name="T1" fmla="*/ 116 h 265"/>
                <a:gd name="T2" fmla="*/ 296 w 298"/>
                <a:gd name="T3" fmla="*/ 113 h 265"/>
                <a:gd name="T4" fmla="*/ 295 w 298"/>
                <a:gd name="T5" fmla="*/ 111 h 265"/>
                <a:gd name="T6" fmla="*/ 292 w 298"/>
                <a:gd name="T7" fmla="*/ 107 h 265"/>
                <a:gd name="T8" fmla="*/ 277 w 298"/>
                <a:gd name="T9" fmla="*/ 93 h 265"/>
                <a:gd name="T10" fmla="*/ 244 w 298"/>
                <a:gd name="T11" fmla="*/ 71 h 265"/>
                <a:gd name="T12" fmla="*/ 213 w 298"/>
                <a:gd name="T13" fmla="*/ 53 h 265"/>
                <a:gd name="T14" fmla="*/ 179 w 298"/>
                <a:gd name="T15" fmla="*/ 33 h 265"/>
                <a:gd name="T16" fmla="*/ 146 w 298"/>
                <a:gd name="T17" fmla="*/ 17 h 265"/>
                <a:gd name="T18" fmla="*/ 109 w 298"/>
                <a:gd name="T19" fmla="*/ 3 h 265"/>
                <a:gd name="T20" fmla="*/ 89 w 298"/>
                <a:gd name="T21" fmla="*/ 0 h 265"/>
                <a:gd name="T22" fmla="*/ 84 w 298"/>
                <a:gd name="T23" fmla="*/ 0 h 265"/>
                <a:gd name="T24" fmla="*/ 81 w 298"/>
                <a:gd name="T25" fmla="*/ 1 h 265"/>
                <a:gd name="T26" fmla="*/ 79 w 298"/>
                <a:gd name="T27" fmla="*/ 2 h 265"/>
                <a:gd name="T28" fmla="*/ 78 w 298"/>
                <a:gd name="T29" fmla="*/ 3 h 265"/>
                <a:gd name="T30" fmla="*/ 71 w 298"/>
                <a:gd name="T31" fmla="*/ 10 h 265"/>
                <a:gd name="T32" fmla="*/ 51 w 298"/>
                <a:gd name="T33" fmla="*/ 41 h 265"/>
                <a:gd name="T34" fmla="*/ 48 w 298"/>
                <a:gd name="T35" fmla="*/ 46 h 265"/>
                <a:gd name="T36" fmla="*/ 49 w 298"/>
                <a:gd name="T37" fmla="*/ 44 h 265"/>
                <a:gd name="T38" fmla="*/ 42 w 298"/>
                <a:gd name="T39" fmla="*/ 56 h 265"/>
                <a:gd name="T40" fmla="*/ 25 w 298"/>
                <a:gd name="T41" fmla="*/ 89 h 265"/>
                <a:gd name="T42" fmla="*/ 13 w 298"/>
                <a:gd name="T43" fmla="*/ 112 h 265"/>
                <a:gd name="T44" fmla="*/ 1 w 298"/>
                <a:gd name="T45" fmla="*/ 140 h 265"/>
                <a:gd name="T46" fmla="*/ 0 w 298"/>
                <a:gd name="T47" fmla="*/ 148 h 265"/>
                <a:gd name="T48" fmla="*/ 2 w 298"/>
                <a:gd name="T49" fmla="*/ 157 h 265"/>
                <a:gd name="T50" fmla="*/ 15 w 298"/>
                <a:gd name="T51" fmla="*/ 170 h 265"/>
                <a:gd name="T52" fmla="*/ 30 w 298"/>
                <a:gd name="T53" fmla="*/ 179 h 265"/>
                <a:gd name="T54" fmla="*/ 46 w 298"/>
                <a:gd name="T55" fmla="*/ 187 h 265"/>
                <a:gd name="T56" fmla="*/ 111 w 298"/>
                <a:gd name="T57" fmla="*/ 220 h 265"/>
                <a:gd name="T58" fmla="*/ 144 w 298"/>
                <a:gd name="T59" fmla="*/ 239 h 265"/>
                <a:gd name="T60" fmla="*/ 168 w 298"/>
                <a:gd name="T61" fmla="*/ 251 h 265"/>
                <a:gd name="T62" fmla="*/ 180 w 298"/>
                <a:gd name="T63" fmla="*/ 258 h 265"/>
                <a:gd name="T64" fmla="*/ 194 w 298"/>
                <a:gd name="T65" fmla="*/ 263 h 265"/>
                <a:gd name="T66" fmla="*/ 210 w 298"/>
                <a:gd name="T67" fmla="*/ 264 h 265"/>
                <a:gd name="T68" fmla="*/ 224 w 298"/>
                <a:gd name="T69" fmla="*/ 259 h 265"/>
                <a:gd name="T70" fmla="*/ 243 w 298"/>
                <a:gd name="T71" fmla="*/ 239 h 265"/>
                <a:gd name="T72" fmla="*/ 255 w 298"/>
                <a:gd name="T73" fmla="*/ 217 h 265"/>
                <a:gd name="T74" fmla="*/ 256 w 298"/>
                <a:gd name="T75" fmla="*/ 216 h 265"/>
                <a:gd name="T76" fmla="*/ 285 w 298"/>
                <a:gd name="T77" fmla="*/ 162 h 265"/>
                <a:gd name="T78" fmla="*/ 292 w 298"/>
                <a:gd name="T79" fmla="*/ 145 h 265"/>
                <a:gd name="T80" fmla="*/ 297 w 298"/>
                <a:gd name="T81" fmla="*/ 127 h 265"/>
                <a:gd name="T82" fmla="*/ 297 w 298"/>
                <a:gd name="T83" fmla="*/ 116 h 2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98" h="265">
                  <a:moveTo>
                    <a:pt x="297" y="116"/>
                  </a:moveTo>
                  <a:cubicBezTo>
                    <a:pt x="297" y="115"/>
                    <a:pt x="297" y="114"/>
                    <a:pt x="296" y="113"/>
                  </a:cubicBezTo>
                  <a:cubicBezTo>
                    <a:pt x="296" y="112"/>
                    <a:pt x="296" y="112"/>
                    <a:pt x="295" y="111"/>
                  </a:cubicBezTo>
                  <a:cubicBezTo>
                    <a:pt x="294" y="109"/>
                    <a:pt x="293" y="108"/>
                    <a:pt x="292" y="107"/>
                  </a:cubicBezTo>
                  <a:cubicBezTo>
                    <a:pt x="287" y="101"/>
                    <a:pt x="282" y="97"/>
                    <a:pt x="277" y="93"/>
                  </a:cubicBezTo>
                  <a:cubicBezTo>
                    <a:pt x="266" y="84"/>
                    <a:pt x="255" y="77"/>
                    <a:pt x="244" y="71"/>
                  </a:cubicBezTo>
                  <a:cubicBezTo>
                    <a:pt x="234" y="64"/>
                    <a:pt x="223" y="58"/>
                    <a:pt x="213" y="53"/>
                  </a:cubicBezTo>
                  <a:cubicBezTo>
                    <a:pt x="203" y="47"/>
                    <a:pt x="192" y="40"/>
                    <a:pt x="179" y="33"/>
                  </a:cubicBezTo>
                  <a:cubicBezTo>
                    <a:pt x="169" y="28"/>
                    <a:pt x="158" y="22"/>
                    <a:pt x="146" y="17"/>
                  </a:cubicBezTo>
                  <a:cubicBezTo>
                    <a:pt x="135" y="12"/>
                    <a:pt x="123" y="6"/>
                    <a:pt x="109" y="3"/>
                  </a:cubicBezTo>
                  <a:cubicBezTo>
                    <a:pt x="103" y="1"/>
                    <a:pt x="96" y="0"/>
                    <a:pt x="89" y="0"/>
                  </a:cubicBezTo>
                  <a:cubicBezTo>
                    <a:pt x="87" y="0"/>
                    <a:pt x="86" y="0"/>
                    <a:pt x="84" y="0"/>
                  </a:cubicBezTo>
                  <a:cubicBezTo>
                    <a:pt x="83" y="1"/>
                    <a:pt x="82" y="1"/>
                    <a:pt x="81" y="1"/>
                  </a:cubicBezTo>
                  <a:cubicBezTo>
                    <a:pt x="79" y="2"/>
                    <a:pt x="79" y="2"/>
                    <a:pt x="79" y="2"/>
                  </a:cubicBezTo>
                  <a:cubicBezTo>
                    <a:pt x="78" y="3"/>
                    <a:pt x="78" y="3"/>
                    <a:pt x="78" y="3"/>
                  </a:cubicBezTo>
                  <a:cubicBezTo>
                    <a:pt x="75" y="5"/>
                    <a:pt x="73" y="7"/>
                    <a:pt x="71" y="10"/>
                  </a:cubicBezTo>
                  <a:cubicBezTo>
                    <a:pt x="63" y="20"/>
                    <a:pt x="57" y="31"/>
                    <a:pt x="51" y="41"/>
                  </a:cubicBezTo>
                  <a:cubicBezTo>
                    <a:pt x="50" y="43"/>
                    <a:pt x="49" y="44"/>
                    <a:pt x="48" y="46"/>
                  </a:cubicBezTo>
                  <a:cubicBezTo>
                    <a:pt x="49" y="45"/>
                    <a:pt x="49" y="44"/>
                    <a:pt x="49" y="44"/>
                  </a:cubicBezTo>
                  <a:cubicBezTo>
                    <a:pt x="48" y="44"/>
                    <a:pt x="46" y="48"/>
                    <a:pt x="42" y="56"/>
                  </a:cubicBezTo>
                  <a:cubicBezTo>
                    <a:pt x="38" y="64"/>
                    <a:pt x="32" y="75"/>
                    <a:pt x="25" y="89"/>
                  </a:cubicBezTo>
                  <a:cubicBezTo>
                    <a:pt x="21" y="96"/>
                    <a:pt x="17" y="103"/>
                    <a:pt x="13" y="112"/>
                  </a:cubicBezTo>
                  <a:cubicBezTo>
                    <a:pt x="8" y="120"/>
                    <a:pt x="4" y="129"/>
                    <a:pt x="1" y="140"/>
                  </a:cubicBezTo>
                  <a:cubicBezTo>
                    <a:pt x="1" y="142"/>
                    <a:pt x="0" y="145"/>
                    <a:pt x="0" y="148"/>
                  </a:cubicBezTo>
                  <a:cubicBezTo>
                    <a:pt x="1" y="151"/>
                    <a:pt x="1" y="154"/>
                    <a:pt x="2" y="157"/>
                  </a:cubicBezTo>
                  <a:cubicBezTo>
                    <a:pt x="5" y="163"/>
                    <a:pt x="10" y="167"/>
                    <a:pt x="15" y="170"/>
                  </a:cubicBezTo>
                  <a:cubicBezTo>
                    <a:pt x="19" y="174"/>
                    <a:pt x="25" y="176"/>
                    <a:pt x="30" y="179"/>
                  </a:cubicBezTo>
                  <a:cubicBezTo>
                    <a:pt x="35" y="182"/>
                    <a:pt x="40" y="184"/>
                    <a:pt x="46" y="187"/>
                  </a:cubicBezTo>
                  <a:cubicBezTo>
                    <a:pt x="69" y="199"/>
                    <a:pt x="91" y="211"/>
                    <a:pt x="111" y="220"/>
                  </a:cubicBezTo>
                  <a:cubicBezTo>
                    <a:pt x="121" y="226"/>
                    <a:pt x="132" y="232"/>
                    <a:pt x="144" y="239"/>
                  </a:cubicBezTo>
                  <a:cubicBezTo>
                    <a:pt x="152" y="243"/>
                    <a:pt x="159" y="247"/>
                    <a:pt x="168" y="251"/>
                  </a:cubicBezTo>
                  <a:cubicBezTo>
                    <a:pt x="172" y="253"/>
                    <a:pt x="176" y="255"/>
                    <a:pt x="180" y="258"/>
                  </a:cubicBezTo>
                  <a:cubicBezTo>
                    <a:pt x="185" y="260"/>
                    <a:pt x="189" y="261"/>
                    <a:pt x="194" y="263"/>
                  </a:cubicBezTo>
                  <a:cubicBezTo>
                    <a:pt x="199" y="264"/>
                    <a:pt x="204" y="265"/>
                    <a:pt x="210" y="264"/>
                  </a:cubicBezTo>
                  <a:cubicBezTo>
                    <a:pt x="215" y="264"/>
                    <a:pt x="220" y="262"/>
                    <a:pt x="224" y="259"/>
                  </a:cubicBezTo>
                  <a:cubicBezTo>
                    <a:pt x="232" y="254"/>
                    <a:pt x="238" y="246"/>
                    <a:pt x="243" y="239"/>
                  </a:cubicBezTo>
                  <a:cubicBezTo>
                    <a:pt x="248" y="232"/>
                    <a:pt x="252" y="224"/>
                    <a:pt x="255" y="217"/>
                  </a:cubicBezTo>
                  <a:cubicBezTo>
                    <a:pt x="256" y="217"/>
                    <a:pt x="256" y="217"/>
                    <a:pt x="256" y="216"/>
                  </a:cubicBezTo>
                  <a:cubicBezTo>
                    <a:pt x="265" y="201"/>
                    <a:pt x="276" y="183"/>
                    <a:pt x="285" y="162"/>
                  </a:cubicBezTo>
                  <a:cubicBezTo>
                    <a:pt x="288" y="156"/>
                    <a:pt x="290" y="151"/>
                    <a:pt x="292" y="145"/>
                  </a:cubicBezTo>
                  <a:cubicBezTo>
                    <a:pt x="294" y="139"/>
                    <a:pt x="296" y="133"/>
                    <a:pt x="297" y="127"/>
                  </a:cubicBezTo>
                  <a:cubicBezTo>
                    <a:pt x="298" y="123"/>
                    <a:pt x="298" y="120"/>
                    <a:pt x="297" y="116"/>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56" name="işḷiḍe">
              <a:extLst>
                <a:ext uri="{FF2B5EF4-FFF2-40B4-BE49-F238E27FC236}">
                  <a16:creationId xmlns:a16="http://schemas.microsoft.com/office/drawing/2014/main" xmlns="" id="{3466EF06-C842-43AC-9232-3D47F5359FB6}"/>
                </a:ext>
              </a:extLst>
            </p:cNvPr>
            <p:cNvSpPr/>
            <p:nvPr/>
          </p:nvSpPr>
          <p:spPr bwMode="auto">
            <a:xfrm>
              <a:off x="6459201" y="3313560"/>
              <a:ext cx="27377" cy="25552"/>
            </a:xfrm>
            <a:custGeom>
              <a:avLst/>
              <a:gdLst>
                <a:gd name="T0" fmla="*/ 21 w 30"/>
                <a:gd name="T1" fmla="*/ 28 h 28"/>
                <a:gd name="T2" fmla="*/ 30 w 30"/>
                <a:gd name="T3" fmla="*/ 10 h 28"/>
                <a:gd name="T4" fmla="*/ 9 w 30"/>
                <a:gd name="T5" fmla="*/ 0 h 28"/>
                <a:gd name="T6" fmla="*/ 0 w 30"/>
                <a:gd name="T7" fmla="*/ 17 h 28"/>
                <a:gd name="T8" fmla="*/ 21 w 30"/>
                <a:gd name="T9" fmla="*/ 28 h 28"/>
              </a:gdLst>
              <a:ahLst/>
              <a:cxnLst>
                <a:cxn ang="0">
                  <a:pos x="T0" y="T1"/>
                </a:cxn>
                <a:cxn ang="0">
                  <a:pos x="T2" y="T3"/>
                </a:cxn>
                <a:cxn ang="0">
                  <a:pos x="T4" y="T5"/>
                </a:cxn>
                <a:cxn ang="0">
                  <a:pos x="T6" y="T7"/>
                </a:cxn>
                <a:cxn ang="0">
                  <a:pos x="T8" y="T9"/>
                </a:cxn>
              </a:cxnLst>
              <a:rect l="0" t="0" r="r" b="b"/>
              <a:pathLst>
                <a:path w="30" h="28">
                  <a:moveTo>
                    <a:pt x="21" y="28"/>
                  </a:moveTo>
                  <a:lnTo>
                    <a:pt x="30" y="10"/>
                  </a:lnTo>
                  <a:lnTo>
                    <a:pt x="9" y="0"/>
                  </a:lnTo>
                  <a:lnTo>
                    <a:pt x="0" y="17"/>
                  </a:lnTo>
                  <a:lnTo>
                    <a:pt x="21" y="28"/>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57" name="ïṣḷîdé">
              <a:extLst>
                <a:ext uri="{FF2B5EF4-FFF2-40B4-BE49-F238E27FC236}">
                  <a16:creationId xmlns:a16="http://schemas.microsoft.com/office/drawing/2014/main" xmlns="" id="{0B9D12CB-4A24-4F19-AFDF-0AC30DEB12A3}"/>
                </a:ext>
              </a:extLst>
            </p:cNvPr>
            <p:cNvSpPr/>
            <p:nvPr/>
          </p:nvSpPr>
          <p:spPr bwMode="auto">
            <a:xfrm>
              <a:off x="6429087" y="3298959"/>
              <a:ext cx="31940" cy="27377"/>
            </a:xfrm>
            <a:custGeom>
              <a:avLst/>
              <a:gdLst>
                <a:gd name="T0" fmla="*/ 15 w 15"/>
                <a:gd name="T1" fmla="*/ 5 h 13"/>
                <a:gd name="T2" fmla="*/ 7 w 15"/>
                <a:gd name="T3" fmla="*/ 1 h 13"/>
                <a:gd name="T4" fmla="*/ 2 w 15"/>
                <a:gd name="T5" fmla="*/ 3 h 13"/>
                <a:gd name="T6" fmla="*/ 0 w 15"/>
                <a:gd name="T7" fmla="*/ 6 h 13"/>
                <a:gd name="T8" fmla="*/ 11 w 15"/>
                <a:gd name="T9" fmla="*/ 13 h 13"/>
                <a:gd name="T10" fmla="*/ 15 w 15"/>
                <a:gd name="T11" fmla="*/ 5 h 13"/>
              </a:gdLst>
              <a:ahLst/>
              <a:cxnLst>
                <a:cxn ang="0">
                  <a:pos x="T0" y="T1"/>
                </a:cxn>
                <a:cxn ang="0">
                  <a:pos x="T2" y="T3"/>
                </a:cxn>
                <a:cxn ang="0">
                  <a:pos x="T4" y="T5"/>
                </a:cxn>
                <a:cxn ang="0">
                  <a:pos x="T6" y="T7"/>
                </a:cxn>
                <a:cxn ang="0">
                  <a:pos x="T8" y="T9"/>
                </a:cxn>
                <a:cxn ang="0">
                  <a:pos x="T10" y="T11"/>
                </a:cxn>
              </a:cxnLst>
              <a:rect l="0" t="0" r="r" b="b"/>
              <a:pathLst>
                <a:path w="15" h="13">
                  <a:moveTo>
                    <a:pt x="15" y="5"/>
                  </a:moveTo>
                  <a:cubicBezTo>
                    <a:pt x="7" y="1"/>
                    <a:pt x="7" y="1"/>
                    <a:pt x="7" y="1"/>
                  </a:cubicBezTo>
                  <a:cubicBezTo>
                    <a:pt x="5" y="0"/>
                    <a:pt x="3" y="1"/>
                    <a:pt x="2" y="3"/>
                  </a:cubicBezTo>
                  <a:cubicBezTo>
                    <a:pt x="0" y="6"/>
                    <a:pt x="0" y="6"/>
                    <a:pt x="0" y="6"/>
                  </a:cubicBezTo>
                  <a:cubicBezTo>
                    <a:pt x="11" y="13"/>
                    <a:pt x="11" y="13"/>
                    <a:pt x="11" y="13"/>
                  </a:cubicBezTo>
                  <a:lnTo>
                    <a:pt x="15" y="5"/>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58" name="îSļîḓé">
              <a:extLst>
                <a:ext uri="{FF2B5EF4-FFF2-40B4-BE49-F238E27FC236}">
                  <a16:creationId xmlns:a16="http://schemas.microsoft.com/office/drawing/2014/main" xmlns="" id="{FA34CF33-BBCE-44B6-8FFC-04C1184BB47D}"/>
                </a:ext>
              </a:extLst>
            </p:cNvPr>
            <p:cNvSpPr/>
            <p:nvPr/>
          </p:nvSpPr>
          <p:spPr bwMode="auto">
            <a:xfrm>
              <a:off x="6482928" y="3326336"/>
              <a:ext cx="30115" cy="28290"/>
            </a:xfrm>
            <a:custGeom>
              <a:avLst/>
              <a:gdLst>
                <a:gd name="T0" fmla="*/ 11 w 14"/>
                <a:gd name="T1" fmla="*/ 13 h 13"/>
                <a:gd name="T2" fmla="*/ 13 w 14"/>
                <a:gd name="T3" fmla="*/ 9 h 13"/>
                <a:gd name="T4" fmla="*/ 12 w 14"/>
                <a:gd name="T5" fmla="*/ 4 h 13"/>
                <a:gd name="T6" fmla="*/ 5 w 14"/>
                <a:gd name="T7" fmla="*/ 0 h 13"/>
                <a:gd name="T8" fmla="*/ 0 w 14"/>
                <a:gd name="T9" fmla="*/ 8 h 13"/>
                <a:gd name="T10" fmla="*/ 11 w 14"/>
                <a:gd name="T11" fmla="*/ 13 h 13"/>
              </a:gdLst>
              <a:ahLst/>
              <a:cxnLst>
                <a:cxn ang="0">
                  <a:pos x="T0" y="T1"/>
                </a:cxn>
                <a:cxn ang="0">
                  <a:pos x="T2" y="T3"/>
                </a:cxn>
                <a:cxn ang="0">
                  <a:pos x="T4" y="T5"/>
                </a:cxn>
                <a:cxn ang="0">
                  <a:pos x="T6" y="T7"/>
                </a:cxn>
                <a:cxn ang="0">
                  <a:pos x="T8" y="T9"/>
                </a:cxn>
                <a:cxn ang="0">
                  <a:pos x="T10" y="T11"/>
                </a:cxn>
              </a:cxnLst>
              <a:rect l="0" t="0" r="r" b="b"/>
              <a:pathLst>
                <a:path w="14" h="13">
                  <a:moveTo>
                    <a:pt x="11" y="13"/>
                  </a:moveTo>
                  <a:cubicBezTo>
                    <a:pt x="13" y="9"/>
                    <a:pt x="13" y="9"/>
                    <a:pt x="13" y="9"/>
                  </a:cubicBezTo>
                  <a:cubicBezTo>
                    <a:pt x="14" y="7"/>
                    <a:pt x="14" y="5"/>
                    <a:pt x="12" y="4"/>
                  </a:cubicBezTo>
                  <a:cubicBezTo>
                    <a:pt x="5" y="0"/>
                    <a:pt x="5" y="0"/>
                    <a:pt x="5" y="0"/>
                  </a:cubicBezTo>
                  <a:cubicBezTo>
                    <a:pt x="0" y="8"/>
                    <a:pt x="0" y="8"/>
                    <a:pt x="0" y="8"/>
                  </a:cubicBezTo>
                  <a:lnTo>
                    <a:pt x="11" y="13"/>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59" name="ïṡ1iḓé">
              <a:extLst>
                <a:ext uri="{FF2B5EF4-FFF2-40B4-BE49-F238E27FC236}">
                  <a16:creationId xmlns:a16="http://schemas.microsoft.com/office/drawing/2014/main" xmlns="" id="{2B2277D0-BDA9-4450-8C81-8A07D12A37E0}"/>
                </a:ext>
              </a:extLst>
            </p:cNvPr>
            <p:cNvSpPr/>
            <p:nvPr/>
          </p:nvSpPr>
          <p:spPr bwMode="auto">
            <a:xfrm>
              <a:off x="6445513" y="3335462"/>
              <a:ext cx="28290" cy="28290"/>
            </a:xfrm>
            <a:custGeom>
              <a:avLst/>
              <a:gdLst>
                <a:gd name="T0" fmla="*/ 0 w 31"/>
                <a:gd name="T1" fmla="*/ 19 h 31"/>
                <a:gd name="T2" fmla="*/ 22 w 31"/>
                <a:gd name="T3" fmla="*/ 31 h 31"/>
                <a:gd name="T4" fmla="*/ 31 w 31"/>
                <a:gd name="T5" fmla="*/ 12 h 31"/>
                <a:gd name="T6" fmla="*/ 10 w 31"/>
                <a:gd name="T7" fmla="*/ 0 h 31"/>
                <a:gd name="T8" fmla="*/ 0 w 31"/>
                <a:gd name="T9" fmla="*/ 19 h 31"/>
              </a:gdLst>
              <a:ahLst/>
              <a:cxnLst>
                <a:cxn ang="0">
                  <a:pos x="T0" y="T1"/>
                </a:cxn>
                <a:cxn ang="0">
                  <a:pos x="T2" y="T3"/>
                </a:cxn>
                <a:cxn ang="0">
                  <a:pos x="T4" y="T5"/>
                </a:cxn>
                <a:cxn ang="0">
                  <a:pos x="T6" y="T7"/>
                </a:cxn>
                <a:cxn ang="0">
                  <a:pos x="T8" y="T9"/>
                </a:cxn>
              </a:cxnLst>
              <a:rect l="0" t="0" r="r" b="b"/>
              <a:pathLst>
                <a:path w="31" h="31">
                  <a:moveTo>
                    <a:pt x="0" y="19"/>
                  </a:moveTo>
                  <a:lnTo>
                    <a:pt x="22" y="31"/>
                  </a:lnTo>
                  <a:lnTo>
                    <a:pt x="31" y="12"/>
                  </a:lnTo>
                  <a:lnTo>
                    <a:pt x="10" y="0"/>
                  </a:lnTo>
                  <a:lnTo>
                    <a:pt x="0" y="19"/>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0" name="îṥ1iďê">
              <a:extLst>
                <a:ext uri="{FF2B5EF4-FFF2-40B4-BE49-F238E27FC236}">
                  <a16:creationId xmlns:a16="http://schemas.microsoft.com/office/drawing/2014/main" xmlns="" id="{E518FB4A-941F-456F-9F6D-540C7FE962AD}"/>
                </a:ext>
              </a:extLst>
            </p:cNvPr>
            <p:cNvSpPr/>
            <p:nvPr/>
          </p:nvSpPr>
          <p:spPr bwMode="auto">
            <a:xfrm>
              <a:off x="6415398" y="3318123"/>
              <a:ext cx="34677" cy="30115"/>
            </a:xfrm>
            <a:custGeom>
              <a:avLst/>
              <a:gdLst>
                <a:gd name="T0" fmla="*/ 38 w 38"/>
                <a:gd name="T1" fmla="*/ 16 h 33"/>
                <a:gd name="T2" fmla="*/ 10 w 38"/>
                <a:gd name="T3" fmla="*/ 0 h 33"/>
                <a:gd name="T4" fmla="*/ 0 w 38"/>
                <a:gd name="T5" fmla="*/ 19 h 33"/>
                <a:gd name="T6" fmla="*/ 26 w 38"/>
                <a:gd name="T7" fmla="*/ 33 h 33"/>
                <a:gd name="T8" fmla="*/ 38 w 38"/>
                <a:gd name="T9" fmla="*/ 16 h 33"/>
              </a:gdLst>
              <a:ahLst/>
              <a:cxnLst>
                <a:cxn ang="0">
                  <a:pos x="T0" y="T1"/>
                </a:cxn>
                <a:cxn ang="0">
                  <a:pos x="T2" y="T3"/>
                </a:cxn>
                <a:cxn ang="0">
                  <a:pos x="T4" y="T5"/>
                </a:cxn>
                <a:cxn ang="0">
                  <a:pos x="T6" y="T7"/>
                </a:cxn>
                <a:cxn ang="0">
                  <a:pos x="T8" y="T9"/>
                </a:cxn>
              </a:cxnLst>
              <a:rect l="0" t="0" r="r" b="b"/>
              <a:pathLst>
                <a:path w="38" h="33">
                  <a:moveTo>
                    <a:pt x="38" y="16"/>
                  </a:moveTo>
                  <a:lnTo>
                    <a:pt x="10" y="0"/>
                  </a:lnTo>
                  <a:lnTo>
                    <a:pt x="0" y="19"/>
                  </a:lnTo>
                  <a:lnTo>
                    <a:pt x="26" y="33"/>
                  </a:lnTo>
                  <a:lnTo>
                    <a:pt x="38" y="16"/>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1" name="íšḻiďé">
              <a:extLst>
                <a:ext uri="{FF2B5EF4-FFF2-40B4-BE49-F238E27FC236}">
                  <a16:creationId xmlns:a16="http://schemas.microsoft.com/office/drawing/2014/main" xmlns="" id="{D45B1564-CE04-4B0F-991A-B4603647483E}"/>
                </a:ext>
              </a:extLst>
            </p:cNvPr>
            <p:cNvSpPr/>
            <p:nvPr/>
          </p:nvSpPr>
          <p:spPr bwMode="auto">
            <a:xfrm>
              <a:off x="6471978" y="3350063"/>
              <a:ext cx="30115" cy="28290"/>
            </a:xfrm>
            <a:custGeom>
              <a:avLst/>
              <a:gdLst>
                <a:gd name="T0" fmla="*/ 0 w 33"/>
                <a:gd name="T1" fmla="*/ 17 h 31"/>
                <a:gd name="T2" fmla="*/ 24 w 33"/>
                <a:gd name="T3" fmla="*/ 31 h 31"/>
                <a:gd name="T4" fmla="*/ 33 w 33"/>
                <a:gd name="T5" fmla="*/ 12 h 31"/>
                <a:gd name="T6" fmla="*/ 9 w 33"/>
                <a:gd name="T7" fmla="*/ 0 h 31"/>
                <a:gd name="T8" fmla="*/ 0 w 33"/>
                <a:gd name="T9" fmla="*/ 17 h 31"/>
              </a:gdLst>
              <a:ahLst/>
              <a:cxnLst>
                <a:cxn ang="0">
                  <a:pos x="T0" y="T1"/>
                </a:cxn>
                <a:cxn ang="0">
                  <a:pos x="T2" y="T3"/>
                </a:cxn>
                <a:cxn ang="0">
                  <a:pos x="T4" y="T5"/>
                </a:cxn>
                <a:cxn ang="0">
                  <a:pos x="T6" y="T7"/>
                </a:cxn>
                <a:cxn ang="0">
                  <a:pos x="T8" y="T9"/>
                </a:cxn>
              </a:cxnLst>
              <a:rect l="0" t="0" r="r" b="b"/>
              <a:pathLst>
                <a:path w="33" h="31">
                  <a:moveTo>
                    <a:pt x="0" y="17"/>
                  </a:moveTo>
                  <a:lnTo>
                    <a:pt x="24" y="31"/>
                  </a:lnTo>
                  <a:lnTo>
                    <a:pt x="33" y="12"/>
                  </a:lnTo>
                  <a:lnTo>
                    <a:pt x="9" y="0"/>
                  </a:lnTo>
                  <a:lnTo>
                    <a:pt x="0" y="17"/>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2" name="íṥļíďé">
              <a:extLst>
                <a:ext uri="{FF2B5EF4-FFF2-40B4-BE49-F238E27FC236}">
                  <a16:creationId xmlns:a16="http://schemas.microsoft.com/office/drawing/2014/main" xmlns="" id="{C415F145-22D8-4034-8B23-F8F200E46F2B}"/>
                </a:ext>
              </a:extLst>
            </p:cNvPr>
            <p:cNvSpPr/>
            <p:nvPr/>
          </p:nvSpPr>
          <p:spPr bwMode="auto">
            <a:xfrm>
              <a:off x="6407185" y="3341849"/>
              <a:ext cx="30115" cy="28290"/>
            </a:xfrm>
            <a:custGeom>
              <a:avLst/>
              <a:gdLst>
                <a:gd name="T0" fmla="*/ 3 w 14"/>
                <a:gd name="T1" fmla="*/ 0 h 13"/>
                <a:gd name="T2" fmla="*/ 1 w 14"/>
                <a:gd name="T3" fmla="*/ 3 h 13"/>
                <a:gd name="T4" fmla="*/ 2 w 14"/>
                <a:gd name="T5" fmla="*/ 9 h 13"/>
                <a:gd name="T6" fmla="*/ 10 w 14"/>
                <a:gd name="T7" fmla="*/ 13 h 13"/>
                <a:gd name="T8" fmla="*/ 14 w 14"/>
                <a:gd name="T9" fmla="*/ 6 h 13"/>
                <a:gd name="T10" fmla="*/ 3 w 14"/>
                <a:gd name="T11" fmla="*/ 0 h 13"/>
              </a:gdLst>
              <a:ahLst/>
              <a:cxnLst>
                <a:cxn ang="0">
                  <a:pos x="T0" y="T1"/>
                </a:cxn>
                <a:cxn ang="0">
                  <a:pos x="T2" y="T3"/>
                </a:cxn>
                <a:cxn ang="0">
                  <a:pos x="T4" y="T5"/>
                </a:cxn>
                <a:cxn ang="0">
                  <a:pos x="T6" y="T7"/>
                </a:cxn>
                <a:cxn ang="0">
                  <a:pos x="T8" y="T9"/>
                </a:cxn>
                <a:cxn ang="0">
                  <a:pos x="T10" y="T11"/>
                </a:cxn>
              </a:cxnLst>
              <a:rect l="0" t="0" r="r" b="b"/>
              <a:pathLst>
                <a:path w="14" h="13">
                  <a:moveTo>
                    <a:pt x="3" y="0"/>
                  </a:moveTo>
                  <a:cubicBezTo>
                    <a:pt x="1" y="3"/>
                    <a:pt x="1" y="3"/>
                    <a:pt x="1" y="3"/>
                  </a:cubicBezTo>
                  <a:cubicBezTo>
                    <a:pt x="0" y="5"/>
                    <a:pt x="0" y="8"/>
                    <a:pt x="2" y="9"/>
                  </a:cubicBezTo>
                  <a:cubicBezTo>
                    <a:pt x="10" y="13"/>
                    <a:pt x="10" y="13"/>
                    <a:pt x="10" y="13"/>
                  </a:cubicBezTo>
                  <a:cubicBezTo>
                    <a:pt x="14" y="6"/>
                    <a:pt x="14" y="6"/>
                    <a:pt x="14" y="6"/>
                  </a:cubicBezTo>
                  <a:lnTo>
                    <a:pt x="3" y="0"/>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3" name="íS1îḓé">
              <a:extLst>
                <a:ext uri="{FF2B5EF4-FFF2-40B4-BE49-F238E27FC236}">
                  <a16:creationId xmlns:a16="http://schemas.microsoft.com/office/drawing/2014/main" xmlns="" id="{3074A2FD-DA5C-4806-B26C-F3EEED537064}"/>
                </a:ext>
              </a:extLst>
            </p:cNvPr>
            <p:cNvSpPr/>
            <p:nvPr/>
          </p:nvSpPr>
          <p:spPr bwMode="auto">
            <a:xfrm>
              <a:off x="6435475" y="3359189"/>
              <a:ext cx="25552" cy="23727"/>
            </a:xfrm>
            <a:custGeom>
              <a:avLst/>
              <a:gdLst>
                <a:gd name="T0" fmla="*/ 9 w 28"/>
                <a:gd name="T1" fmla="*/ 0 h 26"/>
                <a:gd name="T2" fmla="*/ 0 w 28"/>
                <a:gd name="T3" fmla="*/ 16 h 26"/>
                <a:gd name="T4" fmla="*/ 19 w 28"/>
                <a:gd name="T5" fmla="*/ 26 h 26"/>
                <a:gd name="T6" fmla="*/ 28 w 28"/>
                <a:gd name="T7" fmla="*/ 12 h 26"/>
                <a:gd name="T8" fmla="*/ 9 w 28"/>
                <a:gd name="T9" fmla="*/ 0 h 26"/>
              </a:gdLst>
              <a:ahLst/>
              <a:cxnLst>
                <a:cxn ang="0">
                  <a:pos x="T0" y="T1"/>
                </a:cxn>
                <a:cxn ang="0">
                  <a:pos x="T2" y="T3"/>
                </a:cxn>
                <a:cxn ang="0">
                  <a:pos x="T4" y="T5"/>
                </a:cxn>
                <a:cxn ang="0">
                  <a:pos x="T6" y="T7"/>
                </a:cxn>
                <a:cxn ang="0">
                  <a:pos x="T8" y="T9"/>
                </a:cxn>
              </a:cxnLst>
              <a:rect l="0" t="0" r="r" b="b"/>
              <a:pathLst>
                <a:path w="28" h="26">
                  <a:moveTo>
                    <a:pt x="9" y="0"/>
                  </a:moveTo>
                  <a:lnTo>
                    <a:pt x="0" y="16"/>
                  </a:lnTo>
                  <a:lnTo>
                    <a:pt x="19" y="26"/>
                  </a:lnTo>
                  <a:lnTo>
                    <a:pt x="28" y="12"/>
                  </a:lnTo>
                  <a:lnTo>
                    <a:pt x="9" y="0"/>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4" name="îṡļíḑè">
              <a:extLst>
                <a:ext uri="{FF2B5EF4-FFF2-40B4-BE49-F238E27FC236}">
                  <a16:creationId xmlns:a16="http://schemas.microsoft.com/office/drawing/2014/main" xmlns="" id="{48EA5570-E387-4F9E-94A7-686E0CD4A964}"/>
                </a:ext>
              </a:extLst>
            </p:cNvPr>
            <p:cNvSpPr/>
            <p:nvPr/>
          </p:nvSpPr>
          <p:spPr bwMode="auto">
            <a:xfrm>
              <a:off x="6459201" y="3371965"/>
              <a:ext cx="30115" cy="25552"/>
            </a:xfrm>
            <a:custGeom>
              <a:avLst/>
              <a:gdLst>
                <a:gd name="T0" fmla="*/ 0 w 14"/>
                <a:gd name="T1" fmla="*/ 7 h 12"/>
                <a:gd name="T2" fmla="*/ 8 w 14"/>
                <a:gd name="T3" fmla="*/ 11 h 12"/>
                <a:gd name="T4" fmla="*/ 13 w 14"/>
                <a:gd name="T5" fmla="*/ 9 h 12"/>
                <a:gd name="T6" fmla="*/ 14 w 14"/>
                <a:gd name="T7" fmla="*/ 6 h 12"/>
                <a:gd name="T8" fmla="*/ 4 w 14"/>
                <a:gd name="T9" fmla="*/ 0 h 12"/>
                <a:gd name="T10" fmla="*/ 0 w 14"/>
                <a:gd name="T11" fmla="*/ 7 h 12"/>
              </a:gdLst>
              <a:ahLst/>
              <a:cxnLst>
                <a:cxn ang="0">
                  <a:pos x="T0" y="T1"/>
                </a:cxn>
                <a:cxn ang="0">
                  <a:pos x="T2" y="T3"/>
                </a:cxn>
                <a:cxn ang="0">
                  <a:pos x="T4" y="T5"/>
                </a:cxn>
                <a:cxn ang="0">
                  <a:pos x="T6" y="T7"/>
                </a:cxn>
                <a:cxn ang="0">
                  <a:pos x="T8" y="T9"/>
                </a:cxn>
                <a:cxn ang="0">
                  <a:pos x="T10" y="T11"/>
                </a:cxn>
              </a:cxnLst>
              <a:rect l="0" t="0" r="r" b="b"/>
              <a:pathLst>
                <a:path w="14" h="12">
                  <a:moveTo>
                    <a:pt x="0" y="7"/>
                  </a:moveTo>
                  <a:cubicBezTo>
                    <a:pt x="8" y="11"/>
                    <a:pt x="8" y="11"/>
                    <a:pt x="8" y="11"/>
                  </a:cubicBezTo>
                  <a:cubicBezTo>
                    <a:pt x="9" y="12"/>
                    <a:pt x="12" y="11"/>
                    <a:pt x="13" y="9"/>
                  </a:cubicBezTo>
                  <a:cubicBezTo>
                    <a:pt x="14" y="6"/>
                    <a:pt x="14" y="6"/>
                    <a:pt x="14" y="6"/>
                  </a:cubicBezTo>
                  <a:cubicBezTo>
                    <a:pt x="4" y="0"/>
                    <a:pt x="4" y="0"/>
                    <a:pt x="4" y="0"/>
                  </a:cubicBezTo>
                  <a:lnTo>
                    <a:pt x="0" y="7"/>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5" name="íS1iḓê">
              <a:extLst>
                <a:ext uri="{FF2B5EF4-FFF2-40B4-BE49-F238E27FC236}">
                  <a16:creationId xmlns:a16="http://schemas.microsoft.com/office/drawing/2014/main" xmlns="" id="{E835F1A6-AF07-41A3-9260-7B03665FD1B4}"/>
                </a:ext>
              </a:extLst>
            </p:cNvPr>
            <p:cNvSpPr/>
            <p:nvPr/>
          </p:nvSpPr>
          <p:spPr bwMode="auto">
            <a:xfrm>
              <a:off x="6315928" y="3101845"/>
              <a:ext cx="598644" cy="322137"/>
            </a:xfrm>
            <a:custGeom>
              <a:avLst/>
              <a:gdLst>
                <a:gd name="T0" fmla="*/ 277 w 277"/>
                <a:gd name="T1" fmla="*/ 98 h 149"/>
                <a:gd name="T2" fmla="*/ 264 w 277"/>
                <a:gd name="T3" fmla="*/ 90 h 149"/>
                <a:gd name="T4" fmla="*/ 229 w 277"/>
                <a:gd name="T5" fmla="*/ 68 h 149"/>
                <a:gd name="T6" fmla="*/ 175 w 277"/>
                <a:gd name="T7" fmla="*/ 38 h 149"/>
                <a:gd name="T8" fmla="*/ 143 w 277"/>
                <a:gd name="T9" fmla="*/ 22 h 149"/>
                <a:gd name="T10" fmla="*/ 107 w 277"/>
                <a:gd name="T11" fmla="*/ 9 h 149"/>
                <a:gd name="T12" fmla="*/ 88 w 277"/>
                <a:gd name="T13" fmla="*/ 6 h 149"/>
                <a:gd name="T14" fmla="*/ 84 w 277"/>
                <a:gd name="T15" fmla="*/ 6 h 149"/>
                <a:gd name="T16" fmla="*/ 82 w 277"/>
                <a:gd name="T17" fmla="*/ 7 h 149"/>
                <a:gd name="T18" fmla="*/ 81 w 277"/>
                <a:gd name="T19" fmla="*/ 7 h 149"/>
                <a:gd name="T20" fmla="*/ 81 w 277"/>
                <a:gd name="T21" fmla="*/ 8 h 149"/>
                <a:gd name="T22" fmla="*/ 74 w 277"/>
                <a:gd name="T23" fmla="*/ 14 h 149"/>
                <a:gd name="T24" fmla="*/ 55 w 277"/>
                <a:gd name="T25" fmla="*/ 44 h 149"/>
                <a:gd name="T26" fmla="*/ 26 w 277"/>
                <a:gd name="T27" fmla="*/ 98 h 149"/>
                <a:gd name="T28" fmla="*/ 8 w 277"/>
                <a:gd name="T29" fmla="*/ 135 h 149"/>
                <a:gd name="T30" fmla="*/ 0 w 277"/>
                <a:gd name="T31" fmla="*/ 148 h 149"/>
                <a:gd name="T32" fmla="*/ 5 w 277"/>
                <a:gd name="T33" fmla="*/ 134 h 149"/>
                <a:gd name="T34" fmla="*/ 22 w 277"/>
                <a:gd name="T35" fmla="*/ 96 h 149"/>
                <a:gd name="T36" fmla="*/ 50 w 277"/>
                <a:gd name="T37" fmla="*/ 41 h 149"/>
                <a:gd name="T38" fmla="*/ 70 w 277"/>
                <a:gd name="T39" fmla="*/ 10 h 149"/>
                <a:gd name="T40" fmla="*/ 77 w 277"/>
                <a:gd name="T41" fmla="*/ 3 h 149"/>
                <a:gd name="T42" fmla="*/ 78 w 277"/>
                <a:gd name="T43" fmla="*/ 2 h 149"/>
                <a:gd name="T44" fmla="*/ 80 w 277"/>
                <a:gd name="T45" fmla="*/ 1 h 149"/>
                <a:gd name="T46" fmla="*/ 83 w 277"/>
                <a:gd name="T47" fmla="*/ 0 h 149"/>
                <a:gd name="T48" fmla="*/ 88 w 277"/>
                <a:gd name="T49" fmla="*/ 0 h 149"/>
                <a:gd name="T50" fmla="*/ 108 w 277"/>
                <a:gd name="T51" fmla="*/ 3 h 149"/>
                <a:gd name="T52" fmla="*/ 145 w 277"/>
                <a:gd name="T53" fmla="*/ 17 h 149"/>
                <a:gd name="T54" fmla="*/ 178 w 277"/>
                <a:gd name="T55" fmla="*/ 33 h 149"/>
                <a:gd name="T56" fmla="*/ 231 w 277"/>
                <a:gd name="T57" fmla="*/ 65 h 149"/>
                <a:gd name="T58" fmla="*/ 265 w 277"/>
                <a:gd name="T59" fmla="*/ 88 h 149"/>
                <a:gd name="T60" fmla="*/ 277 w 277"/>
                <a:gd name="T61" fmla="*/ 98 h 1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77" h="149">
                  <a:moveTo>
                    <a:pt x="277" y="98"/>
                  </a:moveTo>
                  <a:cubicBezTo>
                    <a:pt x="277" y="98"/>
                    <a:pt x="272" y="95"/>
                    <a:pt x="264" y="90"/>
                  </a:cubicBezTo>
                  <a:cubicBezTo>
                    <a:pt x="256" y="85"/>
                    <a:pt x="244" y="77"/>
                    <a:pt x="229" y="68"/>
                  </a:cubicBezTo>
                  <a:cubicBezTo>
                    <a:pt x="214" y="59"/>
                    <a:pt x="196" y="49"/>
                    <a:pt x="175" y="38"/>
                  </a:cubicBezTo>
                  <a:cubicBezTo>
                    <a:pt x="165" y="33"/>
                    <a:pt x="154" y="27"/>
                    <a:pt x="143" y="22"/>
                  </a:cubicBezTo>
                  <a:cubicBezTo>
                    <a:pt x="132" y="17"/>
                    <a:pt x="120" y="12"/>
                    <a:pt x="107" y="9"/>
                  </a:cubicBezTo>
                  <a:cubicBezTo>
                    <a:pt x="101" y="7"/>
                    <a:pt x="94" y="6"/>
                    <a:pt x="88" y="6"/>
                  </a:cubicBezTo>
                  <a:cubicBezTo>
                    <a:pt x="87" y="6"/>
                    <a:pt x="85" y="6"/>
                    <a:pt x="84" y="6"/>
                  </a:cubicBezTo>
                  <a:cubicBezTo>
                    <a:pt x="83" y="6"/>
                    <a:pt x="82" y="6"/>
                    <a:pt x="82" y="7"/>
                  </a:cubicBezTo>
                  <a:cubicBezTo>
                    <a:pt x="81" y="7"/>
                    <a:pt x="81" y="7"/>
                    <a:pt x="81" y="7"/>
                  </a:cubicBezTo>
                  <a:cubicBezTo>
                    <a:pt x="81" y="8"/>
                    <a:pt x="81" y="8"/>
                    <a:pt x="81" y="8"/>
                  </a:cubicBezTo>
                  <a:cubicBezTo>
                    <a:pt x="78" y="9"/>
                    <a:pt x="76" y="11"/>
                    <a:pt x="74" y="14"/>
                  </a:cubicBezTo>
                  <a:cubicBezTo>
                    <a:pt x="67" y="23"/>
                    <a:pt x="61" y="34"/>
                    <a:pt x="55" y="44"/>
                  </a:cubicBezTo>
                  <a:cubicBezTo>
                    <a:pt x="43" y="64"/>
                    <a:pt x="34" y="82"/>
                    <a:pt x="26" y="98"/>
                  </a:cubicBezTo>
                  <a:cubicBezTo>
                    <a:pt x="18" y="114"/>
                    <a:pt x="12" y="126"/>
                    <a:pt x="8" y="135"/>
                  </a:cubicBezTo>
                  <a:cubicBezTo>
                    <a:pt x="3" y="144"/>
                    <a:pt x="1" y="149"/>
                    <a:pt x="0" y="148"/>
                  </a:cubicBezTo>
                  <a:cubicBezTo>
                    <a:pt x="0" y="148"/>
                    <a:pt x="2" y="143"/>
                    <a:pt x="5" y="134"/>
                  </a:cubicBezTo>
                  <a:cubicBezTo>
                    <a:pt x="9" y="125"/>
                    <a:pt x="15" y="112"/>
                    <a:pt x="22" y="96"/>
                  </a:cubicBezTo>
                  <a:cubicBezTo>
                    <a:pt x="30" y="80"/>
                    <a:pt x="39" y="61"/>
                    <a:pt x="50" y="41"/>
                  </a:cubicBezTo>
                  <a:cubicBezTo>
                    <a:pt x="56" y="31"/>
                    <a:pt x="62" y="20"/>
                    <a:pt x="70" y="10"/>
                  </a:cubicBezTo>
                  <a:cubicBezTo>
                    <a:pt x="72" y="7"/>
                    <a:pt x="74" y="5"/>
                    <a:pt x="77" y="3"/>
                  </a:cubicBezTo>
                  <a:cubicBezTo>
                    <a:pt x="78" y="2"/>
                    <a:pt x="78" y="2"/>
                    <a:pt x="78" y="2"/>
                  </a:cubicBezTo>
                  <a:cubicBezTo>
                    <a:pt x="80" y="1"/>
                    <a:pt x="80" y="1"/>
                    <a:pt x="80" y="1"/>
                  </a:cubicBezTo>
                  <a:cubicBezTo>
                    <a:pt x="81" y="1"/>
                    <a:pt x="82" y="1"/>
                    <a:pt x="83" y="0"/>
                  </a:cubicBezTo>
                  <a:cubicBezTo>
                    <a:pt x="85" y="0"/>
                    <a:pt x="86" y="0"/>
                    <a:pt x="88" y="0"/>
                  </a:cubicBezTo>
                  <a:cubicBezTo>
                    <a:pt x="95" y="0"/>
                    <a:pt x="102" y="1"/>
                    <a:pt x="108" y="3"/>
                  </a:cubicBezTo>
                  <a:cubicBezTo>
                    <a:pt x="122" y="6"/>
                    <a:pt x="134" y="11"/>
                    <a:pt x="145" y="17"/>
                  </a:cubicBezTo>
                  <a:cubicBezTo>
                    <a:pt x="157" y="22"/>
                    <a:pt x="168" y="28"/>
                    <a:pt x="178" y="33"/>
                  </a:cubicBezTo>
                  <a:cubicBezTo>
                    <a:pt x="198" y="44"/>
                    <a:pt x="216" y="55"/>
                    <a:pt x="231" y="65"/>
                  </a:cubicBezTo>
                  <a:cubicBezTo>
                    <a:pt x="246" y="74"/>
                    <a:pt x="258" y="82"/>
                    <a:pt x="265" y="88"/>
                  </a:cubicBezTo>
                  <a:cubicBezTo>
                    <a:pt x="273" y="94"/>
                    <a:pt x="277" y="98"/>
                    <a:pt x="277" y="9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6" name="iṧḷïḋe">
              <a:extLst>
                <a:ext uri="{FF2B5EF4-FFF2-40B4-BE49-F238E27FC236}">
                  <a16:creationId xmlns:a16="http://schemas.microsoft.com/office/drawing/2014/main" xmlns="" id="{E6874728-4556-45E4-A9CD-463E4281E51D}"/>
                </a:ext>
              </a:extLst>
            </p:cNvPr>
            <p:cNvSpPr/>
            <p:nvPr/>
          </p:nvSpPr>
          <p:spPr bwMode="auto">
            <a:xfrm>
              <a:off x="6314104" y="3196751"/>
              <a:ext cx="440770" cy="469060"/>
            </a:xfrm>
            <a:custGeom>
              <a:avLst/>
              <a:gdLst>
                <a:gd name="T0" fmla="*/ 204 w 204"/>
                <a:gd name="T1" fmla="*/ 217 h 217"/>
                <a:gd name="T2" fmla="*/ 200 w 204"/>
                <a:gd name="T3" fmla="*/ 216 h 217"/>
                <a:gd name="T4" fmla="*/ 190 w 204"/>
                <a:gd name="T5" fmla="*/ 213 h 217"/>
                <a:gd name="T6" fmla="*/ 156 w 204"/>
                <a:gd name="T7" fmla="*/ 199 h 217"/>
                <a:gd name="T8" fmla="*/ 46 w 204"/>
                <a:gd name="T9" fmla="*/ 143 h 217"/>
                <a:gd name="T10" fmla="*/ 30 w 204"/>
                <a:gd name="T11" fmla="*/ 135 h 217"/>
                <a:gd name="T12" fmla="*/ 15 w 204"/>
                <a:gd name="T13" fmla="*/ 126 h 217"/>
                <a:gd name="T14" fmla="*/ 2 w 204"/>
                <a:gd name="T15" fmla="*/ 113 h 217"/>
                <a:gd name="T16" fmla="*/ 0 w 204"/>
                <a:gd name="T17" fmla="*/ 104 h 217"/>
                <a:gd name="T18" fmla="*/ 1 w 204"/>
                <a:gd name="T19" fmla="*/ 96 h 217"/>
                <a:gd name="T20" fmla="*/ 13 w 204"/>
                <a:gd name="T21" fmla="*/ 68 h 217"/>
                <a:gd name="T22" fmla="*/ 25 w 204"/>
                <a:gd name="T23" fmla="*/ 45 h 217"/>
                <a:gd name="T24" fmla="*/ 42 w 204"/>
                <a:gd name="T25" fmla="*/ 12 h 217"/>
                <a:gd name="T26" fmla="*/ 49 w 204"/>
                <a:gd name="T27" fmla="*/ 0 h 217"/>
                <a:gd name="T28" fmla="*/ 44 w 204"/>
                <a:gd name="T29" fmla="*/ 13 h 217"/>
                <a:gd name="T30" fmla="*/ 29 w 204"/>
                <a:gd name="T31" fmla="*/ 47 h 217"/>
                <a:gd name="T32" fmla="*/ 17 w 204"/>
                <a:gd name="T33" fmla="*/ 70 h 217"/>
                <a:gd name="T34" fmla="*/ 7 w 204"/>
                <a:gd name="T35" fmla="*/ 97 h 217"/>
                <a:gd name="T36" fmla="*/ 6 w 204"/>
                <a:gd name="T37" fmla="*/ 104 h 217"/>
                <a:gd name="T38" fmla="*/ 8 w 204"/>
                <a:gd name="T39" fmla="*/ 111 h 217"/>
                <a:gd name="T40" fmla="*/ 18 w 204"/>
                <a:gd name="T41" fmla="*/ 122 h 217"/>
                <a:gd name="T42" fmla="*/ 33 w 204"/>
                <a:gd name="T43" fmla="*/ 130 h 217"/>
                <a:gd name="T44" fmla="*/ 49 w 204"/>
                <a:gd name="T45" fmla="*/ 138 h 217"/>
                <a:gd name="T46" fmla="*/ 158 w 204"/>
                <a:gd name="T47" fmla="*/ 195 h 217"/>
                <a:gd name="T48" fmla="*/ 191 w 204"/>
                <a:gd name="T49" fmla="*/ 211 h 217"/>
                <a:gd name="T50" fmla="*/ 201 w 204"/>
                <a:gd name="T51" fmla="*/ 215 h 217"/>
                <a:gd name="T52" fmla="*/ 204 w 204"/>
                <a:gd name="T53" fmla="*/ 217 h 2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204" h="217">
                  <a:moveTo>
                    <a:pt x="204" y="217"/>
                  </a:moveTo>
                  <a:cubicBezTo>
                    <a:pt x="204" y="217"/>
                    <a:pt x="203" y="217"/>
                    <a:pt x="200" y="216"/>
                  </a:cubicBezTo>
                  <a:cubicBezTo>
                    <a:pt x="198" y="216"/>
                    <a:pt x="195" y="215"/>
                    <a:pt x="190" y="213"/>
                  </a:cubicBezTo>
                  <a:cubicBezTo>
                    <a:pt x="182" y="210"/>
                    <a:pt x="170" y="205"/>
                    <a:pt x="156" y="199"/>
                  </a:cubicBezTo>
                  <a:cubicBezTo>
                    <a:pt x="127" y="185"/>
                    <a:pt x="89" y="165"/>
                    <a:pt x="46" y="143"/>
                  </a:cubicBezTo>
                  <a:cubicBezTo>
                    <a:pt x="40" y="140"/>
                    <a:pt x="35" y="138"/>
                    <a:pt x="30" y="135"/>
                  </a:cubicBezTo>
                  <a:cubicBezTo>
                    <a:pt x="25" y="132"/>
                    <a:pt x="19" y="130"/>
                    <a:pt x="15" y="126"/>
                  </a:cubicBezTo>
                  <a:cubicBezTo>
                    <a:pt x="10" y="123"/>
                    <a:pt x="5" y="119"/>
                    <a:pt x="2" y="113"/>
                  </a:cubicBezTo>
                  <a:cubicBezTo>
                    <a:pt x="1" y="110"/>
                    <a:pt x="1" y="107"/>
                    <a:pt x="0" y="104"/>
                  </a:cubicBezTo>
                  <a:cubicBezTo>
                    <a:pt x="0" y="101"/>
                    <a:pt x="1" y="98"/>
                    <a:pt x="1" y="96"/>
                  </a:cubicBezTo>
                  <a:cubicBezTo>
                    <a:pt x="4" y="85"/>
                    <a:pt x="8" y="76"/>
                    <a:pt x="13" y="68"/>
                  </a:cubicBezTo>
                  <a:cubicBezTo>
                    <a:pt x="17" y="59"/>
                    <a:pt x="21" y="52"/>
                    <a:pt x="25" y="45"/>
                  </a:cubicBezTo>
                  <a:cubicBezTo>
                    <a:pt x="32" y="31"/>
                    <a:pt x="38" y="20"/>
                    <a:pt x="42" y="12"/>
                  </a:cubicBezTo>
                  <a:cubicBezTo>
                    <a:pt x="46" y="4"/>
                    <a:pt x="48" y="0"/>
                    <a:pt x="49" y="0"/>
                  </a:cubicBezTo>
                  <a:cubicBezTo>
                    <a:pt x="49" y="0"/>
                    <a:pt x="48" y="5"/>
                    <a:pt x="44" y="13"/>
                  </a:cubicBezTo>
                  <a:cubicBezTo>
                    <a:pt x="41" y="21"/>
                    <a:pt x="36" y="33"/>
                    <a:pt x="29" y="47"/>
                  </a:cubicBezTo>
                  <a:cubicBezTo>
                    <a:pt x="25" y="54"/>
                    <a:pt x="21" y="62"/>
                    <a:pt x="17" y="70"/>
                  </a:cubicBezTo>
                  <a:cubicBezTo>
                    <a:pt x="13" y="78"/>
                    <a:pt x="9" y="87"/>
                    <a:pt x="7" y="97"/>
                  </a:cubicBezTo>
                  <a:cubicBezTo>
                    <a:pt x="6" y="99"/>
                    <a:pt x="6" y="101"/>
                    <a:pt x="6" y="104"/>
                  </a:cubicBezTo>
                  <a:cubicBezTo>
                    <a:pt x="6" y="106"/>
                    <a:pt x="7" y="109"/>
                    <a:pt x="8" y="111"/>
                  </a:cubicBezTo>
                  <a:cubicBezTo>
                    <a:pt x="10" y="115"/>
                    <a:pt x="13" y="119"/>
                    <a:pt x="18" y="122"/>
                  </a:cubicBezTo>
                  <a:cubicBezTo>
                    <a:pt x="22" y="125"/>
                    <a:pt x="27" y="127"/>
                    <a:pt x="33" y="130"/>
                  </a:cubicBezTo>
                  <a:cubicBezTo>
                    <a:pt x="38" y="132"/>
                    <a:pt x="43" y="135"/>
                    <a:pt x="49" y="138"/>
                  </a:cubicBezTo>
                  <a:cubicBezTo>
                    <a:pt x="91" y="160"/>
                    <a:pt x="130" y="181"/>
                    <a:pt x="158" y="195"/>
                  </a:cubicBezTo>
                  <a:cubicBezTo>
                    <a:pt x="172" y="202"/>
                    <a:pt x="183" y="208"/>
                    <a:pt x="191" y="211"/>
                  </a:cubicBezTo>
                  <a:cubicBezTo>
                    <a:pt x="195" y="213"/>
                    <a:pt x="198" y="214"/>
                    <a:pt x="201" y="215"/>
                  </a:cubicBezTo>
                  <a:cubicBezTo>
                    <a:pt x="203" y="216"/>
                    <a:pt x="204" y="216"/>
                    <a:pt x="204" y="21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7" name="îṣ1ïḋè">
              <a:extLst>
                <a:ext uri="{FF2B5EF4-FFF2-40B4-BE49-F238E27FC236}">
                  <a16:creationId xmlns:a16="http://schemas.microsoft.com/office/drawing/2014/main" xmlns="" id="{12FFC53F-8A82-45A0-93D3-F69C5FD75B57}"/>
                </a:ext>
              </a:extLst>
            </p:cNvPr>
            <p:cNvSpPr/>
            <p:nvPr/>
          </p:nvSpPr>
          <p:spPr bwMode="auto">
            <a:xfrm>
              <a:off x="6538595" y="3112795"/>
              <a:ext cx="418868" cy="553016"/>
            </a:xfrm>
            <a:custGeom>
              <a:avLst/>
              <a:gdLst>
                <a:gd name="T0" fmla="*/ 0 w 194"/>
                <a:gd name="T1" fmla="*/ 0 h 256"/>
                <a:gd name="T2" fmla="*/ 15 w 194"/>
                <a:gd name="T3" fmla="*/ 4 h 256"/>
                <a:gd name="T4" fmla="*/ 53 w 194"/>
                <a:gd name="T5" fmla="*/ 20 h 256"/>
                <a:gd name="T6" fmla="*/ 109 w 194"/>
                <a:gd name="T7" fmla="*/ 47 h 256"/>
                <a:gd name="T8" fmla="*/ 140 w 194"/>
                <a:gd name="T9" fmla="*/ 66 h 256"/>
                <a:gd name="T10" fmla="*/ 173 w 194"/>
                <a:gd name="T11" fmla="*/ 88 h 256"/>
                <a:gd name="T12" fmla="*/ 188 w 194"/>
                <a:gd name="T13" fmla="*/ 102 h 256"/>
                <a:gd name="T14" fmla="*/ 191 w 194"/>
                <a:gd name="T15" fmla="*/ 106 h 256"/>
                <a:gd name="T16" fmla="*/ 192 w 194"/>
                <a:gd name="T17" fmla="*/ 108 h 256"/>
                <a:gd name="T18" fmla="*/ 193 w 194"/>
                <a:gd name="T19" fmla="*/ 111 h 256"/>
                <a:gd name="T20" fmla="*/ 193 w 194"/>
                <a:gd name="T21" fmla="*/ 122 h 256"/>
                <a:gd name="T22" fmla="*/ 181 w 194"/>
                <a:gd name="T23" fmla="*/ 157 h 256"/>
                <a:gd name="T24" fmla="*/ 152 w 194"/>
                <a:gd name="T25" fmla="*/ 211 h 256"/>
                <a:gd name="T26" fmla="*/ 127 w 194"/>
                <a:gd name="T27" fmla="*/ 245 h 256"/>
                <a:gd name="T28" fmla="*/ 116 w 194"/>
                <a:gd name="T29" fmla="*/ 255 h 256"/>
                <a:gd name="T30" fmla="*/ 126 w 194"/>
                <a:gd name="T31" fmla="*/ 243 h 256"/>
                <a:gd name="T32" fmla="*/ 148 w 194"/>
                <a:gd name="T33" fmla="*/ 209 h 256"/>
                <a:gd name="T34" fmla="*/ 176 w 194"/>
                <a:gd name="T35" fmla="*/ 155 h 256"/>
                <a:gd name="T36" fmla="*/ 188 w 194"/>
                <a:gd name="T37" fmla="*/ 121 h 256"/>
                <a:gd name="T38" fmla="*/ 188 w 194"/>
                <a:gd name="T39" fmla="*/ 112 h 256"/>
                <a:gd name="T40" fmla="*/ 187 w 194"/>
                <a:gd name="T41" fmla="*/ 111 h 256"/>
                <a:gd name="T42" fmla="*/ 186 w 194"/>
                <a:gd name="T43" fmla="*/ 109 h 256"/>
                <a:gd name="T44" fmla="*/ 183 w 194"/>
                <a:gd name="T45" fmla="*/ 105 h 256"/>
                <a:gd name="T46" fmla="*/ 169 w 194"/>
                <a:gd name="T47" fmla="*/ 92 h 256"/>
                <a:gd name="T48" fmla="*/ 106 w 194"/>
                <a:gd name="T49" fmla="*/ 52 h 256"/>
                <a:gd name="T50" fmla="*/ 51 w 194"/>
                <a:gd name="T51" fmla="*/ 24 h 256"/>
                <a:gd name="T52" fmla="*/ 14 w 194"/>
                <a:gd name="T53" fmla="*/ 6 h 256"/>
                <a:gd name="T54" fmla="*/ 0 w 194"/>
                <a:gd name="T55" fmla="*/ 0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94" h="256">
                  <a:moveTo>
                    <a:pt x="0" y="0"/>
                  </a:moveTo>
                  <a:cubicBezTo>
                    <a:pt x="0" y="0"/>
                    <a:pt x="5" y="1"/>
                    <a:pt x="15" y="4"/>
                  </a:cubicBezTo>
                  <a:cubicBezTo>
                    <a:pt x="24" y="7"/>
                    <a:pt x="37" y="13"/>
                    <a:pt x="53" y="20"/>
                  </a:cubicBezTo>
                  <a:cubicBezTo>
                    <a:pt x="69" y="27"/>
                    <a:pt x="88" y="36"/>
                    <a:pt x="109" y="47"/>
                  </a:cubicBezTo>
                  <a:cubicBezTo>
                    <a:pt x="119" y="53"/>
                    <a:pt x="129" y="59"/>
                    <a:pt x="140" y="66"/>
                  </a:cubicBezTo>
                  <a:cubicBezTo>
                    <a:pt x="151" y="72"/>
                    <a:pt x="162" y="79"/>
                    <a:pt x="173" y="88"/>
                  </a:cubicBezTo>
                  <a:cubicBezTo>
                    <a:pt x="178" y="92"/>
                    <a:pt x="183" y="96"/>
                    <a:pt x="188" y="102"/>
                  </a:cubicBezTo>
                  <a:cubicBezTo>
                    <a:pt x="189" y="103"/>
                    <a:pt x="190" y="104"/>
                    <a:pt x="191" y="106"/>
                  </a:cubicBezTo>
                  <a:cubicBezTo>
                    <a:pt x="192" y="106"/>
                    <a:pt x="192" y="107"/>
                    <a:pt x="192" y="108"/>
                  </a:cubicBezTo>
                  <a:cubicBezTo>
                    <a:pt x="193" y="109"/>
                    <a:pt x="193" y="110"/>
                    <a:pt x="193" y="111"/>
                  </a:cubicBezTo>
                  <a:cubicBezTo>
                    <a:pt x="194" y="115"/>
                    <a:pt x="194" y="118"/>
                    <a:pt x="193" y="122"/>
                  </a:cubicBezTo>
                  <a:cubicBezTo>
                    <a:pt x="191" y="135"/>
                    <a:pt x="186" y="146"/>
                    <a:pt x="181" y="157"/>
                  </a:cubicBezTo>
                  <a:cubicBezTo>
                    <a:pt x="172" y="178"/>
                    <a:pt x="161" y="196"/>
                    <a:pt x="152" y="211"/>
                  </a:cubicBezTo>
                  <a:cubicBezTo>
                    <a:pt x="143" y="226"/>
                    <a:pt x="134" y="238"/>
                    <a:pt x="127" y="245"/>
                  </a:cubicBezTo>
                  <a:cubicBezTo>
                    <a:pt x="121" y="252"/>
                    <a:pt x="116" y="256"/>
                    <a:pt x="116" y="255"/>
                  </a:cubicBezTo>
                  <a:cubicBezTo>
                    <a:pt x="116" y="255"/>
                    <a:pt x="120" y="251"/>
                    <a:pt x="126" y="243"/>
                  </a:cubicBezTo>
                  <a:cubicBezTo>
                    <a:pt x="131" y="236"/>
                    <a:pt x="139" y="224"/>
                    <a:pt x="148" y="209"/>
                  </a:cubicBezTo>
                  <a:cubicBezTo>
                    <a:pt x="157" y="194"/>
                    <a:pt x="167" y="176"/>
                    <a:pt x="176" y="155"/>
                  </a:cubicBezTo>
                  <a:cubicBezTo>
                    <a:pt x="181" y="144"/>
                    <a:pt x="185" y="133"/>
                    <a:pt x="188" y="121"/>
                  </a:cubicBezTo>
                  <a:cubicBezTo>
                    <a:pt x="188" y="118"/>
                    <a:pt x="188" y="115"/>
                    <a:pt x="188" y="112"/>
                  </a:cubicBezTo>
                  <a:cubicBezTo>
                    <a:pt x="188" y="112"/>
                    <a:pt x="187" y="111"/>
                    <a:pt x="187" y="111"/>
                  </a:cubicBezTo>
                  <a:cubicBezTo>
                    <a:pt x="187" y="110"/>
                    <a:pt x="186" y="110"/>
                    <a:pt x="186" y="109"/>
                  </a:cubicBezTo>
                  <a:cubicBezTo>
                    <a:pt x="185" y="108"/>
                    <a:pt x="184" y="107"/>
                    <a:pt x="183" y="105"/>
                  </a:cubicBezTo>
                  <a:cubicBezTo>
                    <a:pt x="179" y="101"/>
                    <a:pt x="174" y="96"/>
                    <a:pt x="169" y="92"/>
                  </a:cubicBezTo>
                  <a:cubicBezTo>
                    <a:pt x="148" y="76"/>
                    <a:pt x="126" y="64"/>
                    <a:pt x="106" y="52"/>
                  </a:cubicBezTo>
                  <a:cubicBezTo>
                    <a:pt x="86" y="41"/>
                    <a:pt x="67" y="31"/>
                    <a:pt x="51" y="24"/>
                  </a:cubicBezTo>
                  <a:cubicBezTo>
                    <a:pt x="36" y="16"/>
                    <a:pt x="23" y="10"/>
                    <a:pt x="14" y="6"/>
                  </a:cubicBezTo>
                  <a:cubicBezTo>
                    <a:pt x="5" y="2"/>
                    <a:pt x="0" y="0"/>
                    <a:pt x="0"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8" name="iŝļîḓê">
              <a:extLst>
                <a:ext uri="{FF2B5EF4-FFF2-40B4-BE49-F238E27FC236}">
                  <a16:creationId xmlns:a16="http://schemas.microsoft.com/office/drawing/2014/main" xmlns="" id="{703AB5FA-813E-417C-84CC-134C7251938D}"/>
                </a:ext>
              </a:extLst>
            </p:cNvPr>
            <p:cNvSpPr/>
            <p:nvPr/>
          </p:nvSpPr>
          <p:spPr bwMode="auto">
            <a:xfrm>
              <a:off x="6462852" y="3452271"/>
              <a:ext cx="462672" cy="221754"/>
            </a:xfrm>
            <a:custGeom>
              <a:avLst/>
              <a:gdLst>
                <a:gd name="T0" fmla="*/ 0 w 214"/>
                <a:gd name="T1" fmla="*/ 35 h 103"/>
                <a:gd name="T2" fmla="*/ 11 w 214"/>
                <a:gd name="T3" fmla="*/ 39 h 103"/>
                <a:gd name="T4" fmla="*/ 38 w 214"/>
                <a:gd name="T5" fmla="*/ 52 h 103"/>
                <a:gd name="T6" fmla="*/ 78 w 214"/>
                <a:gd name="T7" fmla="*/ 72 h 103"/>
                <a:gd name="T8" fmla="*/ 101 w 214"/>
                <a:gd name="T9" fmla="*/ 84 h 103"/>
                <a:gd name="T10" fmla="*/ 127 w 214"/>
                <a:gd name="T11" fmla="*/ 95 h 103"/>
                <a:gd name="T12" fmla="*/ 152 w 214"/>
                <a:gd name="T13" fmla="*/ 92 h 103"/>
                <a:gd name="T14" fmla="*/ 169 w 214"/>
                <a:gd name="T15" fmla="*/ 74 h 103"/>
                <a:gd name="T16" fmla="*/ 192 w 214"/>
                <a:gd name="T17" fmla="*/ 36 h 103"/>
                <a:gd name="T18" fmla="*/ 207 w 214"/>
                <a:gd name="T19" fmla="*/ 10 h 103"/>
                <a:gd name="T20" fmla="*/ 213 w 214"/>
                <a:gd name="T21" fmla="*/ 1 h 103"/>
                <a:gd name="T22" fmla="*/ 195 w 214"/>
                <a:gd name="T23" fmla="*/ 38 h 103"/>
                <a:gd name="T24" fmla="*/ 174 w 214"/>
                <a:gd name="T25" fmla="*/ 77 h 103"/>
                <a:gd name="T26" fmla="*/ 155 w 214"/>
                <a:gd name="T27" fmla="*/ 97 h 103"/>
                <a:gd name="T28" fmla="*/ 141 w 214"/>
                <a:gd name="T29" fmla="*/ 102 h 103"/>
                <a:gd name="T30" fmla="*/ 125 w 214"/>
                <a:gd name="T31" fmla="*/ 101 h 103"/>
                <a:gd name="T32" fmla="*/ 99 w 214"/>
                <a:gd name="T33" fmla="*/ 89 h 103"/>
                <a:gd name="T34" fmla="*/ 75 w 214"/>
                <a:gd name="T35" fmla="*/ 77 h 103"/>
                <a:gd name="T36" fmla="*/ 36 w 214"/>
                <a:gd name="T37" fmla="*/ 55 h 103"/>
                <a:gd name="T38" fmla="*/ 0 w 214"/>
                <a:gd name="T39" fmla="*/ 35 h 1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214" h="103">
                  <a:moveTo>
                    <a:pt x="0" y="35"/>
                  </a:moveTo>
                  <a:cubicBezTo>
                    <a:pt x="0" y="35"/>
                    <a:pt x="4" y="36"/>
                    <a:pt x="11" y="39"/>
                  </a:cubicBezTo>
                  <a:cubicBezTo>
                    <a:pt x="17" y="42"/>
                    <a:pt x="27" y="46"/>
                    <a:pt x="38" y="52"/>
                  </a:cubicBezTo>
                  <a:cubicBezTo>
                    <a:pt x="49" y="57"/>
                    <a:pt x="63" y="64"/>
                    <a:pt x="78" y="72"/>
                  </a:cubicBezTo>
                  <a:cubicBezTo>
                    <a:pt x="85" y="76"/>
                    <a:pt x="93" y="80"/>
                    <a:pt x="101" y="84"/>
                  </a:cubicBezTo>
                  <a:cubicBezTo>
                    <a:pt x="109" y="88"/>
                    <a:pt x="118" y="93"/>
                    <a:pt x="127" y="95"/>
                  </a:cubicBezTo>
                  <a:cubicBezTo>
                    <a:pt x="136" y="98"/>
                    <a:pt x="145" y="97"/>
                    <a:pt x="152" y="92"/>
                  </a:cubicBezTo>
                  <a:cubicBezTo>
                    <a:pt x="159" y="88"/>
                    <a:pt x="164" y="81"/>
                    <a:pt x="169" y="74"/>
                  </a:cubicBezTo>
                  <a:cubicBezTo>
                    <a:pt x="178" y="60"/>
                    <a:pt x="185" y="47"/>
                    <a:pt x="192" y="36"/>
                  </a:cubicBezTo>
                  <a:cubicBezTo>
                    <a:pt x="198" y="25"/>
                    <a:pt x="203" y="16"/>
                    <a:pt x="207" y="10"/>
                  </a:cubicBezTo>
                  <a:cubicBezTo>
                    <a:pt x="210" y="4"/>
                    <a:pt x="213" y="0"/>
                    <a:pt x="213" y="1"/>
                  </a:cubicBezTo>
                  <a:cubicBezTo>
                    <a:pt x="214" y="1"/>
                    <a:pt x="207" y="15"/>
                    <a:pt x="195" y="38"/>
                  </a:cubicBezTo>
                  <a:cubicBezTo>
                    <a:pt x="189" y="49"/>
                    <a:pt x="183" y="63"/>
                    <a:pt x="174" y="77"/>
                  </a:cubicBezTo>
                  <a:cubicBezTo>
                    <a:pt x="169" y="84"/>
                    <a:pt x="163" y="92"/>
                    <a:pt x="155" y="97"/>
                  </a:cubicBezTo>
                  <a:cubicBezTo>
                    <a:pt x="151" y="100"/>
                    <a:pt x="146" y="102"/>
                    <a:pt x="141" y="102"/>
                  </a:cubicBezTo>
                  <a:cubicBezTo>
                    <a:pt x="135" y="103"/>
                    <a:pt x="130" y="102"/>
                    <a:pt x="125" y="101"/>
                  </a:cubicBezTo>
                  <a:cubicBezTo>
                    <a:pt x="115" y="98"/>
                    <a:pt x="107" y="94"/>
                    <a:pt x="99" y="89"/>
                  </a:cubicBezTo>
                  <a:cubicBezTo>
                    <a:pt x="90" y="85"/>
                    <a:pt x="83" y="81"/>
                    <a:pt x="75" y="77"/>
                  </a:cubicBezTo>
                  <a:cubicBezTo>
                    <a:pt x="60" y="69"/>
                    <a:pt x="47" y="61"/>
                    <a:pt x="36" y="55"/>
                  </a:cubicBezTo>
                  <a:cubicBezTo>
                    <a:pt x="14" y="43"/>
                    <a:pt x="0" y="36"/>
                    <a:pt x="0" y="3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69" name="íSḷíḑé">
              <a:extLst>
                <a:ext uri="{FF2B5EF4-FFF2-40B4-BE49-F238E27FC236}">
                  <a16:creationId xmlns:a16="http://schemas.microsoft.com/office/drawing/2014/main" xmlns="" id="{420EC8CE-5715-474D-8907-C8D64EB5262E}"/>
                </a:ext>
              </a:extLst>
            </p:cNvPr>
            <p:cNvSpPr/>
            <p:nvPr/>
          </p:nvSpPr>
          <p:spPr bwMode="auto">
            <a:xfrm>
              <a:off x="6484754" y="3173025"/>
              <a:ext cx="183426" cy="105858"/>
            </a:xfrm>
            <a:custGeom>
              <a:avLst/>
              <a:gdLst>
                <a:gd name="T0" fmla="*/ 85 w 85"/>
                <a:gd name="T1" fmla="*/ 49 h 49"/>
                <a:gd name="T2" fmla="*/ 82 w 85"/>
                <a:gd name="T3" fmla="*/ 47 h 49"/>
                <a:gd name="T4" fmla="*/ 73 w 85"/>
                <a:gd name="T5" fmla="*/ 42 h 49"/>
                <a:gd name="T6" fmla="*/ 42 w 85"/>
                <a:gd name="T7" fmla="*/ 26 h 49"/>
                <a:gd name="T8" fmla="*/ 12 w 85"/>
                <a:gd name="T9" fmla="*/ 9 h 49"/>
                <a:gd name="T10" fmla="*/ 1 w 85"/>
                <a:gd name="T11" fmla="*/ 1 h 49"/>
                <a:gd name="T12" fmla="*/ 14 w 85"/>
                <a:gd name="T13" fmla="*/ 6 h 49"/>
                <a:gd name="T14" fmla="*/ 44 w 85"/>
                <a:gd name="T15" fmla="*/ 22 h 49"/>
                <a:gd name="T16" fmla="*/ 74 w 85"/>
                <a:gd name="T17" fmla="*/ 39 h 49"/>
                <a:gd name="T18" fmla="*/ 83 w 85"/>
                <a:gd name="T19" fmla="*/ 45 h 49"/>
                <a:gd name="T20" fmla="*/ 85 w 85"/>
                <a:gd name="T21" fmla="*/ 49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5" h="49">
                  <a:moveTo>
                    <a:pt x="85" y="49"/>
                  </a:moveTo>
                  <a:cubicBezTo>
                    <a:pt x="85" y="49"/>
                    <a:pt x="84" y="48"/>
                    <a:pt x="82" y="47"/>
                  </a:cubicBezTo>
                  <a:cubicBezTo>
                    <a:pt x="80" y="46"/>
                    <a:pt x="76" y="44"/>
                    <a:pt x="73" y="42"/>
                  </a:cubicBezTo>
                  <a:cubicBezTo>
                    <a:pt x="65" y="38"/>
                    <a:pt x="54" y="32"/>
                    <a:pt x="42" y="26"/>
                  </a:cubicBezTo>
                  <a:cubicBezTo>
                    <a:pt x="30" y="20"/>
                    <a:pt x="20" y="14"/>
                    <a:pt x="12" y="9"/>
                  </a:cubicBezTo>
                  <a:cubicBezTo>
                    <a:pt x="5" y="5"/>
                    <a:pt x="0" y="1"/>
                    <a:pt x="1" y="1"/>
                  </a:cubicBezTo>
                  <a:cubicBezTo>
                    <a:pt x="1" y="0"/>
                    <a:pt x="6" y="3"/>
                    <a:pt x="14" y="6"/>
                  </a:cubicBezTo>
                  <a:cubicBezTo>
                    <a:pt x="22" y="10"/>
                    <a:pt x="32" y="16"/>
                    <a:pt x="44" y="22"/>
                  </a:cubicBezTo>
                  <a:cubicBezTo>
                    <a:pt x="56" y="28"/>
                    <a:pt x="67" y="34"/>
                    <a:pt x="74" y="39"/>
                  </a:cubicBezTo>
                  <a:cubicBezTo>
                    <a:pt x="78" y="42"/>
                    <a:pt x="81" y="44"/>
                    <a:pt x="83" y="45"/>
                  </a:cubicBezTo>
                  <a:cubicBezTo>
                    <a:pt x="85" y="47"/>
                    <a:pt x="85" y="49"/>
                    <a:pt x="85" y="49"/>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0" name="íšlîḓê">
              <a:extLst>
                <a:ext uri="{FF2B5EF4-FFF2-40B4-BE49-F238E27FC236}">
                  <a16:creationId xmlns:a16="http://schemas.microsoft.com/office/drawing/2014/main" xmlns="" id="{DC3AB58C-B32E-4A14-A286-D872AFE99577}"/>
                </a:ext>
              </a:extLst>
            </p:cNvPr>
            <p:cNvSpPr/>
            <p:nvPr/>
          </p:nvSpPr>
          <p:spPr bwMode="auto">
            <a:xfrm>
              <a:off x="6683693" y="3311735"/>
              <a:ext cx="126847" cy="126847"/>
            </a:xfrm>
            <a:custGeom>
              <a:avLst/>
              <a:gdLst>
                <a:gd name="T0" fmla="*/ 59 w 59"/>
                <a:gd name="T1" fmla="*/ 30 h 59"/>
                <a:gd name="T2" fmla="*/ 58 w 59"/>
                <a:gd name="T3" fmla="*/ 21 h 59"/>
                <a:gd name="T4" fmla="*/ 53 w 59"/>
                <a:gd name="T5" fmla="*/ 12 h 59"/>
                <a:gd name="T6" fmla="*/ 46 w 59"/>
                <a:gd name="T7" fmla="*/ 5 h 59"/>
                <a:gd name="T8" fmla="*/ 42 w 59"/>
                <a:gd name="T9" fmla="*/ 3 h 59"/>
                <a:gd name="T10" fmla="*/ 38 w 59"/>
                <a:gd name="T11" fmla="*/ 1 h 59"/>
                <a:gd name="T12" fmla="*/ 22 w 59"/>
                <a:gd name="T13" fmla="*/ 1 h 59"/>
                <a:gd name="T14" fmla="*/ 19 w 59"/>
                <a:gd name="T15" fmla="*/ 2 h 59"/>
                <a:gd name="T16" fmla="*/ 18 w 59"/>
                <a:gd name="T17" fmla="*/ 3 h 59"/>
                <a:gd name="T18" fmla="*/ 18 w 59"/>
                <a:gd name="T19" fmla="*/ 3 h 59"/>
                <a:gd name="T20" fmla="*/ 10 w 59"/>
                <a:gd name="T21" fmla="*/ 8 h 59"/>
                <a:gd name="T22" fmla="*/ 2 w 59"/>
                <a:gd name="T23" fmla="*/ 19 h 59"/>
                <a:gd name="T24" fmla="*/ 2 w 59"/>
                <a:gd name="T25" fmla="*/ 35 h 59"/>
                <a:gd name="T26" fmla="*/ 9 w 59"/>
                <a:gd name="T27" fmla="*/ 49 h 59"/>
                <a:gd name="T28" fmla="*/ 23 w 59"/>
                <a:gd name="T29" fmla="*/ 58 h 59"/>
                <a:gd name="T30" fmla="*/ 27 w 59"/>
                <a:gd name="T31" fmla="*/ 59 h 59"/>
                <a:gd name="T32" fmla="*/ 31 w 59"/>
                <a:gd name="T33" fmla="*/ 59 h 59"/>
                <a:gd name="T34" fmla="*/ 35 w 59"/>
                <a:gd name="T35" fmla="*/ 58 h 59"/>
                <a:gd name="T36" fmla="*/ 38 w 59"/>
                <a:gd name="T37" fmla="*/ 57 h 59"/>
                <a:gd name="T38" fmla="*/ 53 w 59"/>
                <a:gd name="T39" fmla="*/ 45 h 59"/>
                <a:gd name="T40" fmla="*/ 54 w 59"/>
                <a:gd name="T41" fmla="*/ 45 h 59"/>
                <a:gd name="T42" fmla="*/ 59 w 59"/>
                <a:gd name="T43" fmla="*/ 30 h 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9" h="59">
                  <a:moveTo>
                    <a:pt x="59" y="30"/>
                  </a:moveTo>
                  <a:cubicBezTo>
                    <a:pt x="59" y="27"/>
                    <a:pt x="59" y="24"/>
                    <a:pt x="58" y="21"/>
                  </a:cubicBezTo>
                  <a:cubicBezTo>
                    <a:pt x="57" y="18"/>
                    <a:pt x="55" y="15"/>
                    <a:pt x="53" y="12"/>
                  </a:cubicBezTo>
                  <a:cubicBezTo>
                    <a:pt x="51" y="9"/>
                    <a:pt x="49" y="7"/>
                    <a:pt x="46" y="5"/>
                  </a:cubicBezTo>
                  <a:cubicBezTo>
                    <a:pt x="45" y="4"/>
                    <a:pt x="43" y="4"/>
                    <a:pt x="42" y="3"/>
                  </a:cubicBezTo>
                  <a:cubicBezTo>
                    <a:pt x="41" y="2"/>
                    <a:pt x="39" y="2"/>
                    <a:pt x="38" y="1"/>
                  </a:cubicBezTo>
                  <a:cubicBezTo>
                    <a:pt x="32" y="0"/>
                    <a:pt x="27" y="0"/>
                    <a:pt x="22" y="1"/>
                  </a:cubicBezTo>
                  <a:cubicBezTo>
                    <a:pt x="21" y="2"/>
                    <a:pt x="20" y="2"/>
                    <a:pt x="19" y="2"/>
                  </a:cubicBezTo>
                  <a:cubicBezTo>
                    <a:pt x="19" y="3"/>
                    <a:pt x="19" y="3"/>
                    <a:pt x="18" y="3"/>
                  </a:cubicBezTo>
                  <a:cubicBezTo>
                    <a:pt x="18" y="3"/>
                    <a:pt x="18" y="3"/>
                    <a:pt x="18" y="3"/>
                  </a:cubicBezTo>
                  <a:cubicBezTo>
                    <a:pt x="15" y="4"/>
                    <a:pt x="13" y="6"/>
                    <a:pt x="10" y="8"/>
                  </a:cubicBezTo>
                  <a:cubicBezTo>
                    <a:pt x="7" y="11"/>
                    <a:pt x="4" y="15"/>
                    <a:pt x="2" y="19"/>
                  </a:cubicBezTo>
                  <a:cubicBezTo>
                    <a:pt x="1" y="24"/>
                    <a:pt x="0" y="29"/>
                    <a:pt x="2" y="35"/>
                  </a:cubicBezTo>
                  <a:cubicBezTo>
                    <a:pt x="3" y="40"/>
                    <a:pt x="5" y="45"/>
                    <a:pt x="9" y="49"/>
                  </a:cubicBezTo>
                  <a:cubicBezTo>
                    <a:pt x="13" y="53"/>
                    <a:pt x="18" y="56"/>
                    <a:pt x="23" y="58"/>
                  </a:cubicBezTo>
                  <a:cubicBezTo>
                    <a:pt x="24" y="58"/>
                    <a:pt x="26" y="59"/>
                    <a:pt x="27" y="59"/>
                  </a:cubicBezTo>
                  <a:cubicBezTo>
                    <a:pt x="28" y="59"/>
                    <a:pt x="30" y="59"/>
                    <a:pt x="31" y="59"/>
                  </a:cubicBezTo>
                  <a:cubicBezTo>
                    <a:pt x="32" y="59"/>
                    <a:pt x="34" y="59"/>
                    <a:pt x="35" y="58"/>
                  </a:cubicBezTo>
                  <a:cubicBezTo>
                    <a:pt x="36" y="58"/>
                    <a:pt x="37" y="58"/>
                    <a:pt x="38" y="57"/>
                  </a:cubicBezTo>
                  <a:cubicBezTo>
                    <a:pt x="45" y="54"/>
                    <a:pt x="50" y="50"/>
                    <a:pt x="53" y="45"/>
                  </a:cubicBezTo>
                  <a:cubicBezTo>
                    <a:pt x="54" y="45"/>
                    <a:pt x="54" y="45"/>
                    <a:pt x="54" y="45"/>
                  </a:cubicBezTo>
                  <a:cubicBezTo>
                    <a:pt x="56" y="41"/>
                    <a:pt x="59" y="36"/>
                    <a:pt x="59" y="3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1" name="î$ḷîde">
              <a:extLst>
                <a:ext uri="{FF2B5EF4-FFF2-40B4-BE49-F238E27FC236}">
                  <a16:creationId xmlns:a16="http://schemas.microsoft.com/office/drawing/2014/main" xmlns="" id="{6B00F06E-B3AF-4024-9AA7-1AA11939C189}"/>
                </a:ext>
              </a:extLst>
            </p:cNvPr>
            <p:cNvSpPr/>
            <p:nvPr/>
          </p:nvSpPr>
          <p:spPr bwMode="auto">
            <a:xfrm>
              <a:off x="6765824" y="3371965"/>
              <a:ext cx="126847" cy="127759"/>
            </a:xfrm>
            <a:custGeom>
              <a:avLst/>
              <a:gdLst>
                <a:gd name="T0" fmla="*/ 59 w 59"/>
                <a:gd name="T1" fmla="*/ 31 h 59"/>
                <a:gd name="T2" fmla="*/ 58 w 59"/>
                <a:gd name="T3" fmla="*/ 21 h 59"/>
                <a:gd name="T4" fmla="*/ 53 w 59"/>
                <a:gd name="T5" fmla="*/ 12 h 59"/>
                <a:gd name="T6" fmla="*/ 46 w 59"/>
                <a:gd name="T7" fmla="*/ 5 h 59"/>
                <a:gd name="T8" fmla="*/ 42 w 59"/>
                <a:gd name="T9" fmla="*/ 3 h 59"/>
                <a:gd name="T10" fmla="*/ 37 w 59"/>
                <a:gd name="T11" fmla="*/ 2 h 59"/>
                <a:gd name="T12" fmla="*/ 22 w 59"/>
                <a:gd name="T13" fmla="*/ 2 h 59"/>
                <a:gd name="T14" fmla="*/ 19 w 59"/>
                <a:gd name="T15" fmla="*/ 3 h 59"/>
                <a:gd name="T16" fmla="*/ 17 w 59"/>
                <a:gd name="T17" fmla="*/ 3 h 59"/>
                <a:gd name="T18" fmla="*/ 10 w 59"/>
                <a:gd name="T19" fmla="*/ 8 h 59"/>
                <a:gd name="T20" fmla="*/ 2 w 59"/>
                <a:gd name="T21" fmla="*/ 20 h 59"/>
                <a:gd name="T22" fmla="*/ 1 w 59"/>
                <a:gd name="T23" fmla="*/ 35 h 59"/>
                <a:gd name="T24" fmla="*/ 9 w 59"/>
                <a:gd name="T25" fmla="*/ 50 h 59"/>
                <a:gd name="T26" fmla="*/ 23 w 59"/>
                <a:gd name="T27" fmla="*/ 58 h 59"/>
                <a:gd name="T28" fmla="*/ 27 w 59"/>
                <a:gd name="T29" fmla="*/ 59 h 59"/>
                <a:gd name="T30" fmla="*/ 31 w 59"/>
                <a:gd name="T31" fmla="*/ 59 h 59"/>
                <a:gd name="T32" fmla="*/ 35 w 59"/>
                <a:gd name="T33" fmla="*/ 59 h 59"/>
                <a:gd name="T34" fmla="*/ 38 w 59"/>
                <a:gd name="T35" fmla="*/ 57 h 59"/>
                <a:gd name="T36" fmla="*/ 51 w 59"/>
                <a:gd name="T37" fmla="*/ 48 h 59"/>
                <a:gd name="T38" fmla="*/ 52 w 59"/>
                <a:gd name="T39" fmla="*/ 48 h 59"/>
                <a:gd name="T40" fmla="*/ 53 w 59"/>
                <a:gd name="T41" fmla="*/ 46 h 59"/>
                <a:gd name="T42" fmla="*/ 53 w 59"/>
                <a:gd name="T43" fmla="*/ 46 h 59"/>
                <a:gd name="T44" fmla="*/ 53 w 59"/>
                <a:gd name="T45" fmla="*/ 45 h 59"/>
                <a:gd name="T46" fmla="*/ 59 w 59"/>
                <a:gd name="T47" fmla="*/ 31 h 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9" h="59">
                  <a:moveTo>
                    <a:pt x="59" y="31"/>
                  </a:moveTo>
                  <a:cubicBezTo>
                    <a:pt x="59" y="28"/>
                    <a:pt x="58" y="24"/>
                    <a:pt x="58" y="21"/>
                  </a:cubicBezTo>
                  <a:cubicBezTo>
                    <a:pt x="57" y="18"/>
                    <a:pt x="55" y="15"/>
                    <a:pt x="53" y="12"/>
                  </a:cubicBezTo>
                  <a:cubicBezTo>
                    <a:pt x="51" y="10"/>
                    <a:pt x="49" y="7"/>
                    <a:pt x="46" y="5"/>
                  </a:cubicBezTo>
                  <a:cubicBezTo>
                    <a:pt x="44" y="5"/>
                    <a:pt x="43" y="4"/>
                    <a:pt x="42" y="3"/>
                  </a:cubicBezTo>
                  <a:cubicBezTo>
                    <a:pt x="40" y="3"/>
                    <a:pt x="39" y="2"/>
                    <a:pt x="37" y="2"/>
                  </a:cubicBezTo>
                  <a:cubicBezTo>
                    <a:pt x="32" y="0"/>
                    <a:pt x="26" y="0"/>
                    <a:pt x="22" y="2"/>
                  </a:cubicBezTo>
                  <a:cubicBezTo>
                    <a:pt x="21" y="2"/>
                    <a:pt x="20" y="2"/>
                    <a:pt x="19" y="3"/>
                  </a:cubicBezTo>
                  <a:cubicBezTo>
                    <a:pt x="18" y="3"/>
                    <a:pt x="18" y="3"/>
                    <a:pt x="17" y="3"/>
                  </a:cubicBezTo>
                  <a:cubicBezTo>
                    <a:pt x="15" y="5"/>
                    <a:pt x="12" y="6"/>
                    <a:pt x="10" y="8"/>
                  </a:cubicBezTo>
                  <a:cubicBezTo>
                    <a:pt x="6" y="11"/>
                    <a:pt x="3" y="15"/>
                    <a:pt x="2" y="20"/>
                  </a:cubicBezTo>
                  <a:cubicBezTo>
                    <a:pt x="1" y="24"/>
                    <a:pt x="0" y="30"/>
                    <a:pt x="1" y="35"/>
                  </a:cubicBezTo>
                  <a:cubicBezTo>
                    <a:pt x="2" y="40"/>
                    <a:pt x="5" y="45"/>
                    <a:pt x="9" y="50"/>
                  </a:cubicBezTo>
                  <a:cubicBezTo>
                    <a:pt x="13" y="54"/>
                    <a:pt x="18" y="57"/>
                    <a:pt x="23" y="58"/>
                  </a:cubicBezTo>
                  <a:cubicBezTo>
                    <a:pt x="24" y="59"/>
                    <a:pt x="25" y="59"/>
                    <a:pt x="27" y="59"/>
                  </a:cubicBezTo>
                  <a:cubicBezTo>
                    <a:pt x="28" y="59"/>
                    <a:pt x="29" y="59"/>
                    <a:pt x="31" y="59"/>
                  </a:cubicBezTo>
                  <a:cubicBezTo>
                    <a:pt x="32" y="59"/>
                    <a:pt x="33" y="59"/>
                    <a:pt x="35" y="59"/>
                  </a:cubicBezTo>
                  <a:cubicBezTo>
                    <a:pt x="36" y="58"/>
                    <a:pt x="37" y="58"/>
                    <a:pt x="38" y="57"/>
                  </a:cubicBezTo>
                  <a:cubicBezTo>
                    <a:pt x="44" y="55"/>
                    <a:pt x="48" y="52"/>
                    <a:pt x="51" y="48"/>
                  </a:cubicBezTo>
                  <a:cubicBezTo>
                    <a:pt x="51" y="48"/>
                    <a:pt x="51" y="48"/>
                    <a:pt x="52" y="48"/>
                  </a:cubicBezTo>
                  <a:cubicBezTo>
                    <a:pt x="52" y="47"/>
                    <a:pt x="52" y="47"/>
                    <a:pt x="53" y="46"/>
                  </a:cubicBezTo>
                  <a:cubicBezTo>
                    <a:pt x="53" y="46"/>
                    <a:pt x="53" y="46"/>
                    <a:pt x="53" y="46"/>
                  </a:cubicBezTo>
                  <a:cubicBezTo>
                    <a:pt x="53" y="46"/>
                    <a:pt x="53" y="45"/>
                    <a:pt x="53" y="45"/>
                  </a:cubicBezTo>
                  <a:cubicBezTo>
                    <a:pt x="56" y="42"/>
                    <a:pt x="59" y="37"/>
                    <a:pt x="59" y="31"/>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2" name="îṡḷïḓe">
              <a:extLst>
                <a:ext uri="{FF2B5EF4-FFF2-40B4-BE49-F238E27FC236}">
                  <a16:creationId xmlns:a16="http://schemas.microsoft.com/office/drawing/2014/main" xmlns="" id="{3AA94716-D622-4EEE-AB83-B7E5A9405364}"/>
                </a:ext>
              </a:extLst>
            </p:cNvPr>
            <p:cNvSpPr/>
            <p:nvPr/>
          </p:nvSpPr>
          <p:spPr bwMode="auto">
            <a:xfrm>
              <a:off x="6372508" y="3391128"/>
              <a:ext cx="396967" cy="227229"/>
            </a:xfrm>
            <a:custGeom>
              <a:avLst/>
              <a:gdLst>
                <a:gd name="T0" fmla="*/ 183 w 184"/>
                <a:gd name="T1" fmla="*/ 104 h 105"/>
                <a:gd name="T2" fmla="*/ 156 w 184"/>
                <a:gd name="T3" fmla="*/ 91 h 105"/>
                <a:gd name="T4" fmla="*/ 90 w 184"/>
                <a:gd name="T5" fmla="*/ 55 h 105"/>
                <a:gd name="T6" fmla="*/ 26 w 184"/>
                <a:gd name="T7" fmla="*/ 18 h 105"/>
                <a:gd name="T8" fmla="*/ 0 w 184"/>
                <a:gd name="T9" fmla="*/ 0 h 105"/>
                <a:gd name="T10" fmla="*/ 28 w 184"/>
                <a:gd name="T11" fmla="*/ 15 h 105"/>
                <a:gd name="T12" fmla="*/ 93 w 184"/>
                <a:gd name="T13" fmla="*/ 51 h 105"/>
                <a:gd name="T14" fmla="*/ 157 w 184"/>
                <a:gd name="T15" fmla="*/ 87 h 105"/>
                <a:gd name="T16" fmla="*/ 183 w 184"/>
                <a:gd name="T17" fmla="*/ 104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4" h="105">
                  <a:moveTo>
                    <a:pt x="183" y="104"/>
                  </a:moveTo>
                  <a:cubicBezTo>
                    <a:pt x="183" y="105"/>
                    <a:pt x="172" y="100"/>
                    <a:pt x="156" y="91"/>
                  </a:cubicBezTo>
                  <a:cubicBezTo>
                    <a:pt x="139" y="82"/>
                    <a:pt x="116" y="69"/>
                    <a:pt x="90" y="55"/>
                  </a:cubicBezTo>
                  <a:cubicBezTo>
                    <a:pt x="65" y="41"/>
                    <a:pt x="42" y="28"/>
                    <a:pt x="26" y="18"/>
                  </a:cubicBezTo>
                  <a:cubicBezTo>
                    <a:pt x="10" y="8"/>
                    <a:pt x="0" y="1"/>
                    <a:pt x="0" y="0"/>
                  </a:cubicBezTo>
                  <a:cubicBezTo>
                    <a:pt x="1" y="0"/>
                    <a:pt x="11" y="5"/>
                    <a:pt x="28" y="15"/>
                  </a:cubicBezTo>
                  <a:cubicBezTo>
                    <a:pt x="44" y="24"/>
                    <a:pt x="67" y="37"/>
                    <a:pt x="93" y="51"/>
                  </a:cubicBezTo>
                  <a:cubicBezTo>
                    <a:pt x="118" y="65"/>
                    <a:pt x="141" y="78"/>
                    <a:pt x="157" y="87"/>
                  </a:cubicBezTo>
                  <a:cubicBezTo>
                    <a:pt x="174" y="97"/>
                    <a:pt x="184" y="104"/>
                    <a:pt x="183" y="10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3" name="îṧ1iḍê">
              <a:extLst>
                <a:ext uri="{FF2B5EF4-FFF2-40B4-BE49-F238E27FC236}">
                  <a16:creationId xmlns:a16="http://schemas.microsoft.com/office/drawing/2014/main" xmlns="" id="{563E9A60-87CA-4FF7-B10E-6376074478C2}"/>
                </a:ext>
              </a:extLst>
            </p:cNvPr>
            <p:cNvSpPr/>
            <p:nvPr/>
          </p:nvSpPr>
          <p:spPr bwMode="auto">
            <a:xfrm>
              <a:off x="6480190" y="3199489"/>
              <a:ext cx="177038" cy="105858"/>
            </a:xfrm>
            <a:custGeom>
              <a:avLst/>
              <a:gdLst>
                <a:gd name="T0" fmla="*/ 81 w 82"/>
                <a:gd name="T1" fmla="*/ 48 h 49"/>
                <a:gd name="T2" fmla="*/ 40 w 82"/>
                <a:gd name="T3" fmla="*/ 26 h 49"/>
                <a:gd name="T4" fmla="*/ 0 w 82"/>
                <a:gd name="T5" fmla="*/ 1 h 49"/>
                <a:gd name="T6" fmla="*/ 42 w 82"/>
                <a:gd name="T7" fmla="*/ 22 h 49"/>
                <a:gd name="T8" fmla="*/ 81 w 82"/>
                <a:gd name="T9" fmla="*/ 48 h 49"/>
              </a:gdLst>
              <a:ahLst/>
              <a:cxnLst>
                <a:cxn ang="0">
                  <a:pos x="T0" y="T1"/>
                </a:cxn>
                <a:cxn ang="0">
                  <a:pos x="T2" y="T3"/>
                </a:cxn>
                <a:cxn ang="0">
                  <a:pos x="T4" y="T5"/>
                </a:cxn>
                <a:cxn ang="0">
                  <a:pos x="T6" y="T7"/>
                </a:cxn>
                <a:cxn ang="0">
                  <a:pos x="T8" y="T9"/>
                </a:cxn>
              </a:cxnLst>
              <a:rect l="0" t="0" r="r" b="b"/>
              <a:pathLst>
                <a:path w="82" h="49">
                  <a:moveTo>
                    <a:pt x="81" y="48"/>
                  </a:moveTo>
                  <a:cubicBezTo>
                    <a:pt x="80" y="49"/>
                    <a:pt x="62" y="39"/>
                    <a:pt x="40" y="26"/>
                  </a:cubicBezTo>
                  <a:cubicBezTo>
                    <a:pt x="17" y="14"/>
                    <a:pt x="0" y="2"/>
                    <a:pt x="0" y="1"/>
                  </a:cubicBezTo>
                  <a:cubicBezTo>
                    <a:pt x="1" y="0"/>
                    <a:pt x="20" y="9"/>
                    <a:pt x="42" y="22"/>
                  </a:cubicBezTo>
                  <a:cubicBezTo>
                    <a:pt x="65" y="35"/>
                    <a:pt x="82" y="47"/>
                    <a:pt x="81" y="4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4" name="ïṧlíḑé">
              <a:extLst>
                <a:ext uri="{FF2B5EF4-FFF2-40B4-BE49-F238E27FC236}">
                  <a16:creationId xmlns:a16="http://schemas.microsoft.com/office/drawing/2014/main" xmlns="" id="{D0D74DC8-04EA-43B2-AD22-19582BFA5815}"/>
                </a:ext>
              </a:extLst>
            </p:cNvPr>
            <p:cNvSpPr/>
            <p:nvPr/>
          </p:nvSpPr>
          <p:spPr bwMode="auto">
            <a:xfrm>
              <a:off x="5238186" y="2220305"/>
              <a:ext cx="375978" cy="179776"/>
            </a:xfrm>
            <a:custGeom>
              <a:avLst/>
              <a:gdLst>
                <a:gd name="T0" fmla="*/ 174 w 174"/>
                <a:gd name="T1" fmla="*/ 68 h 83"/>
                <a:gd name="T2" fmla="*/ 170 w 174"/>
                <a:gd name="T3" fmla="*/ 64 h 83"/>
                <a:gd name="T4" fmla="*/ 164 w 174"/>
                <a:gd name="T5" fmla="*/ 58 h 83"/>
                <a:gd name="T6" fmla="*/ 156 w 174"/>
                <a:gd name="T7" fmla="*/ 52 h 83"/>
                <a:gd name="T8" fmla="*/ 104 w 174"/>
                <a:gd name="T9" fmla="*/ 23 h 83"/>
                <a:gd name="T10" fmla="*/ 48 w 174"/>
                <a:gd name="T11" fmla="*/ 5 h 83"/>
                <a:gd name="T12" fmla="*/ 28 w 174"/>
                <a:gd name="T13" fmla="*/ 1 h 83"/>
                <a:gd name="T14" fmla="*/ 15 w 174"/>
                <a:gd name="T15" fmla="*/ 6 h 83"/>
                <a:gd name="T16" fmla="*/ 5 w 174"/>
                <a:gd name="T17" fmla="*/ 9 h 83"/>
                <a:gd name="T18" fmla="*/ 0 w 174"/>
                <a:gd name="T19" fmla="*/ 10 h 83"/>
                <a:gd name="T20" fmla="*/ 0 w 174"/>
                <a:gd name="T21" fmla="*/ 10 h 83"/>
                <a:gd name="T22" fmla="*/ 0 w 174"/>
                <a:gd name="T23" fmla="*/ 10 h 83"/>
                <a:gd name="T24" fmla="*/ 0 w 174"/>
                <a:gd name="T25" fmla="*/ 10 h 83"/>
                <a:gd name="T26" fmla="*/ 2 w 174"/>
                <a:gd name="T27" fmla="*/ 11 h 83"/>
                <a:gd name="T28" fmla="*/ 19 w 174"/>
                <a:gd name="T29" fmla="*/ 28 h 83"/>
                <a:gd name="T30" fmla="*/ 43 w 174"/>
                <a:gd name="T31" fmla="*/ 45 h 83"/>
                <a:gd name="T32" fmla="*/ 74 w 174"/>
                <a:gd name="T33" fmla="*/ 61 h 83"/>
                <a:gd name="T34" fmla="*/ 108 w 174"/>
                <a:gd name="T35" fmla="*/ 72 h 83"/>
                <a:gd name="T36" fmla="*/ 136 w 174"/>
                <a:gd name="T37" fmla="*/ 79 h 83"/>
                <a:gd name="T38" fmla="*/ 139 w 174"/>
                <a:gd name="T39" fmla="*/ 79 h 83"/>
                <a:gd name="T40" fmla="*/ 143 w 174"/>
                <a:gd name="T41" fmla="*/ 80 h 83"/>
                <a:gd name="T42" fmla="*/ 157 w 174"/>
                <a:gd name="T43" fmla="*/ 81 h 83"/>
                <a:gd name="T44" fmla="*/ 160 w 174"/>
                <a:gd name="T45" fmla="*/ 82 h 83"/>
                <a:gd name="T46" fmla="*/ 160 w 174"/>
                <a:gd name="T47" fmla="*/ 82 h 83"/>
                <a:gd name="T48" fmla="*/ 161 w 174"/>
                <a:gd name="T49" fmla="*/ 82 h 83"/>
                <a:gd name="T50" fmla="*/ 161 w 174"/>
                <a:gd name="T51" fmla="*/ 82 h 83"/>
                <a:gd name="T52" fmla="*/ 162 w 174"/>
                <a:gd name="T53" fmla="*/ 82 h 83"/>
                <a:gd name="T54" fmla="*/ 162 w 174"/>
                <a:gd name="T55" fmla="*/ 83 h 83"/>
                <a:gd name="T56" fmla="*/ 163 w 174"/>
                <a:gd name="T57" fmla="*/ 83 h 83"/>
                <a:gd name="T58" fmla="*/ 163 w 174"/>
                <a:gd name="T59" fmla="*/ 82 h 83"/>
                <a:gd name="T60" fmla="*/ 172 w 174"/>
                <a:gd name="T61" fmla="*/ 72 h 83"/>
                <a:gd name="T62" fmla="*/ 173 w 174"/>
                <a:gd name="T63" fmla="*/ 70 h 83"/>
                <a:gd name="T64" fmla="*/ 174 w 174"/>
                <a:gd name="T65" fmla="*/ 69 h 83"/>
                <a:gd name="T66" fmla="*/ 174 w 174"/>
                <a:gd name="T67" fmla="*/ 69 h 83"/>
                <a:gd name="T68" fmla="*/ 174 w 174"/>
                <a:gd name="T69" fmla="*/ 68 h 83"/>
                <a:gd name="T70" fmla="*/ 174 w 174"/>
                <a:gd name="T71" fmla="*/ 68 h 83"/>
                <a:gd name="T72" fmla="*/ 174 w 174"/>
                <a:gd name="T73" fmla="*/ 68 h 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74" h="83">
                  <a:moveTo>
                    <a:pt x="174" y="68"/>
                  </a:moveTo>
                  <a:cubicBezTo>
                    <a:pt x="173" y="67"/>
                    <a:pt x="172" y="66"/>
                    <a:pt x="170" y="64"/>
                  </a:cubicBezTo>
                  <a:cubicBezTo>
                    <a:pt x="169" y="62"/>
                    <a:pt x="166" y="60"/>
                    <a:pt x="164" y="58"/>
                  </a:cubicBezTo>
                  <a:cubicBezTo>
                    <a:pt x="162" y="56"/>
                    <a:pt x="159" y="54"/>
                    <a:pt x="156" y="52"/>
                  </a:cubicBezTo>
                  <a:cubicBezTo>
                    <a:pt x="144" y="43"/>
                    <a:pt x="126" y="32"/>
                    <a:pt x="104" y="23"/>
                  </a:cubicBezTo>
                  <a:cubicBezTo>
                    <a:pt x="83" y="14"/>
                    <a:pt x="63" y="8"/>
                    <a:pt x="48" y="5"/>
                  </a:cubicBezTo>
                  <a:cubicBezTo>
                    <a:pt x="37" y="2"/>
                    <a:pt x="31" y="1"/>
                    <a:pt x="28" y="1"/>
                  </a:cubicBezTo>
                  <a:cubicBezTo>
                    <a:pt x="28" y="0"/>
                    <a:pt x="22" y="3"/>
                    <a:pt x="15" y="6"/>
                  </a:cubicBezTo>
                  <a:cubicBezTo>
                    <a:pt x="12" y="7"/>
                    <a:pt x="8" y="8"/>
                    <a:pt x="5" y="9"/>
                  </a:cubicBezTo>
                  <a:cubicBezTo>
                    <a:pt x="3" y="10"/>
                    <a:pt x="1" y="9"/>
                    <a:pt x="0" y="10"/>
                  </a:cubicBezTo>
                  <a:cubicBezTo>
                    <a:pt x="0" y="10"/>
                    <a:pt x="0" y="10"/>
                    <a:pt x="0" y="10"/>
                  </a:cubicBezTo>
                  <a:cubicBezTo>
                    <a:pt x="0" y="10"/>
                    <a:pt x="0" y="10"/>
                    <a:pt x="0" y="10"/>
                  </a:cubicBezTo>
                  <a:cubicBezTo>
                    <a:pt x="0" y="10"/>
                    <a:pt x="0" y="10"/>
                    <a:pt x="0" y="10"/>
                  </a:cubicBezTo>
                  <a:cubicBezTo>
                    <a:pt x="0" y="10"/>
                    <a:pt x="1" y="10"/>
                    <a:pt x="2" y="11"/>
                  </a:cubicBezTo>
                  <a:cubicBezTo>
                    <a:pt x="4" y="13"/>
                    <a:pt x="10" y="20"/>
                    <a:pt x="19" y="28"/>
                  </a:cubicBezTo>
                  <a:cubicBezTo>
                    <a:pt x="26" y="33"/>
                    <a:pt x="34" y="39"/>
                    <a:pt x="43" y="45"/>
                  </a:cubicBezTo>
                  <a:cubicBezTo>
                    <a:pt x="52" y="50"/>
                    <a:pt x="63" y="56"/>
                    <a:pt x="74" y="61"/>
                  </a:cubicBezTo>
                  <a:cubicBezTo>
                    <a:pt x="86" y="65"/>
                    <a:pt x="97" y="69"/>
                    <a:pt x="108" y="72"/>
                  </a:cubicBezTo>
                  <a:cubicBezTo>
                    <a:pt x="118" y="75"/>
                    <a:pt x="128" y="77"/>
                    <a:pt x="136" y="79"/>
                  </a:cubicBezTo>
                  <a:cubicBezTo>
                    <a:pt x="137" y="79"/>
                    <a:pt x="138" y="79"/>
                    <a:pt x="139" y="79"/>
                  </a:cubicBezTo>
                  <a:cubicBezTo>
                    <a:pt x="140" y="79"/>
                    <a:pt x="141" y="79"/>
                    <a:pt x="143" y="80"/>
                  </a:cubicBezTo>
                  <a:cubicBezTo>
                    <a:pt x="149" y="80"/>
                    <a:pt x="154" y="81"/>
                    <a:pt x="157" y="81"/>
                  </a:cubicBezTo>
                  <a:cubicBezTo>
                    <a:pt x="158" y="81"/>
                    <a:pt x="159" y="82"/>
                    <a:pt x="160" y="82"/>
                  </a:cubicBezTo>
                  <a:cubicBezTo>
                    <a:pt x="160" y="82"/>
                    <a:pt x="160" y="82"/>
                    <a:pt x="160" y="82"/>
                  </a:cubicBezTo>
                  <a:cubicBezTo>
                    <a:pt x="161" y="82"/>
                    <a:pt x="161" y="82"/>
                    <a:pt x="161" y="82"/>
                  </a:cubicBezTo>
                  <a:cubicBezTo>
                    <a:pt x="161" y="82"/>
                    <a:pt x="161" y="82"/>
                    <a:pt x="161" y="82"/>
                  </a:cubicBezTo>
                  <a:cubicBezTo>
                    <a:pt x="162" y="82"/>
                    <a:pt x="162" y="82"/>
                    <a:pt x="162" y="82"/>
                  </a:cubicBezTo>
                  <a:cubicBezTo>
                    <a:pt x="162" y="83"/>
                    <a:pt x="162" y="83"/>
                    <a:pt x="162" y="83"/>
                  </a:cubicBezTo>
                  <a:cubicBezTo>
                    <a:pt x="162" y="83"/>
                    <a:pt x="162" y="83"/>
                    <a:pt x="163" y="83"/>
                  </a:cubicBezTo>
                  <a:cubicBezTo>
                    <a:pt x="163" y="82"/>
                    <a:pt x="163" y="82"/>
                    <a:pt x="163" y="82"/>
                  </a:cubicBezTo>
                  <a:cubicBezTo>
                    <a:pt x="172" y="72"/>
                    <a:pt x="172" y="72"/>
                    <a:pt x="172" y="72"/>
                  </a:cubicBezTo>
                  <a:cubicBezTo>
                    <a:pt x="172" y="71"/>
                    <a:pt x="172" y="71"/>
                    <a:pt x="173" y="70"/>
                  </a:cubicBezTo>
                  <a:cubicBezTo>
                    <a:pt x="173" y="70"/>
                    <a:pt x="174" y="69"/>
                    <a:pt x="174" y="69"/>
                  </a:cubicBezTo>
                  <a:cubicBezTo>
                    <a:pt x="174" y="69"/>
                    <a:pt x="174" y="69"/>
                    <a:pt x="174" y="69"/>
                  </a:cubicBezTo>
                  <a:cubicBezTo>
                    <a:pt x="174" y="68"/>
                    <a:pt x="174" y="68"/>
                    <a:pt x="174" y="68"/>
                  </a:cubicBezTo>
                  <a:cubicBezTo>
                    <a:pt x="174" y="68"/>
                    <a:pt x="174" y="68"/>
                    <a:pt x="174" y="68"/>
                  </a:cubicBezTo>
                  <a:cubicBezTo>
                    <a:pt x="174" y="68"/>
                    <a:pt x="174" y="68"/>
                    <a:pt x="174" y="68"/>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5" name="iŝlíḑè">
              <a:extLst>
                <a:ext uri="{FF2B5EF4-FFF2-40B4-BE49-F238E27FC236}">
                  <a16:creationId xmlns:a16="http://schemas.microsoft.com/office/drawing/2014/main" xmlns="" id="{E62426AE-5C9B-442A-A728-EC5BB557DE02}"/>
                </a:ext>
              </a:extLst>
            </p:cNvPr>
            <p:cNvSpPr/>
            <p:nvPr/>
          </p:nvSpPr>
          <p:spPr bwMode="auto">
            <a:xfrm>
              <a:off x="5106777" y="2240381"/>
              <a:ext cx="510125" cy="662524"/>
            </a:xfrm>
            <a:custGeom>
              <a:avLst/>
              <a:gdLst>
                <a:gd name="T0" fmla="*/ 235 w 236"/>
                <a:gd name="T1" fmla="*/ 90 h 307"/>
                <a:gd name="T2" fmla="*/ 231 w 236"/>
                <a:gd name="T3" fmla="*/ 163 h 307"/>
                <a:gd name="T4" fmla="*/ 228 w 236"/>
                <a:gd name="T5" fmla="*/ 203 h 307"/>
                <a:gd name="T6" fmla="*/ 226 w 236"/>
                <a:gd name="T7" fmla="*/ 221 h 307"/>
                <a:gd name="T8" fmla="*/ 224 w 236"/>
                <a:gd name="T9" fmla="*/ 236 h 307"/>
                <a:gd name="T10" fmla="*/ 218 w 236"/>
                <a:gd name="T11" fmla="*/ 266 h 307"/>
                <a:gd name="T12" fmla="*/ 201 w 236"/>
                <a:gd name="T13" fmla="*/ 288 h 307"/>
                <a:gd name="T14" fmla="*/ 174 w 236"/>
                <a:gd name="T15" fmla="*/ 306 h 307"/>
                <a:gd name="T16" fmla="*/ 174 w 236"/>
                <a:gd name="T17" fmla="*/ 306 h 307"/>
                <a:gd name="T18" fmla="*/ 174 w 236"/>
                <a:gd name="T19" fmla="*/ 306 h 307"/>
                <a:gd name="T20" fmla="*/ 146 w 236"/>
                <a:gd name="T21" fmla="*/ 305 h 307"/>
                <a:gd name="T22" fmla="*/ 80 w 236"/>
                <a:gd name="T23" fmla="*/ 284 h 307"/>
                <a:gd name="T24" fmla="*/ 21 w 236"/>
                <a:gd name="T25" fmla="*/ 249 h 307"/>
                <a:gd name="T26" fmla="*/ 5 w 236"/>
                <a:gd name="T27" fmla="*/ 236 h 307"/>
                <a:gd name="T28" fmla="*/ 1 w 236"/>
                <a:gd name="T29" fmla="*/ 230 h 307"/>
                <a:gd name="T30" fmla="*/ 1 w 236"/>
                <a:gd name="T31" fmla="*/ 230 h 307"/>
                <a:gd name="T32" fmla="*/ 0 w 236"/>
                <a:gd name="T33" fmla="*/ 230 h 307"/>
                <a:gd name="T34" fmla="*/ 1 w 236"/>
                <a:gd name="T35" fmla="*/ 230 h 307"/>
                <a:gd name="T36" fmla="*/ 2 w 236"/>
                <a:gd name="T37" fmla="*/ 223 h 307"/>
                <a:gd name="T38" fmla="*/ 6 w 236"/>
                <a:gd name="T39" fmla="*/ 198 h 307"/>
                <a:gd name="T40" fmla="*/ 14 w 236"/>
                <a:gd name="T41" fmla="*/ 161 h 307"/>
                <a:gd name="T42" fmla="*/ 26 w 236"/>
                <a:gd name="T43" fmla="*/ 116 h 307"/>
                <a:gd name="T44" fmla="*/ 49 w 236"/>
                <a:gd name="T45" fmla="*/ 34 h 307"/>
                <a:gd name="T46" fmla="*/ 61 w 236"/>
                <a:gd name="T47" fmla="*/ 1 h 307"/>
                <a:gd name="T48" fmla="*/ 61 w 236"/>
                <a:gd name="T49" fmla="*/ 1 h 307"/>
                <a:gd name="T50" fmla="*/ 61 w 236"/>
                <a:gd name="T51" fmla="*/ 0 h 307"/>
                <a:gd name="T52" fmla="*/ 61 w 236"/>
                <a:gd name="T53" fmla="*/ 1 h 307"/>
                <a:gd name="T54" fmla="*/ 61 w 236"/>
                <a:gd name="T55" fmla="*/ 1 h 307"/>
                <a:gd name="T56" fmla="*/ 61 w 236"/>
                <a:gd name="T57" fmla="*/ 1 h 307"/>
                <a:gd name="T58" fmla="*/ 61 w 236"/>
                <a:gd name="T59" fmla="*/ 1 h 307"/>
                <a:gd name="T60" fmla="*/ 63 w 236"/>
                <a:gd name="T61" fmla="*/ 2 h 307"/>
                <a:gd name="T62" fmla="*/ 80 w 236"/>
                <a:gd name="T63" fmla="*/ 19 h 307"/>
                <a:gd name="T64" fmla="*/ 104 w 236"/>
                <a:gd name="T65" fmla="*/ 36 h 307"/>
                <a:gd name="T66" fmla="*/ 135 w 236"/>
                <a:gd name="T67" fmla="*/ 52 h 307"/>
                <a:gd name="T68" fmla="*/ 169 w 236"/>
                <a:gd name="T69" fmla="*/ 63 h 307"/>
                <a:gd name="T70" fmla="*/ 197 w 236"/>
                <a:gd name="T71" fmla="*/ 70 h 307"/>
                <a:gd name="T72" fmla="*/ 200 w 236"/>
                <a:gd name="T73" fmla="*/ 70 h 307"/>
                <a:gd name="T74" fmla="*/ 204 w 236"/>
                <a:gd name="T75" fmla="*/ 71 h 307"/>
                <a:gd name="T76" fmla="*/ 218 w 236"/>
                <a:gd name="T77" fmla="*/ 72 h 307"/>
                <a:gd name="T78" fmla="*/ 221 w 236"/>
                <a:gd name="T79" fmla="*/ 73 h 307"/>
                <a:gd name="T80" fmla="*/ 221 w 236"/>
                <a:gd name="T81" fmla="*/ 73 h 307"/>
                <a:gd name="T82" fmla="*/ 222 w 236"/>
                <a:gd name="T83" fmla="*/ 73 h 307"/>
                <a:gd name="T84" fmla="*/ 223 w 236"/>
                <a:gd name="T85" fmla="*/ 73 h 307"/>
                <a:gd name="T86" fmla="*/ 223 w 236"/>
                <a:gd name="T87" fmla="*/ 73 h 307"/>
                <a:gd name="T88" fmla="*/ 223 w 236"/>
                <a:gd name="T89" fmla="*/ 73 h 307"/>
                <a:gd name="T90" fmla="*/ 223 w 236"/>
                <a:gd name="T91" fmla="*/ 73 h 307"/>
                <a:gd name="T92" fmla="*/ 224 w 236"/>
                <a:gd name="T93" fmla="*/ 74 h 307"/>
                <a:gd name="T94" fmla="*/ 224 w 236"/>
                <a:gd name="T95" fmla="*/ 74 h 307"/>
                <a:gd name="T96" fmla="*/ 224 w 236"/>
                <a:gd name="T97" fmla="*/ 74 h 307"/>
                <a:gd name="T98" fmla="*/ 224 w 236"/>
                <a:gd name="T99" fmla="*/ 73 h 307"/>
                <a:gd name="T100" fmla="*/ 228 w 236"/>
                <a:gd name="T101" fmla="*/ 67 h 307"/>
                <a:gd name="T102" fmla="*/ 233 w 236"/>
                <a:gd name="T103" fmla="*/ 63 h 307"/>
                <a:gd name="T104" fmla="*/ 234 w 236"/>
                <a:gd name="T105" fmla="*/ 61 h 307"/>
                <a:gd name="T106" fmla="*/ 235 w 236"/>
                <a:gd name="T107" fmla="*/ 60 h 307"/>
                <a:gd name="T108" fmla="*/ 235 w 236"/>
                <a:gd name="T109" fmla="*/ 60 h 307"/>
                <a:gd name="T110" fmla="*/ 235 w 236"/>
                <a:gd name="T111" fmla="*/ 60 h 307"/>
                <a:gd name="T112" fmla="*/ 235 w 236"/>
                <a:gd name="T113" fmla="*/ 60 h 307"/>
                <a:gd name="T114" fmla="*/ 235 w 236"/>
                <a:gd name="T115" fmla="*/ 90 h 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36" h="307">
                  <a:moveTo>
                    <a:pt x="235" y="90"/>
                  </a:moveTo>
                  <a:cubicBezTo>
                    <a:pt x="235" y="109"/>
                    <a:pt x="233" y="135"/>
                    <a:pt x="231" y="163"/>
                  </a:cubicBezTo>
                  <a:cubicBezTo>
                    <a:pt x="230" y="177"/>
                    <a:pt x="229" y="191"/>
                    <a:pt x="228" y="203"/>
                  </a:cubicBezTo>
                  <a:cubicBezTo>
                    <a:pt x="227" y="209"/>
                    <a:pt x="227" y="215"/>
                    <a:pt x="226" y="221"/>
                  </a:cubicBezTo>
                  <a:cubicBezTo>
                    <a:pt x="225" y="226"/>
                    <a:pt x="225" y="231"/>
                    <a:pt x="224" y="236"/>
                  </a:cubicBezTo>
                  <a:cubicBezTo>
                    <a:pt x="221" y="254"/>
                    <a:pt x="218" y="265"/>
                    <a:pt x="218" y="266"/>
                  </a:cubicBezTo>
                  <a:cubicBezTo>
                    <a:pt x="214" y="276"/>
                    <a:pt x="208" y="282"/>
                    <a:pt x="201" y="288"/>
                  </a:cubicBezTo>
                  <a:cubicBezTo>
                    <a:pt x="189" y="298"/>
                    <a:pt x="176" y="306"/>
                    <a:pt x="174" y="306"/>
                  </a:cubicBezTo>
                  <a:cubicBezTo>
                    <a:pt x="174" y="306"/>
                    <a:pt x="174" y="306"/>
                    <a:pt x="174" y="306"/>
                  </a:cubicBezTo>
                  <a:cubicBezTo>
                    <a:pt x="174" y="306"/>
                    <a:pt x="174" y="306"/>
                    <a:pt x="174" y="306"/>
                  </a:cubicBezTo>
                  <a:cubicBezTo>
                    <a:pt x="172" y="306"/>
                    <a:pt x="161" y="307"/>
                    <a:pt x="146" y="305"/>
                  </a:cubicBezTo>
                  <a:cubicBezTo>
                    <a:pt x="128" y="302"/>
                    <a:pt x="105" y="295"/>
                    <a:pt x="80" y="284"/>
                  </a:cubicBezTo>
                  <a:cubicBezTo>
                    <a:pt x="56" y="273"/>
                    <a:pt x="35" y="260"/>
                    <a:pt x="21" y="249"/>
                  </a:cubicBezTo>
                  <a:cubicBezTo>
                    <a:pt x="14" y="244"/>
                    <a:pt x="9" y="239"/>
                    <a:pt x="5" y="236"/>
                  </a:cubicBezTo>
                  <a:cubicBezTo>
                    <a:pt x="3" y="233"/>
                    <a:pt x="1" y="231"/>
                    <a:pt x="1" y="230"/>
                  </a:cubicBezTo>
                  <a:cubicBezTo>
                    <a:pt x="1" y="230"/>
                    <a:pt x="1" y="230"/>
                    <a:pt x="1" y="230"/>
                  </a:cubicBezTo>
                  <a:cubicBezTo>
                    <a:pt x="0" y="230"/>
                    <a:pt x="0" y="230"/>
                    <a:pt x="0" y="230"/>
                  </a:cubicBezTo>
                  <a:cubicBezTo>
                    <a:pt x="1" y="230"/>
                    <a:pt x="1" y="230"/>
                    <a:pt x="1" y="230"/>
                  </a:cubicBezTo>
                  <a:cubicBezTo>
                    <a:pt x="1" y="229"/>
                    <a:pt x="1" y="227"/>
                    <a:pt x="2" y="223"/>
                  </a:cubicBezTo>
                  <a:cubicBezTo>
                    <a:pt x="2" y="217"/>
                    <a:pt x="4" y="208"/>
                    <a:pt x="6" y="198"/>
                  </a:cubicBezTo>
                  <a:cubicBezTo>
                    <a:pt x="8" y="187"/>
                    <a:pt x="11" y="174"/>
                    <a:pt x="14" y="161"/>
                  </a:cubicBezTo>
                  <a:cubicBezTo>
                    <a:pt x="18" y="147"/>
                    <a:pt x="21" y="131"/>
                    <a:pt x="26" y="116"/>
                  </a:cubicBezTo>
                  <a:cubicBezTo>
                    <a:pt x="34" y="84"/>
                    <a:pt x="42" y="55"/>
                    <a:pt x="49" y="34"/>
                  </a:cubicBezTo>
                  <a:cubicBezTo>
                    <a:pt x="55" y="15"/>
                    <a:pt x="60" y="2"/>
                    <a:pt x="61" y="1"/>
                  </a:cubicBezTo>
                  <a:cubicBezTo>
                    <a:pt x="61" y="1"/>
                    <a:pt x="61" y="1"/>
                    <a:pt x="61" y="1"/>
                  </a:cubicBezTo>
                  <a:cubicBezTo>
                    <a:pt x="61" y="0"/>
                    <a:pt x="61" y="0"/>
                    <a:pt x="61" y="0"/>
                  </a:cubicBezTo>
                  <a:cubicBezTo>
                    <a:pt x="61" y="1"/>
                    <a:pt x="61" y="1"/>
                    <a:pt x="61" y="1"/>
                  </a:cubicBezTo>
                  <a:cubicBezTo>
                    <a:pt x="61" y="1"/>
                    <a:pt x="61" y="1"/>
                    <a:pt x="61" y="1"/>
                  </a:cubicBezTo>
                  <a:cubicBezTo>
                    <a:pt x="61" y="1"/>
                    <a:pt x="61" y="1"/>
                    <a:pt x="61" y="1"/>
                  </a:cubicBezTo>
                  <a:cubicBezTo>
                    <a:pt x="61" y="1"/>
                    <a:pt x="61" y="1"/>
                    <a:pt x="61" y="1"/>
                  </a:cubicBezTo>
                  <a:cubicBezTo>
                    <a:pt x="61" y="1"/>
                    <a:pt x="62" y="1"/>
                    <a:pt x="63" y="2"/>
                  </a:cubicBezTo>
                  <a:cubicBezTo>
                    <a:pt x="65" y="4"/>
                    <a:pt x="71" y="11"/>
                    <a:pt x="80" y="19"/>
                  </a:cubicBezTo>
                  <a:cubicBezTo>
                    <a:pt x="87" y="24"/>
                    <a:pt x="95" y="30"/>
                    <a:pt x="104" y="36"/>
                  </a:cubicBezTo>
                  <a:cubicBezTo>
                    <a:pt x="113" y="41"/>
                    <a:pt x="124" y="47"/>
                    <a:pt x="135" y="52"/>
                  </a:cubicBezTo>
                  <a:cubicBezTo>
                    <a:pt x="147" y="56"/>
                    <a:pt x="158" y="60"/>
                    <a:pt x="169" y="63"/>
                  </a:cubicBezTo>
                  <a:cubicBezTo>
                    <a:pt x="179" y="66"/>
                    <a:pt x="189" y="68"/>
                    <a:pt x="197" y="70"/>
                  </a:cubicBezTo>
                  <a:cubicBezTo>
                    <a:pt x="198" y="70"/>
                    <a:pt x="199" y="70"/>
                    <a:pt x="200" y="70"/>
                  </a:cubicBezTo>
                  <a:cubicBezTo>
                    <a:pt x="201" y="70"/>
                    <a:pt x="202" y="70"/>
                    <a:pt x="204" y="71"/>
                  </a:cubicBezTo>
                  <a:cubicBezTo>
                    <a:pt x="210" y="71"/>
                    <a:pt x="215" y="72"/>
                    <a:pt x="218" y="72"/>
                  </a:cubicBezTo>
                  <a:cubicBezTo>
                    <a:pt x="219" y="73"/>
                    <a:pt x="220" y="73"/>
                    <a:pt x="221" y="73"/>
                  </a:cubicBezTo>
                  <a:cubicBezTo>
                    <a:pt x="221" y="73"/>
                    <a:pt x="221" y="73"/>
                    <a:pt x="221" y="73"/>
                  </a:cubicBezTo>
                  <a:cubicBezTo>
                    <a:pt x="222" y="73"/>
                    <a:pt x="222" y="73"/>
                    <a:pt x="222" y="73"/>
                  </a:cubicBezTo>
                  <a:cubicBezTo>
                    <a:pt x="223" y="73"/>
                    <a:pt x="223" y="73"/>
                    <a:pt x="223" y="73"/>
                  </a:cubicBezTo>
                  <a:cubicBezTo>
                    <a:pt x="223" y="73"/>
                    <a:pt x="223" y="73"/>
                    <a:pt x="223" y="73"/>
                  </a:cubicBezTo>
                  <a:cubicBezTo>
                    <a:pt x="223" y="73"/>
                    <a:pt x="223" y="73"/>
                    <a:pt x="223" y="73"/>
                  </a:cubicBezTo>
                  <a:cubicBezTo>
                    <a:pt x="223" y="73"/>
                    <a:pt x="223" y="73"/>
                    <a:pt x="223" y="73"/>
                  </a:cubicBezTo>
                  <a:cubicBezTo>
                    <a:pt x="224" y="73"/>
                    <a:pt x="224" y="74"/>
                    <a:pt x="224" y="74"/>
                  </a:cubicBezTo>
                  <a:cubicBezTo>
                    <a:pt x="224" y="74"/>
                    <a:pt x="224" y="74"/>
                    <a:pt x="224" y="74"/>
                  </a:cubicBezTo>
                  <a:cubicBezTo>
                    <a:pt x="224" y="74"/>
                    <a:pt x="224" y="74"/>
                    <a:pt x="224" y="74"/>
                  </a:cubicBezTo>
                  <a:cubicBezTo>
                    <a:pt x="224" y="74"/>
                    <a:pt x="224" y="74"/>
                    <a:pt x="224" y="73"/>
                  </a:cubicBezTo>
                  <a:cubicBezTo>
                    <a:pt x="225" y="72"/>
                    <a:pt x="226" y="70"/>
                    <a:pt x="228" y="67"/>
                  </a:cubicBezTo>
                  <a:cubicBezTo>
                    <a:pt x="230" y="66"/>
                    <a:pt x="231" y="64"/>
                    <a:pt x="233" y="63"/>
                  </a:cubicBezTo>
                  <a:cubicBezTo>
                    <a:pt x="233" y="62"/>
                    <a:pt x="233" y="62"/>
                    <a:pt x="234" y="61"/>
                  </a:cubicBezTo>
                  <a:cubicBezTo>
                    <a:pt x="234" y="61"/>
                    <a:pt x="235" y="60"/>
                    <a:pt x="235" y="60"/>
                  </a:cubicBezTo>
                  <a:cubicBezTo>
                    <a:pt x="235" y="60"/>
                    <a:pt x="235" y="60"/>
                    <a:pt x="235" y="60"/>
                  </a:cubicBezTo>
                  <a:cubicBezTo>
                    <a:pt x="235" y="60"/>
                    <a:pt x="235" y="60"/>
                    <a:pt x="235" y="60"/>
                  </a:cubicBezTo>
                  <a:cubicBezTo>
                    <a:pt x="235" y="60"/>
                    <a:pt x="235" y="60"/>
                    <a:pt x="235" y="60"/>
                  </a:cubicBezTo>
                  <a:cubicBezTo>
                    <a:pt x="236" y="64"/>
                    <a:pt x="236" y="75"/>
                    <a:pt x="235" y="9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6" name="isḻíḋe">
              <a:extLst>
                <a:ext uri="{FF2B5EF4-FFF2-40B4-BE49-F238E27FC236}">
                  <a16:creationId xmlns:a16="http://schemas.microsoft.com/office/drawing/2014/main" xmlns="" id="{6B44F208-0EC1-4601-A8BD-40791CEA43F6}"/>
                </a:ext>
              </a:extLst>
            </p:cNvPr>
            <p:cNvSpPr/>
            <p:nvPr/>
          </p:nvSpPr>
          <p:spPr bwMode="auto">
            <a:xfrm>
              <a:off x="5236361" y="2240381"/>
              <a:ext cx="354076" cy="164262"/>
            </a:xfrm>
            <a:custGeom>
              <a:avLst/>
              <a:gdLst>
                <a:gd name="T0" fmla="*/ 164 w 164"/>
                <a:gd name="T1" fmla="*/ 74 h 76"/>
                <a:gd name="T2" fmla="*/ 137 w 164"/>
                <a:gd name="T3" fmla="*/ 74 h 76"/>
                <a:gd name="T4" fmla="*/ 107 w 164"/>
                <a:gd name="T5" fmla="*/ 68 h 76"/>
                <a:gd name="T6" fmla="*/ 73 w 164"/>
                <a:gd name="T7" fmla="*/ 57 h 76"/>
                <a:gd name="T8" fmla="*/ 41 w 164"/>
                <a:gd name="T9" fmla="*/ 40 h 76"/>
                <a:gd name="T10" fmla="*/ 18 w 164"/>
                <a:gd name="T11" fmla="*/ 22 h 76"/>
                <a:gd name="T12" fmla="*/ 1 w 164"/>
                <a:gd name="T13" fmla="*/ 0 h 76"/>
                <a:gd name="T14" fmla="*/ 21 w 164"/>
                <a:gd name="T15" fmla="*/ 18 h 76"/>
                <a:gd name="T16" fmla="*/ 44 w 164"/>
                <a:gd name="T17" fmla="*/ 34 h 76"/>
                <a:gd name="T18" fmla="*/ 76 w 164"/>
                <a:gd name="T19" fmla="*/ 50 h 76"/>
                <a:gd name="T20" fmla="*/ 109 w 164"/>
                <a:gd name="T21" fmla="*/ 63 h 76"/>
                <a:gd name="T22" fmla="*/ 137 w 164"/>
                <a:gd name="T23" fmla="*/ 69 h 76"/>
                <a:gd name="T24" fmla="*/ 164 w 164"/>
                <a:gd name="T25" fmla="*/ 74 h 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4" h="76">
                  <a:moveTo>
                    <a:pt x="164" y="74"/>
                  </a:moveTo>
                  <a:cubicBezTo>
                    <a:pt x="164" y="74"/>
                    <a:pt x="153" y="76"/>
                    <a:pt x="137" y="74"/>
                  </a:cubicBezTo>
                  <a:cubicBezTo>
                    <a:pt x="128" y="73"/>
                    <a:pt x="118" y="71"/>
                    <a:pt x="107" y="68"/>
                  </a:cubicBezTo>
                  <a:cubicBezTo>
                    <a:pt x="97" y="66"/>
                    <a:pt x="85" y="62"/>
                    <a:pt x="73" y="57"/>
                  </a:cubicBezTo>
                  <a:cubicBezTo>
                    <a:pt x="61" y="51"/>
                    <a:pt x="51" y="46"/>
                    <a:pt x="41" y="40"/>
                  </a:cubicBezTo>
                  <a:cubicBezTo>
                    <a:pt x="32" y="34"/>
                    <a:pt x="24" y="28"/>
                    <a:pt x="18" y="22"/>
                  </a:cubicBezTo>
                  <a:cubicBezTo>
                    <a:pt x="5" y="10"/>
                    <a:pt x="0" y="1"/>
                    <a:pt x="1" y="0"/>
                  </a:cubicBezTo>
                  <a:cubicBezTo>
                    <a:pt x="2" y="0"/>
                    <a:pt x="8" y="8"/>
                    <a:pt x="21" y="18"/>
                  </a:cubicBezTo>
                  <a:cubicBezTo>
                    <a:pt x="27" y="23"/>
                    <a:pt x="35" y="29"/>
                    <a:pt x="44" y="34"/>
                  </a:cubicBezTo>
                  <a:cubicBezTo>
                    <a:pt x="54" y="40"/>
                    <a:pt x="64" y="45"/>
                    <a:pt x="76" y="50"/>
                  </a:cubicBezTo>
                  <a:cubicBezTo>
                    <a:pt x="87" y="55"/>
                    <a:pt x="99" y="59"/>
                    <a:pt x="109" y="63"/>
                  </a:cubicBezTo>
                  <a:cubicBezTo>
                    <a:pt x="120" y="66"/>
                    <a:pt x="129" y="68"/>
                    <a:pt x="137" y="69"/>
                  </a:cubicBezTo>
                  <a:cubicBezTo>
                    <a:pt x="153" y="72"/>
                    <a:pt x="164" y="73"/>
                    <a:pt x="164" y="7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7" name="íṩļíďè">
              <a:extLst>
                <a:ext uri="{FF2B5EF4-FFF2-40B4-BE49-F238E27FC236}">
                  <a16:creationId xmlns:a16="http://schemas.microsoft.com/office/drawing/2014/main" xmlns="" id="{DB50552E-6874-471E-8010-389BD2779FFF}"/>
                </a:ext>
              </a:extLst>
            </p:cNvPr>
            <p:cNvSpPr/>
            <p:nvPr/>
          </p:nvSpPr>
          <p:spPr bwMode="auto">
            <a:xfrm>
              <a:off x="5106777" y="2240381"/>
              <a:ext cx="134148" cy="502825"/>
            </a:xfrm>
            <a:custGeom>
              <a:avLst/>
              <a:gdLst>
                <a:gd name="T0" fmla="*/ 61 w 62"/>
                <a:gd name="T1" fmla="*/ 1 h 233"/>
                <a:gd name="T2" fmla="*/ 53 w 62"/>
                <a:gd name="T3" fmla="*/ 35 h 233"/>
                <a:gd name="T4" fmla="*/ 32 w 62"/>
                <a:gd name="T5" fmla="*/ 117 h 233"/>
                <a:gd name="T6" fmla="*/ 11 w 62"/>
                <a:gd name="T7" fmla="*/ 199 h 233"/>
                <a:gd name="T8" fmla="*/ 1 w 62"/>
                <a:gd name="T9" fmla="*/ 232 h 233"/>
                <a:gd name="T10" fmla="*/ 6 w 62"/>
                <a:gd name="T11" fmla="*/ 198 h 233"/>
                <a:gd name="T12" fmla="*/ 25 w 62"/>
                <a:gd name="T13" fmla="*/ 115 h 233"/>
                <a:gd name="T14" fmla="*/ 48 w 62"/>
                <a:gd name="T15" fmla="*/ 33 h 233"/>
                <a:gd name="T16" fmla="*/ 61 w 62"/>
                <a:gd name="T17" fmla="*/ 1 h 2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2" h="233">
                  <a:moveTo>
                    <a:pt x="61" y="1"/>
                  </a:moveTo>
                  <a:cubicBezTo>
                    <a:pt x="62" y="1"/>
                    <a:pt x="58" y="14"/>
                    <a:pt x="53" y="35"/>
                  </a:cubicBezTo>
                  <a:cubicBezTo>
                    <a:pt x="47" y="56"/>
                    <a:pt x="40" y="85"/>
                    <a:pt x="32" y="117"/>
                  </a:cubicBezTo>
                  <a:cubicBezTo>
                    <a:pt x="24" y="149"/>
                    <a:pt x="16" y="178"/>
                    <a:pt x="11" y="199"/>
                  </a:cubicBezTo>
                  <a:cubicBezTo>
                    <a:pt x="5" y="220"/>
                    <a:pt x="2" y="233"/>
                    <a:pt x="1" y="232"/>
                  </a:cubicBezTo>
                  <a:cubicBezTo>
                    <a:pt x="0" y="232"/>
                    <a:pt x="2" y="219"/>
                    <a:pt x="6" y="198"/>
                  </a:cubicBezTo>
                  <a:cubicBezTo>
                    <a:pt x="10" y="176"/>
                    <a:pt x="17" y="147"/>
                    <a:pt x="25" y="115"/>
                  </a:cubicBezTo>
                  <a:cubicBezTo>
                    <a:pt x="34" y="83"/>
                    <a:pt x="42" y="54"/>
                    <a:pt x="48" y="33"/>
                  </a:cubicBezTo>
                  <a:cubicBezTo>
                    <a:pt x="55" y="13"/>
                    <a:pt x="60" y="0"/>
                    <a:pt x="61"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8" name="iṣlîḓê">
              <a:extLst>
                <a:ext uri="{FF2B5EF4-FFF2-40B4-BE49-F238E27FC236}">
                  <a16:creationId xmlns:a16="http://schemas.microsoft.com/office/drawing/2014/main" xmlns="" id="{57151C4D-8A5E-47A2-BE2F-905C610EFC7B}"/>
                </a:ext>
              </a:extLst>
            </p:cNvPr>
            <p:cNvSpPr/>
            <p:nvPr/>
          </p:nvSpPr>
          <p:spPr bwMode="auto">
            <a:xfrm>
              <a:off x="5106777" y="2734993"/>
              <a:ext cx="377803" cy="170650"/>
            </a:xfrm>
            <a:custGeom>
              <a:avLst/>
              <a:gdLst>
                <a:gd name="T0" fmla="*/ 175 w 175"/>
                <a:gd name="T1" fmla="*/ 78 h 79"/>
                <a:gd name="T2" fmla="*/ 147 w 175"/>
                <a:gd name="T3" fmla="*/ 77 h 79"/>
                <a:gd name="T4" fmla="*/ 81 w 175"/>
                <a:gd name="T5" fmla="*/ 56 h 79"/>
                <a:gd name="T6" fmla="*/ 21 w 175"/>
                <a:gd name="T7" fmla="*/ 20 h 79"/>
                <a:gd name="T8" fmla="*/ 5 w 175"/>
                <a:gd name="T9" fmla="*/ 7 h 79"/>
                <a:gd name="T10" fmla="*/ 1 w 175"/>
                <a:gd name="T11" fmla="*/ 1 h 79"/>
                <a:gd name="T12" fmla="*/ 7 w 175"/>
                <a:gd name="T13" fmla="*/ 5 h 79"/>
                <a:gd name="T14" fmla="*/ 24 w 175"/>
                <a:gd name="T15" fmla="*/ 17 h 79"/>
                <a:gd name="T16" fmla="*/ 84 w 175"/>
                <a:gd name="T17" fmla="*/ 49 h 79"/>
                <a:gd name="T18" fmla="*/ 148 w 175"/>
                <a:gd name="T19" fmla="*/ 72 h 79"/>
                <a:gd name="T20" fmla="*/ 175 w 175"/>
                <a:gd name="T21" fmla="*/ 78 h 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5" h="79">
                  <a:moveTo>
                    <a:pt x="175" y="78"/>
                  </a:moveTo>
                  <a:cubicBezTo>
                    <a:pt x="175" y="78"/>
                    <a:pt x="164" y="79"/>
                    <a:pt x="147" y="77"/>
                  </a:cubicBezTo>
                  <a:cubicBezTo>
                    <a:pt x="129" y="74"/>
                    <a:pt x="105" y="67"/>
                    <a:pt x="81" y="56"/>
                  </a:cubicBezTo>
                  <a:cubicBezTo>
                    <a:pt x="56" y="44"/>
                    <a:pt x="35" y="31"/>
                    <a:pt x="21" y="20"/>
                  </a:cubicBezTo>
                  <a:cubicBezTo>
                    <a:pt x="14" y="15"/>
                    <a:pt x="9" y="10"/>
                    <a:pt x="5" y="7"/>
                  </a:cubicBezTo>
                  <a:cubicBezTo>
                    <a:pt x="2" y="3"/>
                    <a:pt x="0" y="1"/>
                    <a:pt x="1" y="1"/>
                  </a:cubicBezTo>
                  <a:cubicBezTo>
                    <a:pt x="1" y="0"/>
                    <a:pt x="3" y="2"/>
                    <a:pt x="7" y="5"/>
                  </a:cubicBezTo>
                  <a:cubicBezTo>
                    <a:pt x="11" y="8"/>
                    <a:pt x="17" y="12"/>
                    <a:pt x="24" y="17"/>
                  </a:cubicBezTo>
                  <a:cubicBezTo>
                    <a:pt x="39" y="26"/>
                    <a:pt x="59" y="38"/>
                    <a:pt x="84" y="49"/>
                  </a:cubicBezTo>
                  <a:cubicBezTo>
                    <a:pt x="108" y="61"/>
                    <a:pt x="131" y="68"/>
                    <a:pt x="148" y="72"/>
                  </a:cubicBezTo>
                  <a:cubicBezTo>
                    <a:pt x="165" y="76"/>
                    <a:pt x="175" y="76"/>
                    <a:pt x="175" y="7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79" name="ísľíḓê">
              <a:extLst>
                <a:ext uri="{FF2B5EF4-FFF2-40B4-BE49-F238E27FC236}">
                  <a16:creationId xmlns:a16="http://schemas.microsoft.com/office/drawing/2014/main" xmlns="" id="{F92B517E-08F3-4542-9210-DDF5A8A4A8CE}"/>
                </a:ext>
              </a:extLst>
            </p:cNvPr>
            <p:cNvSpPr/>
            <p:nvPr/>
          </p:nvSpPr>
          <p:spPr bwMode="auto">
            <a:xfrm>
              <a:off x="5484580" y="2814386"/>
              <a:ext cx="99470" cy="88519"/>
            </a:xfrm>
            <a:custGeom>
              <a:avLst/>
              <a:gdLst>
                <a:gd name="T0" fmla="*/ 45 w 46"/>
                <a:gd name="T1" fmla="*/ 0 h 41"/>
                <a:gd name="T2" fmla="*/ 41 w 46"/>
                <a:gd name="T3" fmla="*/ 8 h 41"/>
                <a:gd name="T4" fmla="*/ 26 w 46"/>
                <a:gd name="T5" fmla="*/ 24 h 41"/>
                <a:gd name="T6" fmla="*/ 8 w 46"/>
                <a:gd name="T7" fmla="*/ 36 h 41"/>
                <a:gd name="T8" fmla="*/ 0 w 46"/>
                <a:gd name="T9" fmla="*/ 41 h 41"/>
                <a:gd name="T10" fmla="*/ 7 w 46"/>
                <a:gd name="T11" fmla="*/ 35 h 41"/>
                <a:gd name="T12" fmla="*/ 24 w 46"/>
                <a:gd name="T13" fmla="*/ 22 h 41"/>
                <a:gd name="T14" fmla="*/ 40 w 46"/>
                <a:gd name="T15" fmla="*/ 7 h 41"/>
                <a:gd name="T16" fmla="*/ 45 w 46"/>
                <a:gd name="T17" fmla="*/ 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6" h="41">
                  <a:moveTo>
                    <a:pt x="45" y="0"/>
                  </a:moveTo>
                  <a:cubicBezTo>
                    <a:pt x="46" y="1"/>
                    <a:pt x="44" y="4"/>
                    <a:pt x="41" y="8"/>
                  </a:cubicBezTo>
                  <a:cubicBezTo>
                    <a:pt x="38" y="13"/>
                    <a:pt x="33" y="19"/>
                    <a:pt x="26" y="24"/>
                  </a:cubicBezTo>
                  <a:cubicBezTo>
                    <a:pt x="20" y="29"/>
                    <a:pt x="13" y="33"/>
                    <a:pt x="8" y="36"/>
                  </a:cubicBezTo>
                  <a:cubicBezTo>
                    <a:pt x="4" y="39"/>
                    <a:pt x="1" y="41"/>
                    <a:pt x="0" y="41"/>
                  </a:cubicBezTo>
                  <a:cubicBezTo>
                    <a:pt x="0" y="40"/>
                    <a:pt x="3" y="38"/>
                    <a:pt x="7" y="35"/>
                  </a:cubicBezTo>
                  <a:cubicBezTo>
                    <a:pt x="12" y="32"/>
                    <a:pt x="18" y="27"/>
                    <a:pt x="24" y="22"/>
                  </a:cubicBezTo>
                  <a:cubicBezTo>
                    <a:pt x="31" y="17"/>
                    <a:pt x="36" y="11"/>
                    <a:pt x="40" y="7"/>
                  </a:cubicBezTo>
                  <a:cubicBezTo>
                    <a:pt x="43" y="3"/>
                    <a:pt x="45" y="0"/>
                    <a:pt x="45"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0" name="î$ļiḍè">
              <a:extLst>
                <a:ext uri="{FF2B5EF4-FFF2-40B4-BE49-F238E27FC236}">
                  <a16:creationId xmlns:a16="http://schemas.microsoft.com/office/drawing/2014/main" xmlns="" id="{2FDD9805-BC86-4FA1-9F3B-18DE45E6C8A6}"/>
                </a:ext>
              </a:extLst>
            </p:cNvPr>
            <p:cNvSpPr/>
            <p:nvPr/>
          </p:nvSpPr>
          <p:spPr bwMode="auto">
            <a:xfrm>
              <a:off x="5586787" y="2367227"/>
              <a:ext cx="30115" cy="34677"/>
            </a:xfrm>
            <a:custGeom>
              <a:avLst/>
              <a:gdLst>
                <a:gd name="T0" fmla="*/ 13 w 14"/>
                <a:gd name="T1" fmla="*/ 1 h 16"/>
                <a:gd name="T2" fmla="*/ 9 w 14"/>
                <a:gd name="T3" fmla="*/ 9 h 16"/>
                <a:gd name="T4" fmla="*/ 1 w 14"/>
                <a:gd name="T5" fmla="*/ 15 h 16"/>
                <a:gd name="T6" fmla="*/ 7 w 14"/>
                <a:gd name="T7" fmla="*/ 7 h 16"/>
                <a:gd name="T8" fmla="*/ 13 w 14"/>
                <a:gd name="T9" fmla="*/ 1 h 16"/>
              </a:gdLst>
              <a:ahLst/>
              <a:cxnLst>
                <a:cxn ang="0">
                  <a:pos x="T0" y="T1"/>
                </a:cxn>
                <a:cxn ang="0">
                  <a:pos x="T2" y="T3"/>
                </a:cxn>
                <a:cxn ang="0">
                  <a:pos x="T4" y="T5"/>
                </a:cxn>
                <a:cxn ang="0">
                  <a:pos x="T6" y="T7"/>
                </a:cxn>
                <a:cxn ang="0">
                  <a:pos x="T8" y="T9"/>
                </a:cxn>
              </a:cxnLst>
              <a:rect l="0" t="0" r="r" b="b"/>
              <a:pathLst>
                <a:path w="14" h="16">
                  <a:moveTo>
                    <a:pt x="13" y="1"/>
                  </a:moveTo>
                  <a:cubicBezTo>
                    <a:pt x="14" y="1"/>
                    <a:pt x="12" y="5"/>
                    <a:pt x="9" y="9"/>
                  </a:cubicBezTo>
                  <a:cubicBezTo>
                    <a:pt x="5" y="13"/>
                    <a:pt x="1" y="16"/>
                    <a:pt x="1" y="15"/>
                  </a:cubicBezTo>
                  <a:cubicBezTo>
                    <a:pt x="0" y="15"/>
                    <a:pt x="3" y="11"/>
                    <a:pt x="7" y="7"/>
                  </a:cubicBezTo>
                  <a:cubicBezTo>
                    <a:pt x="10" y="4"/>
                    <a:pt x="12" y="0"/>
                    <a:pt x="13"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1" name="îṩḷíďé">
              <a:extLst>
                <a:ext uri="{FF2B5EF4-FFF2-40B4-BE49-F238E27FC236}">
                  <a16:creationId xmlns:a16="http://schemas.microsoft.com/office/drawing/2014/main" xmlns="" id="{292DFCDD-06DB-4CE7-A737-1DA1AEF1BC8E}"/>
                </a:ext>
              </a:extLst>
            </p:cNvPr>
            <p:cNvSpPr/>
            <p:nvPr/>
          </p:nvSpPr>
          <p:spPr bwMode="auto">
            <a:xfrm>
              <a:off x="5305717" y="2199316"/>
              <a:ext cx="178863" cy="237268"/>
            </a:xfrm>
            <a:custGeom>
              <a:avLst/>
              <a:gdLst>
                <a:gd name="T0" fmla="*/ 67 w 83"/>
                <a:gd name="T1" fmla="*/ 110 h 110"/>
                <a:gd name="T2" fmla="*/ 72 w 83"/>
                <a:gd name="T3" fmla="*/ 79 h 110"/>
                <a:gd name="T4" fmla="*/ 77 w 83"/>
                <a:gd name="T5" fmla="*/ 45 h 110"/>
                <a:gd name="T6" fmla="*/ 75 w 83"/>
                <a:gd name="T7" fmla="*/ 26 h 110"/>
                <a:gd name="T8" fmla="*/ 65 w 83"/>
                <a:gd name="T9" fmla="*/ 10 h 110"/>
                <a:gd name="T10" fmla="*/ 47 w 83"/>
                <a:gd name="T11" fmla="*/ 10 h 110"/>
                <a:gd name="T12" fmla="*/ 33 w 83"/>
                <a:gd name="T13" fmla="*/ 22 h 110"/>
                <a:gd name="T14" fmla="*/ 15 w 83"/>
                <a:gd name="T15" fmla="*/ 51 h 110"/>
                <a:gd name="T16" fmla="*/ 1 w 83"/>
                <a:gd name="T17" fmla="*/ 79 h 110"/>
                <a:gd name="T18" fmla="*/ 11 w 83"/>
                <a:gd name="T19" fmla="*/ 49 h 110"/>
                <a:gd name="T20" fmla="*/ 28 w 83"/>
                <a:gd name="T21" fmla="*/ 18 h 110"/>
                <a:gd name="T22" fmla="*/ 44 w 83"/>
                <a:gd name="T23" fmla="*/ 4 h 110"/>
                <a:gd name="T24" fmla="*/ 68 w 83"/>
                <a:gd name="T25" fmla="*/ 4 h 110"/>
                <a:gd name="T26" fmla="*/ 78 w 83"/>
                <a:gd name="T27" fmla="*/ 13 h 110"/>
                <a:gd name="T28" fmla="*/ 82 w 83"/>
                <a:gd name="T29" fmla="*/ 24 h 110"/>
                <a:gd name="T30" fmla="*/ 83 w 83"/>
                <a:gd name="T31" fmla="*/ 45 h 110"/>
                <a:gd name="T32" fmla="*/ 77 w 83"/>
                <a:gd name="T33" fmla="*/ 80 h 110"/>
                <a:gd name="T34" fmla="*/ 67 w 83"/>
                <a:gd name="T35" fmla="*/ 110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83" h="110">
                  <a:moveTo>
                    <a:pt x="67" y="110"/>
                  </a:moveTo>
                  <a:cubicBezTo>
                    <a:pt x="66" y="110"/>
                    <a:pt x="69" y="98"/>
                    <a:pt x="72" y="79"/>
                  </a:cubicBezTo>
                  <a:cubicBezTo>
                    <a:pt x="74" y="69"/>
                    <a:pt x="76" y="58"/>
                    <a:pt x="77" y="45"/>
                  </a:cubicBezTo>
                  <a:cubicBezTo>
                    <a:pt x="77" y="39"/>
                    <a:pt x="77" y="32"/>
                    <a:pt x="75" y="26"/>
                  </a:cubicBezTo>
                  <a:cubicBezTo>
                    <a:pt x="74" y="19"/>
                    <a:pt x="71" y="13"/>
                    <a:pt x="65" y="10"/>
                  </a:cubicBezTo>
                  <a:cubicBezTo>
                    <a:pt x="60" y="7"/>
                    <a:pt x="53" y="8"/>
                    <a:pt x="47" y="10"/>
                  </a:cubicBezTo>
                  <a:cubicBezTo>
                    <a:pt x="41" y="13"/>
                    <a:pt x="37" y="17"/>
                    <a:pt x="33" y="22"/>
                  </a:cubicBezTo>
                  <a:cubicBezTo>
                    <a:pt x="25" y="32"/>
                    <a:pt x="19" y="42"/>
                    <a:pt x="15" y="51"/>
                  </a:cubicBezTo>
                  <a:cubicBezTo>
                    <a:pt x="6" y="68"/>
                    <a:pt x="2" y="79"/>
                    <a:pt x="1" y="79"/>
                  </a:cubicBezTo>
                  <a:cubicBezTo>
                    <a:pt x="0" y="79"/>
                    <a:pt x="3" y="67"/>
                    <a:pt x="11" y="49"/>
                  </a:cubicBezTo>
                  <a:cubicBezTo>
                    <a:pt x="15" y="40"/>
                    <a:pt x="20" y="29"/>
                    <a:pt x="28" y="18"/>
                  </a:cubicBezTo>
                  <a:cubicBezTo>
                    <a:pt x="32" y="13"/>
                    <a:pt x="37" y="8"/>
                    <a:pt x="44" y="4"/>
                  </a:cubicBezTo>
                  <a:cubicBezTo>
                    <a:pt x="51" y="1"/>
                    <a:pt x="61" y="0"/>
                    <a:pt x="68" y="4"/>
                  </a:cubicBezTo>
                  <a:cubicBezTo>
                    <a:pt x="72" y="6"/>
                    <a:pt x="76" y="10"/>
                    <a:pt x="78" y="13"/>
                  </a:cubicBezTo>
                  <a:cubicBezTo>
                    <a:pt x="80" y="17"/>
                    <a:pt x="81" y="21"/>
                    <a:pt x="82" y="24"/>
                  </a:cubicBezTo>
                  <a:cubicBezTo>
                    <a:pt x="83" y="32"/>
                    <a:pt x="83" y="39"/>
                    <a:pt x="83" y="45"/>
                  </a:cubicBezTo>
                  <a:cubicBezTo>
                    <a:pt x="82" y="59"/>
                    <a:pt x="79" y="70"/>
                    <a:pt x="77" y="80"/>
                  </a:cubicBezTo>
                  <a:cubicBezTo>
                    <a:pt x="72" y="99"/>
                    <a:pt x="68" y="110"/>
                    <a:pt x="67" y="11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2" name="iśľiḓê">
              <a:extLst>
                <a:ext uri="{FF2B5EF4-FFF2-40B4-BE49-F238E27FC236}">
                  <a16:creationId xmlns:a16="http://schemas.microsoft.com/office/drawing/2014/main" xmlns="" id="{A118A3EE-6328-4EDF-8638-0FF5FE7EAA91}"/>
                </a:ext>
              </a:extLst>
            </p:cNvPr>
            <p:cNvSpPr/>
            <p:nvPr/>
          </p:nvSpPr>
          <p:spPr bwMode="auto">
            <a:xfrm>
              <a:off x="5487318" y="2400080"/>
              <a:ext cx="103120" cy="501000"/>
            </a:xfrm>
            <a:custGeom>
              <a:avLst/>
              <a:gdLst>
                <a:gd name="T0" fmla="*/ 47 w 48"/>
                <a:gd name="T1" fmla="*/ 0 h 232"/>
                <a:gd name="T2" fmla="*/ 41 w 48"/>
                <a:gd name="T3" fmla="*/ 34 h 232"/>
                <a:gd name="T4" fmla="*/ 27 w 48"/>
                <a:gd name="T5" fmla="*/ 117 h 232"/>
                <a:gd name="T6" fmla="*/ 10 w 48"/>
                <a:gd name="T7" fmla="*/ 199 h 232"/>
                <a:gd name="T8" fmla="*/ 4 w 48"/>
                <a:gd name="T9" fmla="*/ 224 h 232"/>
                <a:gd name="T10" fmla="*/ 1 w 48"/>
                <a:gd name="T11" fmla="*/ 230 h 232"/>
                <a:gd name="T12" fmla="*/ 0 w 48"/>
                <a:gd name="T13" fmla="*/ 232 h 232"/>
                <a:gd name="T14" fmla="*/ 0 w 48"/>
                <a:gd name="T15" fmla="*/ 230 h 232"/>
                <a:gd name="T16" fmla="*/ 1 w 48"/>
                <a:gd name="T17" fmla="*/ 223 h 232"/>
                <a:gd name="T18" fmla="*/ 6 w 48"/>
                <a:gd name="T19" fmla="*/ 198 h 232"/>
                <a:gd name="T20" fmla="*/ 20 w 48"/>
                <a:gd name="T21" fmla="*/ 116 h 232"/>
                <a:gd name="T22" fmla="*/ 37 w 48"/>
                <a:gd name="T23" fmla="*/ 33 h 232"/>
                <a:gd name="T24" fmla="*/ 47 w 48"/>
                <a:gd name="T25" fmla="*/ 0 h 2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8" h="232">
                  <a:moveTo>
                    <a:pt x="47" y="0"/>
                  </a:moveTo>
                  <a:cubicBezTo>
                    <a:pt x="48" y="0"/>
                    <a:pt x="45" y="13"/>
                    <a:pt x="41" y="34"/>
                  </a:cubicBezTo>
                  <a:cubicBezTo>
                    <a:pt x="38" y="55"/>
                    <a:pt x="32" y="85"/>
                    <a:pt x="27" y="117"/>
                  </a:cubicBezTo>
                  <a:cubicBezTo>
                    <a:pt x="21" y="149"/>
                    <a:pt x="15" y="178"/>
                    <a:pt x="10" y="199"/>
                  </a:cubicBezTo>
                  <a:cubicBezTo>
                    <a:pt x="8" y="210"/>
                    <a:pt x="6" y="218"/>
                    <a:pt x="4" y="224"/>
                  </a:cubicBezTo>
                  <a:cubicBezTo>
                    <a:pt x="3" y="227"/>
                    <a:pt x="2" y="229"/>
                    <a:pt x="1" y="230"/>
                  </a:cubicBezTo>
                  <a:cubicBezTo>
                    <a:pt x="1" y="232"/>
                    <a:pt x="0" y="232"/>
                    <a:pt x="0" y="232"/>
                  </a:cubicBezTo>
                  <a:cubicBezTo>
                    <a:pt x="0" y="232"/>
                    <a:pt x="0" y="231"/>
                    <a:pt x="0" y="230"/>
                  </a:cubicBezTo>
                  <a:cubicBezTo>
                    <a:pt x="0" y="228"/>
                    <a:pt x="1" y="226"/>
                    <a:pt x="1" y="223"/>
                  </a:cubicBezTo>
                  <a:cubicBezTo>
                    <a:pt x="3" y="217"/>
                    <a:pt x="4" y="209"/>
                    <a:pt x="6" y="198"/>
                  </a:cubicBezTo>
                  <a:cubicBezTo>
                    <a:pt x="9" y="177"/>
                    <a:pt x="14" y="148"/>
                    <a:pt x="20" y="116"/>
                  </a:cubicBezTo>
                  <a:cubicBezTo>
                    <a:pt x="26" y="83"/>
                    <a:pt x="32" y="54"/>
                    <a:pt x="37" y="33"/>
                  </a:cubicBezTo>
                  <a:cubicBezTo>
                    <a:pt x="42" y="12"/>
                    <a:pt x="46" y="0"/>
                    <a:pt x="47"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3" name="íśḻïḋe">
              <a:extLst>
                <a:ext uri="{FF2B5EF4-FFF2-40B4-BE49-F238E27FC236}">
                  <a16:creationId xmlns:a16="http://schemas.microsoft.com/office/drawing/2014/main" xmlns="" id="{5BB99CA5-C9AA-4B51-9FF5-1D0C1416071A}"/>
                </a:ext>
              </a:extLst>
            </p:cNvPr>
            <p:cNvSpPr/>
            <p:nvPr/>
          </p:nvSpPr>
          <p:spPr bwMode="auto">
            <a:xfrm>
              <a:off x="5575837" y="2367227"/>
              <a:ext cx="47453" cy="456283"/>
            </a:xfrm>
            <a:custGeom>
              <a:avLst/>
              <a:gdLst>
                <a:gd name="T0" fmla="*/ 1 w 22"/>
                <a:gd name="T1" fmla="*/ 211 h 211"/>
                <a:gd name="T2" fmla="*/ 3 w 22"/>
                <a:gd name="T3" fmla="*/ 180 h 211"/>
                <a:gd name="T4" fmla="*/ 11 w 22"/>
                <a:gd name="T5" fmla="*/ 106 h 211"/>
                <a:gd name="T6" fmla="*/ 17 w 22"/>
                <a:gd name="T7" fmla="*/ 31 h 211"/>
                <a:gd name="T8" fmla="*/ 18 w 22"/>
                <a:gd name="T9" fmla="*/ 19 h 211"/>
                <a:gd name="T10" fmla="*/ 18 w 22"/>
                <a:gd name="T11" fmla="*/ 9 h 211"/>
                <a:gd name="T12" fmla="*/ 18 w 22"/>
                <a:gd name="T13" fmla="*/ 3 h 211"/>
                <a:gd name="T14" fmla="*/ 18 w 22"/>
                <a:gd name="T15" fmla="*/ 1 h 211"/>
                <a:gd name="T16" fmla="*/ 19 w 22"/>
                <a:gd name="T17" fmla="*/ 3 h 211"/>
                <a:gd name="T18" fmla="*/ 21 w 22"/>
                <a:gd name="T19" fmla="*/ 9 h 211"/>
                <a:gd name="T20" fmla="*/ 21 w 22"/>
                <a:gd name="T21" fmla="*/ 19 h 211"/>
                <a:gd name="T22" fmla="*/ 22 w 22"/>
                <a:gd name="T23" fmla="*/ 31 h 211"/>
                <a:gd name="T24" fmla="*/ 17 w 22"/>
                <a:gd name="T25" fmla="*/ 106 h 211"/>
                <a:gd name="T26" fmla="*/ 8 w 22"/>
                <a:gd name="T27" fmla="*/ 181 h 211"/>
                <a:gd name="T28" fmla="*/ 1 w 22"/>
                <a:gd name="T29" fmla="*/ 211 h 2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 h="211">
                  <a:moveTo>
                    <a:pt x="1" y="211"/>
                  </a:moveTo>
                  <a:cubicBezTo>
                    <a:pt x="0" y="211"/>
                    <a:pt x="1" y="199"/>
                    <a:pt x="3" y="180"/>
                  </a:cubicBezTo>
                  <a:cubicBezTo>
                    <a:pt x="5" y="161"/>
                    <a:pt x="8" y="135"/>
                    <a:pt x="11" y="106"/>
                  </a:cubicBezTo>
                  <a:cubicBezTo>
                    <a:pt x="13" y="77"/>
                    <a:pt x="16" y="50"/>
                    <a:pt x="17" y="31"/>
                  </a:cubicBezTo>
                  <a:cubicBezTo>
                    <a:pt x="17" y="27"/>
                    <a:pt x="18" y="22"/>
                    <a:pt x="18" y="19"/>
                  </a:cubicBezTo>
                  <a:cubicBezTo>
                    <a:pt x="18" y="15"/>
                    <a:pt x="18" y="12"/>
                    <a:pt x="18" y="9"/>
                  </a:cubicBezTo>
                  <a:cubicBezTo>
                    <a:pt x="18" y="6"/>
                    <a:pt x="18" y="4"/>
                    <a:pt x="18" y="3"/>
                  </a:cubicBezTo>
                  <a:cubicBezTo>
                    <a:pt x="18" y="1"/>
                    <a:pt x="18" y="1"/>
                    <a:pt x="18" y="1"/>
                  </a:cubicBezTo>
                  <a:cubicBezTo>
                    <a:pt x="18" y="0"/>
                    <a:pt x="19" y="1"/>
                    <a:pt x="19" y="3"/>
                  </a:cubicBezTo>
                  <a:cubicBezTo>
                    <a:pt x="20" y="4"/>
                    <a:pt x="20" y="6"/>
                    <a:pt x="21" y="9"/>
                  </a:cubicBezTo>
                  <a:cubicBezTo>
                    <a:pt x="21" y="11"/>
                    <a:pt x="21" y="15"/>
                    <a:pt x="21" y="19"/>
                  </a:cubicBezTo>
                  <a:cubicBezTo>
                    <a:pt x="22" y="22"/>
                    <a:pt x="22" y="27"/>
                    <a:pt x="22" y="31"/>
                  </a:cubicBezTo>
                  <a:cubicBezTo>
                    <a:pt x="22" y="51"/>
                    <a:pt x="20" y="77"/>
                    <a:pt x="17" y="106"/>
                  </a:cubicBezTo>
                  <a:cubicBezTo>
                    <a:pt x="15" y="135"/>
                    <a:pt x="11" y="162"/>
                    <a:pt x="8" y="181"/>
                  </a:cubicBezTo>
                  <a:cubicBezTo>
                    <a:pt x="5" y="199"/>
                    <a:pt x="2" y="211"/>
                    <a:pt x="1" y="21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4" name="íṣḻîďé">
              <a:extLst>
                <a:ext uri="{FF2B5EF4-FFF2-40B4-BE49-F238E27FC236}">
                  <a16:creationId xmlns:a16="http://schemas.microsoft.com/office/drawing/2014/main" xmlns="" id="{26784803-54FE-4E8C-A616-037496E3407E}"/>
                </a:ext>
              </a:extLst>
            </p:cNvPr>
            <p:cNvSpPr/>
            <p:nvPr/>
          </p:nvSpPr>
          <p:spPr bwMode="auto">
            <a:xfrm>
              <a:off x="6549546" y="2514152"/>
              <a:ext cx="477273" cy="438945"/>
            </a:xfrm>
            <a:custGeom>
              <a:avLst/>
              <a:gdLst>
                <a:gd name="T0" fmla="*/ 172 w 221"/>
                <a:gd name="T1" fmla="*/ 177 h 203"/>
                <a:gd name="T2" fmla="*/ 198 w 221"/>
                <a:gd name="T3" fmla="*/ 129 h 203"/>
                <a:gd name="T4" fmla="*/ 214 w 221"/>
                <a:gd name="T5" fmla="*/ 97 h 203"/>
                <a:gd name="T6" fmla="*/ 214 w 221"/>
                <a:gd name="T7" fmla="*/ 97 h 203"/>
                <a:gd name="T8" fmla="*/ 215 w 221"/>
                <a:gd name="T9" fmla="*/ 96 h 203"/>
                <a:gd name="T10" fmla="*/ 219 w 221"/>
                <a:gd name="T11" fmla="*/ 87 h 203"/>
                <a:gd name="T12" fmla="*/ 221 w 221"/>
                <a:gd name="T13" fmla="*/ 84 h 203"/>
                <a:gd name="T14" fmla="*/ 221 w 221"/>
                <a:gd name="T15" fmla="*/ 84 h 203"/>
                <a:gd name="T16" fmla="*/ 211 w 221"/>
                <a:gd name="T17" fmla="*/ 77 h 203"/>
                <a:gd name="T18" fmla="*/ 182 w 221"/>
                <a:gd name="T19" fmla="*/ 58 h 203"/>
                <a:gd name="T20" fmla="*/ 139 w 221"/>
                <a:gd name="T21" fmla="*/ 32 h 203"/>
                <a:gd name="T22" fmla="*/ 113 w 221"/>
                <a:gd name="T23" fmla="*/ 17 h 203"/>
                <a:gd name="T24" fmla="*/ 84 w 221"/>
                <a:gd name="T25" fmla="*/ 2 h 203"/>
                <a:gd name="T26" fmla="*/ 71 w 221"/>
                <a:gd name="T27" fmla="*/ 1 h 203"/>
                <a:gd name="T28" fmla="*/ 60 w 221"/>
                <a:gd name="T29" fmla="*/ 8 h 203"/>
                <a:gd name="T30" fmla="*/ 48 w 221"/>
                <a:gd name="T31" fmla="*/ 26 h 203"/>
                <a:gd name="T32" fmla="*/ 45 w 221"/>
                <a:gd name="T33" fmla="*/ 30 h 203"/>
                <a:gd name="T34" fmla="*/ 42 w 221"/>
                <a:gd name="T35" fmla="*/ 35 h 203"/>
                <a:gd name="T36" fmla="*/ 37 w 221"/>
                <a:gd name="T37" fmla="*/ 44 h 203"/>
                <a:gd name="T38" fmla="*/ 28 w 221"/>
                <a:gd name="T39" fmla="*/ 60 h 203"/>
                <a:gd name="T40" fmla="*/ 1 w 221"/>
                <a:gd name="T41" fmla="*/ 111 h 203"/>
                <a:gd name="T42" fmla="*/ 3 w 221"/>
                <a:gd name="T43" fmla="*/ 116 h 203"/>
                <a:gd name="T44" fmla="*/ 6 w 221"/>
                <a:gd name="T45" fmla="*/ 118 h 203"/>
                <a:gd name="T46" fmla="*/ 11 w 221"/>
                <a:gd name="T47" fmla="*/ 120 h 203"/>
                <a:gd name="T48" fmla="*/ 15 w 221"/>
                <a:gd name="T49" fmla="*/ 121 h 203"/>
                <a:gd name="T50" fmla="*/ 16 w 221"/>
                <a:gd name="T51" fmla="*/ 121 h 203"/>
                <a:gd name="T52" fmla="*/ 15 w 221"/>
                <a:gd name="T53" fmla="*/ 121 h 203"/>
                <a:gd name="T54" fmla="*/ 17 w 221"/>
                <a:gd name="T55" fmla="*/ 118 h 203"/>
                <a:gd name="T56" fmla="*/ 19 w 221"/>
                <a:gd name="T57" fmla="*/ 116 h 203"/>
                <a:gd name="T58" fmla="*/ 21 w 221"/>
                <a:gd name="T59" fmla="*/ 113 h 203"/>
                <a:gd name="T60" fmla="*/ 42 w 221"/>
                <a:gd name="T61" fmla="*/ 100 h 203"/>
                <a:gd name="T62" fmla="*/ 59 w 221"/>
                <a:gd name="T63" fmla="*/ 101 h 203"/>
                <a:gd name="T64" fmla="*/ 68 w 221"/>
                <a:gd name="T65" fmla="*/ 105 h 203"/>
                <a:gd name="T66" fmla="*/ 76 w 221"/>
                <a:gd name="T67" fmla="*/ 112 h 203"/>
                <a:gd name="T68" fmla="*/ 85 w 221"/>
                <a:gd name="T69" fmla="*/ 132 h 203"/>
                <a:gd name="T70" fmla="*/ 80 w 221"/>
                <a:gd name="T71" fmla="*/ 156 h 203"/>
                <a:gd name="T72" fmla="*/ 80 w 221"/>
                <a:gd name="T73" fmla="*/ 157 h 203"/>
                <a:gd name="T74" fmla="*/ 80 w 221"/>
                <a:gd name="T75" fmla="*/ 158 h 203"/>
                <a:gd name="T76" fmla="*/ 81 w 221"/>
                <a:gd name="T77" fmla="*/ 160 h 203"/>
                <a:gd name="T78" fmla="*/ 83 w 221"/>
                <a:gd name="T79" fmla="*/ 162 h 203"/>
                <a:gd name="T80" fmla="*/ 88 w 221"/>
                <a:gd name="T81" fmla="*/ 166 h 203"/>
                <a:gd name="T82" fmla="*/ 98 w 221"/>
                <a:gd name="T83" fmla="*/ 173 h 203"/>
                <a:gd name="T84" fmla="*/ 119 w 221"/>
                <a:gd name="T85" fmla="*/ 187 h 203"/>
                <a:gd name="T86" fmla="*/ 135 w 221"/>
                <a:gd name="T87" fmla="*/ 195 h 203"/>
                <a:gd name="T88" fmla="*/ 142 w 221"/>
                <a:gd name="T89" fmla="*/ 199 h 203"/>
                <a:gd name="T90" fmla="*/ 148 w 221"/>
                <a:gd name="T91" fmla="*/ 202 h 203"/>
                <a:gd name="T92" fmla="*/ 148 w 221"/>
                <a:gd name="T93" fmla="*/ 202 h 203"/>
                <a:gd name="T94" fmla="*/ 151 w 221"/>
                <a:gd name="T95" fmla="*/ 203 h 203"/>
                <a:gd name="T96" fmla="*/ 152 w 221"/>
                <a:gd name="T97" fmla="*/ 203 h 203"/>
                <a:gd name="T98" fmla="*/ 156 w 221"/>
                <a:gd name="T99" fmla="*/ 201 h 203"/>
                <a:gd name="T100" fmla="*/ 157 w 221"/>
                <a:gd name="T101" fmla="*/ 199 h 203"/>
                <a:gd name="T102" fmla="*/ 159 w 221"/>
                <a:gd name="T103" fmla="*/ 198 h 203"/>
                <a:gd name="T104" fmla="*/ 163 w 221"/>
                <a:gd name="T105" fmla="*/ 191 h 203"/>
                <a:gd name="T106" fmla="*/ 172 w 221"/>
                <a:gd name="T107" fmla="*/ 177 h 2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21" h="203">
                  <a:moveTo>
                    <a:pt x="172" y="177"/>
                  </a:moveTo>
                  <a:cubicBezTo>
                    <a:pt x="182" y="159"/>
                    <a:pt x="191" y="143"/>
                    <a:pt x="198" y="129"/>
                  </a:cubicBezTo>
                  <a:cubicBezTo>
                    <a:pt x="205" y="116"/>
                    <a:pt x="210" y="105"/>
                    <a:pt x="214" y="97"/>
                  </a:cubicBezTo>
                  <a:cubicBezTo>
                    <a:pt x="214" y="97"/>
                    <a:pt x="214" y="97"/>
                    <a:pt x="214" y="97"/>
                  </a:cubicBezTo>
                  <a:cubicBezTo>
                    <a:pt x="215" y="96"/>
                    <a:pt x="215" y="96"/>
                    <a:pt x="215" y="96"/>
                  </a:cubicBezTo>
                  <a:cubicBezTo>
                    <a:pt x="217" y="92"/>
                    <a:pt x="218" y="89"/>
                    <a:pt x="219" y="87"/>
                  </a:cubicBezTo>
                  <a:cubicBezTo>
                    <a:pt x="220" y="85"/>
                    <a:pt x="220" y="84"/>
                    <a:pt x="221" y="84"/>
                  </a:cubicBezTo>
                  <a:cubicBezTo>
                    <a:pt x="221" y="84"/>
                    <a:pt x="221" y="84"/>
                    <a:pt x="221" y="84"/>
                  </a:cubicBezTo>
                  <a:cubicBezTo>
                    <a:pt x="221" y="84"/>
                    <a:pt x="218" y="81"/>
                    <a:pt x="211" y="77"/>
                  </a:cubicBezTo>
                  <a:cubicBezTo>
                    <a:pt x="204" y="72"/>
                    <a:pt x="194" y="66"/>
                    <a:pt x="182" y="58"/>
                  </a:cubicBezTo>
                  <a:cubicBezTo>
                    <a:pt x="170" y="51"/>
                    <a:pt x="155" y="42"/>
                    <a:pt x="139" y="32"/>
                  </a:cubicBezTo>
                  <a:cubicBezTo>
                    <a:pt x="131" y="27"/>
                    <a:pt x="122" y="22"/>
                    <a:pt x="113" y="17"/>
                  </a:cubicBezTo>
                  <a:cubicBezTo>
                    <a:pt x="104" y="11"/>
                    <a:pt x="95" y="5"/>
                    <a:pt x="84" y="2"/>
                  </a:cubicBezTo>
                  <a:cubicBezTo>
                    <a:pt x="80" y="1"/>
                    <a:pt x="76" y="0"/>
                    <a:pt x="71" y="1"/>
                  </a:cubicBezTo>
                  <a:cubicBezTo>
                    <a:pt x="67" y="2"/>
                    <a:pt x="63" y="5"/>
                    <a:pt x="60" y="8"/>
                  </a:cubicBezTo>
                  <a:cubicBezTo>
                    <a:pt x="56" y="14"/>
                    <a:pt x="52" y="20"/>
                    <a:pt x="48" y="26"/>
                  </a:cubicBezTo>
                  <a:cubicBezTo>
                    <a:pt x="47" y="27"/>
                    <a:pt x="46" y="29"/>
                    <a:pt x="45" y="30"/>
                  </a:cubicBezTo>
                  <a:cubicBezTo>
                    <a:pt x="44" y="32"/>
                    <a:pt x="43" y="33"/>
                    <a:pt x="42" y="35"/>
                  </a:cubicBezTo>
                  <a:cubicBezTo>
                    <a:pt x="37" y="44"/>
                    <a:pt x="37" y="44"/>
                    <a:pt x="37" y="44"/>
                  </a:cubicBezTo>
                  <a:cubicBezTo>
                    <a:pt x="34" y="49"/>
                    <a:pt x="31" y="55"/>
                    <a:pt x="28" y="60"/>
                  </a:cubicBezTo>
                  <a:cubicBezTo>
                    <a:pt x="16" y="81"/>
                    <a:pt x="5" y="98"/>
                    <a:pt x="1" y="111"/>
                  </a:cubicBezTo>
                  <a:cubicBezTo>
                    <a:pt x="0" y="113"/>
                    <a:pt x="2" y="115"/>
                    <a:pt x="3" y="116"/>
                  </a:cubicBezTo>
                  <a:cubicBezTo>
                    <a:pt x="4" y="116"/>
                    <a:pt x="5" y="117"/>
                    <a:pt x="6" y="118"/>
                  </a:cubicBezTo>
                  <a:cubicBezTo>
                    <a:pt x="8" y="119"/>
                    <a:pt x="10" y="119"/>
                    <a:pt x="11" y="120"/>
                  </a:cubicBezTo>
                  <a:cubicBezTo>
                    <a:pt x="14" y="121"/>
                    <a:pt x="15" y="121"/>
                    <a:pt x="15" y="121"/>
                  </a:cubicBezTo>
                  <a:cubicBezTo>
                    <a:pt x="15" y="121"/>
                    <a:pt x="15" y="121"/>
                    <a:pt x="16" y="121"/>
                  </a:cubicBezTo>
                  <a:cubicBezTo>
                    <a:pt x="16" y="121"/>
                    <a:pt x="15" y="121"/>
                    <a:pt x="15" y="121"/>
                  </a:cubicBezTo>
                  <a:cubicBezTo>
                    <a:pt x="16" y="120"/>
                    <a:pt x="17" y="119"/>
                    <a:pt x="17" y="118"/>
                  </a:cubicBezTo>
                  <a:cubicBezTo>
                    <a:pt x="17" y="118"/>
                    <a:pt x="18" y="117"/>
                    <a:pt x="19" y="116"/>
                  </a:cubicBezTo>
                  <a:cubicBezTo>
                    <a:pt x="19" y="115"/>
                    <a:pt x="20" y="114"/>
                    <a:pt x="21" y="113"/>
                  </a:cubicBezTo>
                  <a:cubicBezTo>
                    <a:pt x="25" y="108"/>
                    <a:pt x="32" y="102"/>
                    <a:pt x="42" y="100"/>
                  </a:cubicBezTo>
                  <a:cubicBezTo>
                    <a:pt x="47" y="99"/>
                    <a:pt x="53" y="99"/>
                    <a:pt x="59" y="101"/>
                  </a:cubicBezTo>
                  <a:cubicBezTo>
                    <a:pt x="62" y="101"/>
                    <a:pt x="65" y="103"/>
                    <a:pt x="68" y="105"/>
                  </a:cubicBezTo>
                  <a:cubicBezTo>
                    <a:pt x="71" y="107"/>
                    <a:pt x="74" y="109"/>
                    <a:pt x="76" y="112"/>
                  </a:cubicBezTo>
                  <a:cubicBezTo>
                    <a:pt x="81" y="117"/>
                    <a:pt x="85" y="124"/>
                    <a:pt x="85" y="132"/>
                  </a:cubicBezTo>
                  <a:cubicBezTo>
                    <a:pt x="86" y="140"/>
                    <a:pt x="85" y="148"/>
                    <a:pt x="80" y="156"/>
                  </a:cubicBezTo>
                  <a:cubicBezTo>
                    <a:pt x="80" y="156"/>
                    <a:pt x="80" y="157"/>
                    <a:pt x="80" y="157"/>
                  </a:cubicBezTo>
                  <a:cubicBezTo>
                    <a:pt x="80" y="157"/>
                    <a:pt x="80" y="158"/>
                    <a:pt x="80" y="158"/>
                  </a:cubicBezTo>
                  <a:cubicBezTo>
                    <a:pt x="80" y="159"/>
                    <a:pt x="80" y="160"/>
                    <a:pt x="81" y="160"/>
                  </a:cubicBezTo>
                  <a:cubicBezTo>
                    <a:pt x="81" y="161"/>
                    <a:pt x="82" y="162"/>
                    <a:pt x="83" y="162"/>
                  </a:cubicBezTo>
                  <a:cubicBezTo>
                    <a:pt x="84" y="164"/>
                    <a:pt x="86" y="165"/>
                    <a:pt x="88" y="166"/>
                  </a:cubicBezTo>
                  <a:cubicBezTo>
                    <a:pt x="91" y="169"/>
                    <a:pt x="94" y="171"/>
                    <a:pt x="98" y="173"/>
                  </a:cubicBezTo>
                  <a:cubicBezTo>
                    <a:pt x="104" y="178"/>
                    <a:pt x="112" y="183"/>
                    <a:pt x="119" y="187"/>
                  </a:cubicBezTo>
                  <a:cubicBezTo>
                    <a:pt x="124" y="190"/>
                    <a:pt x="129" y="193"/>
                    <a:pt x="135" y="195"/>
                  </a:cubicBezTo>
                  <a:cubicBezTo>
                    <a:pt x="137" y="197"/>
                    <a:pt x="140" y="198"/>
                    <a:pt x="142" y="199"/>
                  </a:cubicBezTo>
                  <a:cubicBezTo>
                    <a:pt x="144" y="200"/>
                    <a:pt x="146" y="201"/>
                    <a:pt x="148" y="202"/>
                  </a:cubicBezTo>
                  <a:cubicBezTo>
                    <a:pt x="148" y="202"/>
                    <a:pt x="148" y="202"/>
                    <a:pt x="148" y="202"/>
                  </a:cubicBezTo>
                  <a:cubicBezTo>
                    <a:pt x="149" y="202"/>
                    <a:pt x="150" y="203"/>
                    <a:pt x="151" y="203"/>
                  </a:cubicBezTo>
                  <a:cubicBezTo>
                    <a:pt x="151" y="203"/>
                    <a:pt x="152" y="203"/>
                    <a:pt x="152" y="203"/>
                  </a:cubicBezTo>
                  <a:cubicBezTo>
                    <a:pt x="153" y="203"/>
                    <a:pt x="155" y="202"/>
                    <a:pt x="156" y="201"/>
                  </a:cubicBezTo>
                  <a:cubicBezTo>
                    <a:pt x="156" y="200"/>
                    <a:pt x="157" y="200"/>
                    <a:pt x="157" y="199"/>
                  </a:cubicBezTo>
                  <a:cubicBezTo>
                    <a:pt x="158" y="199"/>
                    <a:pt x="158" y="198"/>
                    <a:pt x="159" y="198"/>
                  </a:cubicBezTo>
                  <a:cubicBezTo>
                    <a:pt x="161" y="195"/>
                    <a:pt x="162" y="193"/>
                    <a:pt x="163" y="191"/>
                  </a:cubicBezTo>
                  <a:cubicBezTo>
                    <a:pt x="166" y="186"/>
                    <a:pt x="169" y="182"/>
                    <a:pt x="172" y="177"/>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5" name="ïŝliḓe">
              <a:extLst>
                <a:ext uri="{FF2B5EF4-FFF2-40B4-BE49-F238E27FC236}">
                  <a16:creationId xmlns:a16="http://schemas.microsoft.com/office/drawing/2014/main" xmlns="" id="{B76451AF-012E-489B-AE01-CC9BE491EF9E}"/>
                </a:ext>
              </a:extLst>
            </p:cNvPr>
            <p:cNvSpPr/>
            <p:nvPr/>
          </p:nvSpPr>
          <p:spPr bwMode="auto">
            <a:xfrm>
              <a:off x="6862556" y="2724042"/>
              <a:ext cx="309361" cy="365027"/>
            </a:xfrm>
            <a:custGeom>
              <a:avLst/>
              <a:gdLst>
                <a:gd name="T0" fmla="*/ 133 w 143"/>
                <a:gd name="T1" fmla="*/ 128 h 169"/>
                <a:gd name="T2" fmla="*/ 143 w 143"/>
                <a:gd name="T3" fmla="*/ 68 h 169"/>
                <a:gd name="T4" fmla="*/ 134 w 143"/>
                <a:gd name="T5" fmla="*/ 37 h 169"/>
                <a:gd name="T6" fmla="*/ 97 w 143"/>
                <a:gd name="T7" fmla="*/ 14 h 169"/>
                <a:gd name="T8" fmla="*/ 69 w 143"/>
                <a:gd name="T9" fmla="*/ 0 h 169"/>
                <a:gd name="T10" fmla="*/ 69 w 143"/>
                <a:gd name="T11" fmla="*/ 0 h 169"/>
                <a:gd name="T12" fmla="*/ 27 w 143"/>
                <a:gd name="T13" fmla="*/ 80 h 169"/>
                <a:gd name="T14" fmla="*/ 14 w 143"/>
                <a:gd name="T15" fmla="*/ 101 h 169"/>
                <a:gd name="T16" fmla="*/ 11 w 143"/>
                <a:gd name="T17" fmla="*/ 104 h 169"/>
                <a:gd name="T18" fmla="*/ 0 w 143"/>
                <a:gd name="T19" fmla="*/ 103 h 169"/>
                <a:gd name="T20" fmla="*/ 3 w 143"/>
                <a:gd name="T21" fmla="*/ 105 h 169"/>
                <a:gd name="T22" fmla="*/ 25 w 143"/>
                <a:gd name="T23" fmla="*/ 118 h 169"/>
                <a:gd name="T24" fmla="*/ 32 w 143"/>
                <a:gd name="T25" fmla="*/ 121 h 169"/>
                <a:gd name="T26" fmla="*/ 36 w 143"/>
                <a:gd name="T27" fmla="*/ 118 h 169"/>
                <a:gd name="T28" fmla="*/ 50 w 143"/>
                <a:gd name="T29" fmla="*/ 103 h 169"/>
                <a:gd name="T30" fmla="*/ 85 w 143"/>
                <a:gd name="T31" fmla="*/ 107 h 169"/>
                <a:gd name="T32" fmla="*/ 97 w 143"/>
                <a:gd name="T33" fmla="*/ 116 h 169"/>
                <a:gd name="T34" fmla="*/ 104 w 143"/>
                <a:gd name="T35" fmla="*/ 137 h 169"/>
                <a:gd name="T36" fmla="*/ 96 w 143"/>
                <a:gd name="T37" fmla="*/ 159 h 169"/>
                <a:gd name="T38" fmla="*/ 96 w 143"/>
                <a:gd name="T39" fmla="*/ 162 h 169"/>
                <a:gd name="T40" fmla="*/ 101 w 143"/>
                <a:gd name="T41" fmla="*/ 165 h 169"/>
                <a:gd name="T42" fmla="*/ 110 w 143"/>
                <a:gd name="T43" fmla="*/ 168 h 169"/>
                <a:gd name="T44" fmla="*/ 111 w 143"/>
                <a:gd name="T45" fmla="*/ 168 h 169"/>
                <a:gd name="T46" fmla="*/ 112 w 143"/>
                <a:gd name="T47" fmla="*/ 167 h 169"/>
                <a:gd name="T48" fmla="*/ 113 w 143"/>
                <a:gd name="T49" fmla="*/ 166 h 169"/>
                <a:gd name="T50" fmla="*/ 128 w 143"/>
                <a:gd name="T51" fmla="*/ 143 h 169"/>
                <a:gd name="T52" fmla="*/ 109 w 143"/>
                <a:gd name="T53" fmla="*/ 99 h 169"/>
                <a:gd name="T54" fmla="*/ 109 w 143"/>
                <a:gd name="T55" fmla="*/ 99 h 169"/>
                <a:gd name="T56" fmla="*/ 107 w 143"/>
                <a:gd name="T57" fmla="*/ 98 h 169"/>
                <a:gd name="T58" fmla="*/ 72 w 143"/>
                <a:gd name="T59" fmla="*/ 79 h 169"/>
                <a:gd name="T60" fmla="*/ 64 w 143"/>
                <a:gd name="T61" fmla="*/ 61 h 169"/>
                <a:gd name="T62" fmla="*/ 77 w 143"/>
                <a:gd name="T63" fmla="*/ 40 h 169"/>
                <a:gd name="T64" fmla="*/ 81 w 143"/>
                <a:gd name="T65" fmla="*/ 34 h 169"/>
                <a:gd name="T66" fmla="*/ 89 w 143"/>
                <a:gd name="T67" fmla="*/ 38 h 169"/>
                <a:gd name="T68" fmla="*/ 121 w 143"/>
                <a:gd name="T69" fmla="*/ 60 h 169"/>
                <a:gd name="T70" fmla="*/ 123 w 143"/>
                <a:gd name="T71" fmla="*/ 68 h 169"/>
                <a:gd name="T72" fmla="*/ 113 w 143"/>
                <a:gd name="T73" fmla="*/ 94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43" h="169">
                  <a:moveTo>
                    <a:pt x="128" y="143"/>
                  </a:moveTo>
                  <a:cubicBezTo>
                    <a:pt x="130" y="138"/>
                    <a:pt x="131" y="133"/>
                    <a:pt x="133" y="128"/>
                  </a:cubicBezTo>
                  <a:cubicBezTo>
                    <a:pt x="134" y="122"/>
                    <a:pt x="136" y="116"/>
                    <a:pt x="137" y="110"/>
                  </a:cubicBezTo>
                  <a:cubicBezTo>
                    <a:pt x="140" y="97"/>
                    <a:pt x="142" y="83"/>
                    <a:pt x="143" y="68"/>
                  </a:cubicBezTo>
                  <a:cubicBezTo>
                    <a:pt x="143" y="61"/>
                    <a:pt x="143" y="54"/>
                    <a:pt x="140" y="47"/>
                  </a:cubicBezTo>
                  <a:cubicBezTo>
                    <a:pt x="139" y="43"/>
                    <a:pt x="137" y="40"/>
                    <a:pt x="134" y="37"/>
                  </a:cubicBezTo>
                  <a:cubicBezTo>
                    <a:pt x="132" y="35"/>
                    <a:pt x="129" y="33"/>
                    <a:pt x="126" y="31"/>
                  </a:cubicBezTo>
                  <a:cubicBezTo>
                    <a:pt x="116" y="24"/>
                    <a:pt x="105" y="19"/>
                    <a:pt x="97" y="14"/>
                  </a:cubicBezTo>
                  <a:cubicBezTo>
                    <a:pt x="88" y="10"/>
                    <a:pt x="81" y="6"/>
                    <a:pt x="77" y="4"/>
                  </a:cubicBezTo>
                  <a:cubicBezTo>
                    <a:pt x="73" y="1"/>
                    <a:pt x="70" y="0"/>
                    <a:pt x="69" y="0"/>
                  </a:cubicBezTo>
                  <a:cubicBezTo>
                    <a:pt x="69" y="0"/>
                    <a:pt x="69" y="0"/>
                    <a:pt x="69" y="0"/>
                  </a:cubicBezTo>
                  <a:cubicBezTo>
                    <a:pt x="69" y="0"/>
                    <a:pt x="69" y="0"/>
                    <a:pt x="69" y="0"/>
                  </a:cubicBezTo>
                  <a:cubicBezTo>
                    <a:pt x="65" y="8"/>
                    <a:pt x="60" y="19"/>
                    <a:pt x="53" y="32"/>
                  </a:cubicBezTo>
                  <a:cubicBezTo>
                    <a:pt x="46" y="46"/>
                    <a:pt x="37" y="62"/>
                    <a:pt x="27" y="80"/>
                  </a:cubicBezTo>
                  <a:cubicBezTo>
                    <a:pt x="24" y="85"/>
                    <a:pt x="21" y="89"/>
                    <a:pt x="18" y="94"/>
                  </a:cubicBezTo>
                  <a:cubicBezTo>
                    <a:pt x="17" y="96"/>
                    <a:pt x="16" y="98"/>
                    <a:pt x="14" y="101"/>
                  </a:cubicBezTo>
                  <a:cubicBezTo>
                    <a:pt x="13" y="101"/>
                    <a:pt x="13" y="102"/>
                    <a:pt x="12" y="102"/>
                  </a:cubicBezTo>
                  <a:cubicBezTo>
                    <a:pt x="12" y="103"/>
                    <a:pt x="11" y="103"/>
                    <a:pt x="11" y="104"/>
                  </a:cubicBezTo>
                  <a:cubicBezTo>
                    <a:pt x="10" y="105"/>
                    <a:pt x="8" y="106"/>
                    <a:pt x="7" y="106"/>
                  </a:cubicBezTo>
                  <a:cubicBezTo>
                    <a:pt x="3" y="104"/>
                    <a:pt x="0" y="103"/>
                    <a:pt x="0" y="103"/>
                  </a:cubicBezTo>
                  <a:cubicBezTo>
                    <a:pt x="0" y="103"/>
                    <a:pt x="1" y="104"/>
                    <a:pt x="3" y="105"/>
                  </a:cubicBezTo>
                  <a:cubicBezTo>
                    <a:pt x="3" y="105"/>
                    <a:pt x="3" y="105"/>
                    <a:pt x="3" y="105"/>
                  </a:cubicBezTo>
                  <a:cubicBezTo>
                    <a:pt x="4" y="106"/>
                    <a:pt x="5" y="106"/>
                    <a:pt x="7" y="107"/>
                  </a:cubicBezTo>
                  <a:cubicBezTo>
                    <a:pt x="11" y="109"/>
                    <a:pt x="17" y="114"/>
                    <a:pt x="25" y="118"/>
                  </a:cubicBezTo>
                  <a:cubicBezTo>
                    <a:pt x="26" y="119"/>
                    <a:pt x="27" y="119"/>
                    <a:pt x="28" y="120"/>
                  </a:cubicBezTo>
                  <a:cubicBezTo>
                    <a:pt x="29" y="120"/>
                    <a:pt x="30" y="121"/>
                    <a:pt x="32" y="121"/>
                  </a:cubicBezTo>
                  <a:cubicBezTo>
                    <a:pt x="33" y="121"/>
                    <a:pt x="34" y="121"/>
                    <a:pt x="35" y="120"/>
                  </a:cubicBezTo>
                  <a:cubicBezTo>
                    <a:pt x="36" y="120"/>
                    <a:pt x="36" y="119"/>
                    <a:pt x="36" y="118"/>
                  </a:cubicBezTo>
                  <a:cubicBezTo>
                    <a:pt x="37" y="117"/>
                    <a:pt x="38" y="116"/>
                    <a:pt x="39" y="115"/>
                  </a:cubicBezTo>
                  <a:cubicBezTo>
                    <a:pt x="41" y="111"/>
                    <a:pt x="45" y="106"/>
                    <a:pt x="50" y="103"/>
                  </a:cubicBezTo>
                  <a:cubicBezTo>
                    <a:pt x="55" y="101"/>
                    <a:pt x="61" y="100"/>
                    <a:pt x="67" y="101"/>
                  </a:cubicBezTo>
                  <a:cubicBezTo>
                    <a:pt x="73" y="102"/>
                    <a:pt x="79" y="104"/>
                    <a:pt x="85" y="107"/>
                  </a:cubicBezTo>
                  <a:cubicBezTo>
                    <a:pt x="88" y="109"/>
                    <a:pt x="91" y="111"/>
                    <a:pt x="94" y="113"/>
                  </a:cubicBezTo>
                  <a:cubicBezTo>
                    <a:pt x="95" y="114"/>
                    <a:pt x="96" y="115"/>
                    <a:pt x="97" y="116"/>
                  </a:cubicBezTo>
                  <a:cubicBezTo>
                    <a:pt x="98" y="117"/>
                    <a:pt x="99" y="118"/>
                    <a:pt x="100" y="120"/>
                  </a:cubicBezTo>
                  <a:cubicBezTo>
                    <a:pt x="103" y="125"/>
                    <a:pt x="104" y="131"/>
                    <a:pt x="104" y="137"/>
                  </a:cubicBezTo>
                  <a:cubicBezTo>
                    <a:pt x="104" y="143"/>
                    <a:pt x="103" y="148"/>
                    <a:pt x="100" y="152"/>
                  </a:cubicBezTo>
                  <a:cubicBezTo>
                    <a:pt x="99" y="154"/>
                    <a:pt x="97" y="156"/>
                    <a:pt x="96" y="159"/>
                  </a:cubicBezTo>
                  <a:cubicBezTo>
                    <a:pt x="96" y="159"/>
                    <a:pt x="95" y="160"/>
                    <a:pt x="95" y="160"/>
                  </a:cubicBezTo>
                  <a:cubicBezTo>
                    <a:pt x="95" y="161"/>
                    <a:pt x="95" y="161"/>
                    <a:pt x="96" y="162"/>
                  </a:cubicBezTo>
                  <a:cubicBezTo>
                    <a:pt x="96" y="163"/>
                    <a:pt x="97" y="163"/>
                    <a:pt x="97" y="163"/>
                  </a:cubicBezTo>
                  <a:cubicBezTo>
                    <a:pt x="99" y="164"/>
                    <a:pt x="100" y="165"/>
                    <a:pt x="101" y="165"/>
                  </a:cubicBezTo>
                  <a:cubicBezTo>
                    <a:pt x="103" y="166"/>
                    <a:pt x="105" y="167"/>
                    <a:pt x="107" y="167"/>
                  </a:cubicBezTo>
                  <a:cubicBezTo>
                    <a:pt x="108" y="168"/>
                    <a:pt x="109" y="168"/>
                    <a:pt x="110" y="168"/>
                  </a:cubicBezTo>
                  <a:cubicBezTo>
                    <a:pt x="110" y="169"/>
                    <a:pt x="110" y="169"/>
                    <a:pt x="110" y="169"/>
                  </a:cubicBezTo>
                  <a:cubicBezTo>
                    <a:pt x="110" y="169"/>
                    <a:pt x="110" y="169"/>
                    <a:pt x="111" y="168"/>
                  </a:cubicBezTo>
                  <a:cubicBezTo>
                    <a:pt x="111" y="168"/>
                    <a:pt x="111" y="167"/>
                    <a:pt x="112" y="167"/>
                  </a:cubicBezTo>
                  <a:cubicBezTo>
                    <a:pt x="112" y="167"/>
                    <a:pt x="112" y="167"/>
                    <a:pt x="112" y="167"/>
                  </a:cubicBezTo>
                  <a:cubicBezTo>
                    <a:pt x="112" y="167"/>
                    <a:pt x="112" y="166"/>
                    <a:pt x="112" y="166"/>
                  </a:cubicBezTo>
                  <a:cubicBezTo>
                    <a:pt x="112" y="166"/>
                    <a:pt x="112" y="166"/>
                    <a:pt x="113" y="166"/>
                  </a:cubicBezTo>
                  <a:cubicBezTo>
                    <a:pt x="114" y="164"/>
                    <a:pt x="116" y="162"/>
                    <a:pt x="117" y="160"/>
                  </a:cubicBezTo>
                  <a:cubicBezTo>
                    <a:pt x="120" y="156"/>
                    <a:pt x="124" y="150"/>
                    <a:pt x="128" y="143"/>
                  </a:cubicBezTo>
                  <a:close/>
                  <a:moveTo>
                    <a:pt x="110" y="98"/>
                  </a:moveTo>
                  <a:cubicBezTo>
                    <a:pt x="110" y="99"/>
                    <a:pt x="110" y="99"/>
                    <a:pt x="109" y="99"/>
                  </a:cubicBezTo>
                  <a:cubicBezTo>
                    <a:pt x="109" y="99"/>
                    <a:pt x="109" y="99"/>
                    <a:pt x="109" y="99"/>
                  </a:cubicBezTo>
                  <a:cubicBezTo>
                    <a:pt x="109" y="99"/>
                    <a:pt x="109" y="99"/>
                    <a:pt x="109" y="99"/>
                  </a:cubicBezTo>
                  <a:cubicBezTo>
                    <a:pt x="109" y="99"/>
                    <a:pt x="108" y="99"/>
                    <a:pt x="108" y="99"/>
                  </a:cubicBezTo>
                  <a:cubicBezTo>
                    <a:pt x="108" y="99"/>
                    <a:pt x="107" y="99"/>
                    <a:pt x="107" y="98"/>
                  </a:cubicBezTo>
                  <a:cubicBezTo>
                    <a:pt x="100" y="95"/>
                    <a:pt x="93" y="91"/>
                    <a:pt x="87" y="88"/>
                  </a:cubicBezTo>
                  <a:cubicBezTo>
                    <a:pt x="81" y="85"/>
                    <a:pt x="76" y="82"/>
                    <a:pt x="72" y="79"/>
                  </a:cubicBezTo>
                  <a:cubicBezTo>
                    <a:pt x="64" y="75"/>
                    <a:pt x="58" y="72"/>
                    <a:pt x="56" y="71"/>
                  </a:cubicBezTo>
                  <a:cubicBezTo>
                    <a:pt x="58" y="70"/>
                    <a:pt x="60" y="66"/>
                    <a:pt x="64" y="61"/>
                  </a:cubicBezTo>
                  <a:cubicBezTo>
                    <a:pt x="66" y="57"/>
                    <a:pt x="69" y="52"/>
                    <a:pt x="72" y="48"/>
                  </a:cubicBezTo>
                  <a:cubicBezTo>
                    <a:pt x="73" y="45"/>
                    <a:pt x="75" y="43"/>
                    <a:pt x="77" y="40"/>
                  </a:cubicBezTo>
                  <a:cubicBezTo>
                    <a:pt x="78" y="39"/>
                    <a:pt x="79" y="37"/>
                    <a:pt x="80" y="36"/>
                  </a:cubicBezTo>
                  <a:cubicBezTo>
                    <a:pt x="80" y="35"/>
                    <a:pt x="81" y="35"/>
                    <a:pt x="81" y="34"/>
                  </a:cubicBezTo>
                  <a:cubicBezTo>
                    <a:pt x="81" y="34"/>
                    <a:pt x="81" y="34"/>
                    <a:pt x="81" y="34"/>
                  </a:cubicBezTo>
                  <a:cubicBezTo>
                    <a:pt x="84" y="35"/>
                    <a:pt x="86" y="36"/>
                    <a:pt x="89" y="38"/>
                  </a:cubicBezTo>
                  <a:cubicBezTo>
                    <a:pt x="103" y="45"/>
                    <a:pt x="116" y="51"/>
                    <a:pt x="121" y="60"/>
                  </a:cubicBezTo>
                  <a:cubicBezTo>
                    <a:pt x="121" y="60"/>
                    <a:pt x="121" y="60"/>
                    <a:pt x="121" y="60"/>
                  </a:cubicBezTo>
                  <a:cubicBezTo>
                    <a:pt x="121" y="60"/>
                    <a:pt x="121" y="60"/>
                    <a:pt x="121" y="60"/>
                  </a:cubicBezTo>
                  <a:cubicBezTo>
                    <a:pt x="122" y="62"/>
                    <a:pt x="123" y="65"/>
                    <a:pt x="123" y="68"/>
                  </a:cubicBezTo>
                  <a:cubicBezTo>
                    <a:pt x="122" y="73"/>
                    <a:pt x="121" y="79"/>
                    <a:pt x="118" y="85"/>
                  </a:cubicBezTo>
                  <a:cubicBezTo>
                    <a:pt x="117" y="88"/>
                    <a:pt x="115" y="91"/>
                    <a:pt x="113" y="94"/>
                  </a:cubicBezTo>
                  <a:cubicBezTo>
                    <a:pt x="112" y="95"/>
                    <a:pt x="111" y="97"/>
                    <a:pt x="110" y="98"/>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6" name="íṡ1iḓè">
              <a:extLst>
                <a:ext uri="{FF2B5EF4-FFF2-40B4-BE49-F238E27FC236}">
                  <a16:creationId xmlns:a16="http://schemas.microsoft.com/office/drawing/2014/main" xmlns="" id="{31D31BFD-A206-4565-B0DA-CE54AFDE90B5}"/>
                </a:ext>
              </a:extLst>
            </p:cNvPr>
            <p:cNvSpPr/>
            <p:nvPr/>
          </p:nvSpPr>
          <p:spPr bwMode="auto">
            <a:xfrm>
              <a:off x="6549546" y="2516889"/>
              <a:ext cx="477273" cy="259169"/>
            </a:xfrm>
            <a:custGeom>
              <a:avLst/>
              <a:gdLst>
                <a:gd name="T0" fmla="*/ 16 w 221"/>
                <a:gd name="T1" fmla="*/ 120 h 120"/>
                <a:gd name="T2" fmla="*/ 13 w 221"/>
                <a:gd name="T3" fmla="*/ 119 h 120"/>
                <a:gd name="T4" fmla="*/ 4 w 221"/>
                <a:gd name="T5" fmla="*/ 116 h 120"/>
                <a:gd name="T6" fmla="*/ 1 w 221"/>
                <a:gd name="T7" fmla="*/ 113 h 120"/>
                <a:gd name="T8" fmla="*/ 0 w 221"/>
                <a:gd name="T9" fmla="*/ 111 h 120"/>
                <a:gd name="T10" fmla="*/ 1 w 221"/>
                <a:gd name="T11" fmla="*/ 110 h 120"/>
                <a:gd name="T12" fmla="*/ 1 w 221"/>
                <a:gd name="T13" fmla="*/ 109 h 120"/>
                <a:gd name="T14" fmla="*/ 4 w 221"/>
                <a:gd name="T15" fmla="*/ 101 h 120"/>
                <a:gd name="T16" fmla="*/ 14 w 221"/>
                <a:gd name="T17" fmla="*/ 84 h 120"/>
                <a:gd name="T18" fmla="*/ 25 w 221"/>
                <a:gd name="T19" fmla="*/ 64 h 120"/>
                <a:gd name="T20" fmla="*/ 38 w 221"/>
                <a:gd name="T21" fmla="*/ 40 h 120"/>
                <a:gd name="T22" fmla="*/ 55 w 221"/>
                <a:gd name="T23" fmla="*/ 15 h 120"/>
                <a:gd name="T24" fmla="*/ 59 w 221"/>
                <a:gd name="T25" fmla="*/ 8 h 120"/>
                <a:gd name="T26" fmla="*/ 62 w 221"/>
                <a:gd name="T27" fmla="*/ 5 h 120"/>
                <a:gd name="T28" fmla="*/ 66 w 221"/>
                <a:gd name="T29" fmla="*/ 2 h 120"/>
                <a:gd name="T30" fmla="*/ 70 w 221"/>
                <a:gd name="T31" fmla="*/ 0 h 120"/>
                <a:gd name="T32" fmla="*/ 75 w 221"/>
                <a:gd name="T33" fmla="*/ 0 h 120"/>
                <a:gd name="T34" fmla="*/ 84 w 221"/>
                <a:gd name="T35" fmla="*/ 1 h 120"/>
                <a:gd name="T36" fmla="*/ 113 w 221"/>
                <a:gd name="T37" fmla="*/ 16 h 120"/>
                <a:gd name="T38" fmla="*/ 139 w 221"/>
                <a:gd name="T39" fmla="*/ 31 h 120"/>
                <a:gd name="T40" fmla="*/ 182 w 221"/>
                <a:gd name="T41" fmla="*/ 57 h 120"/>
                <a:gd name="T42" fmla="*/ 211 w 221"/>
                <a:gd name="T43" fmla="*/ 76 h 120"/>
                <a:gd name="T44" fmla="*/ 221 w 221"/>
                <a:gd name="T45" fmla="*/ 83 h 120"/>
                <a:gd name="T46" fmla="*/ 210 w 221"/>
                <a:gd name="T47" fmla="*/ 78 h 120"/>
                <a:gd name="T48" fmla="*/ 180 w 221"/>
                <a:gd name="T49" fmla="*/ 61 h 120"/>
                <a:gd name="T50" fmla="*/ 136 w 221"/>
                <a:gd name="T51" fmla="*/ 36 h 120"/>
                <a:gd name="T52" fmla="*/ 110 w 221"/>
                <a:gd name="T53" fmla="*/ 21 h 120"/>
                <a:gd name="T54" fmla="*/ 82 w 221"/>
                <a:gd name="T55" fmla="*/ 7 h 120"/>
                <a:gd name="T56" fmla="*/ 69 w 221"/>
                <a:gd name="T57" fmla="*/ 7 h 120"/>
                <a:gd name="T58" fmla="*/ 66 w 221"/>
                <a:gd name="T59" fmla="*/ 9 h 120"/>
                <a:gd name="T60" fmla="*/ 64 w 221"/>
                <a:gd name="T61" fmla="*/ 12 h 120"/>
                <a:gd name="T62" fmla="*/ 59 w 221"/>
                <a:gd name="T63" fmla="*/ 18 h 120"/>
                <a:gd name="T64" fmla="*/ 43 w 221"/>
                <a:gd name="T65" fmla="*/ 43 h 120"/>
                <a:gd name="T66" fmla="*/ 29 w 221"/>
                <a:gd name="T67" fmla="*/ 66 h 120"/>
                <a:gd name="T68" fmla="*/ 17 w 221"/>
                <a:gd name="T69" fmla="*/ 86 h 120"/>
                <a:gd name="T70" fmla="*/ 7 w 221"/>
                <a:gd name="T71" fmla="*/ 103 h 120"/>
                <a:gd name="T72" fmla="*/ 4 w 221"/>
                <a:gd name="T73" fmla="*/ 110 h 120"/>
                <a:gd name="T74" fmla="*/ 3 w 221"/>
                <a:gd name="T75" fmla="*/ 111 h 120"/>
                <a:gd name="T76" fmla="*/ 3 w 221"/>
                <a:gd name="T77" fmla="*/ 112 h 120"/>
                <a:gd name="T78" fmla="*/ 5 w 221"/>
                <a:gd name="T79" fmla="*/ 114 h 120"/>
                <a:gd name="T80" fmla="*/ 13 w 221"/>
                <a:gd name="T81" fmla="*/ 118 h 120"/>
                <a:gd name="T82" fmla="*/ 16 w 221"/>
                <a:gd name="T83" fmla="*/ 12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21" h="120">
                  <a:moveTo>
                    <a:pt x="16" y="120"/>
                  </a:moveTo>
                  <a:cubicBezTo>
                    <a:pt x="16" y="120"/>
                    <a:pt x="15" y="120"/>
                    <a:pt x="13" y="119"/>
                  </a:cubicBezTo>
                  <a:cubicBezTo>
                    <a:pt x="11" y="119"/>
                    <a:pt x="8" y="118"/>
                    <a:pt x="4" y="116"/>
                  </a:cubicBezTo>
                  <a:cubicBezTo>
                    <a:pt x="3" y="115"/>
                    <a:pt x="2" y="114"/>
                    <a:pt x="1" y="113"/>
                  </a:cubicBezTo>
                  <a:cubicBezTo>
                    <a:pt x="1" y="113"/>
                    <a:pt x="0" y="112"/>
                    <a:pt x="0" y="111"/>
                  </a:cubicBezTo>
                  <a:cubicBezTo>
                    <a:pt x="0" y="111"/>
                    <a:pt x="0" y="110"/>
                    <a:pt x="1" y="110"/>
                  </a:cubicBezTo>
                  <a:cubicBezTo>
                    <a:pt x="1" y="109"/>
                    <a:pt x="1" y="109"/>
                    <a:pt x="1" y="109"/>
                  </a:cubicBezTo>
                  <a:cubicBezTo>
                    <a:pt x="2" y="106"/>
                    <a:pt x="3" y="104"/>
                    <a:pt x="4" y="101"/>
                  </a:cubicBezTo>
                  <a:cubicBezTo>
                    <a:pt x="7" y="96"/>
                    <a:pt x="10" y="90"/>
                    <a:pt x="14" y="84"/>
                  </a:cubicBezTo>
                  <a:cubicBezTo>
                    <a:pt x="17" y="78"/>
                    <a:pt x="21" y="71"/>
                    <a:pt x="25" y="64"/>
                  </a:cubicBezTo>
                  <a:cubicBezTo>
                    <a:pt x="29" y="56"/>
                    <a:pt x="33" y="48"/>
                    <a:pt x="38" y="40"/>
                  </a:cubicBezTo>
                  <a:cubicBezTo>
                    <a:pt x="43" y="32"/>
                    <a:pt x="49" y="23"/>
                    <a:pt x="55" y="15"/>
                  </a:cubicBezTo>
                  <a:cubicBezTo>
                    <a:pt x="56" y="12"/>
                    <a:pt x="58" y="10"/>
                    <a:pt x="59" y="8"/>
                  </a:cubicBezTo>
                  <a:cubicBezTo>
                    <a:pt x="60" y="7"/>
                    <a:pt x="61" y="6"/>
                    <a:pt x="62" y="5"/>
                  </a:cubicBezTo>
                  <a:cubicBezTo>
                    <a:pt x="63" y="4"/>
                    <a:pt x="65" y="3"/>
                    <a:pt x="66" y="2"/>
                  </a:cubicBezTo>
                  <a:cubicBezTo>
                    <a:pt x="67" y="1"/>
                    <a:pt x="69" y="1"/>
                    <a:pt x="70" y="0"/>
                  </a:cubicBezTo>
                  <a:cubicBezTo>
                    <a:pt x="72" y="0"/>
                    <a:pt x="73" y="0"/>
                    <a:pt x="75" y="0"/>
                  </a:cubicBezTo>
                  <a:cubicBezTo>
                    <a:pt x="78" y="0"/>
                    <a:pt x="81" y="0"/>
                    <a:pt x="84" y="1"/>
                  </a:cubicBezTo>
                  <a:cubicBezTo>
                    <a:pt x="95" y="4"/>
                    <a:pt x="104" y="10"/>
                    <a:pt x="113" y="16"/>
                  </a:cubicBezTo>
                  <a:cubicBezTo>
                    <a:pt x="122" y="21"/>
                    <a:pt x="131" y="26"/>
                    <a:pt x="139" y="31"/>
                  </a:cubicBezTo>
                  <a:cubicBezTo>
                    <a:pt x="155" y="41"/>
                    <a:pt x="170" y="50"/>
                    <a:pt x="182" y="57"/>
                  </a:cubicBezTo>
                  <a:cubicBezTo>
                    <a:pt x="194" y="65"/>
                    <a:pt x="204" y="71"/>
                    <a:pt x="211" y="76"/>
                  </a:cubicBezTo>
                  <a:cubicBezTo>
                    <a:pt x="218" y="80"/>
                    <a:pt x="221" y="83"/>
                    <a:pt x="221" y="83"/>
                  </a:cubicBezTo>
                  <a:cubicBezTo>
                    <a:pt x="221" y="83"/>
                    <a:pt x="217" y="81"/>
                    <a:pt x="210" y="78"/>
                  </a:cubicBezTo>
                  <a:cubicBezTo>
                    <a:pt x="202" y="74"/>
                    <a:pt x="192" y="68"/>
                    <a:pt x="180" y="61"/>
                  </a:cubicBezTo>
                  <a:cubicBezTo>
                    <a:pt x="167" y="54"/>
                    <a:pt x="152" y="45"/>
                    <a:pt x="136" y="36"/>
                  </a:cubicBezTo>
                  <a:cubicBezTo>
                    <a:pt x="128" y="31"/>
                    <a:pt x="119" y="26"/>
                    <a:pt x="110" y="21"/>
                  </a:cubicBezTo>
                  <a:cubicBezTo>
                    <a:pt x="101" y="15"/>
                    <a:pt x="92" y="10"/>
                    <a:pt x="82" y="7"/>
                  </a:cubicBezTo>
                  <a:cubicBezTo>
                    <a:pt x="77" y="5"/>
                    <a:pt x="72" y="5"/>
                    <a:pt x="69" y="7"/>
                  </a:cubicBezTo>
                  <a:cubicBezTo>
                    <a:pt x="68" y="8"/>
                    <a:pt x="67" y="8"/>
                    <a:pt x="66" y="9"/>
                  </a:cubicBezTo>
                  <a:cubicBezTo>
                    <a:pt x="65" y="10"/>
                    <a:pt x="65" y="11"/>
                    <a:pt x="64" y="12"/>
                  </a:cubicBezTo>
                  <a:cubicBezTo>
                    <a:pt x="62" y="14"/>
                    <a:pt x="61" y="16"/>
                    <a:pt x="59" y="18"/>
                  </a:cubicBezTo>
                  <a:cubicBezTo>
                    <a:pt x="53" y="26"/>
                    <a:pt x="48" y="35"/>
                    <a:pt x="43" y="43"/>
                  </a:cubicBezTo>
                  <a:cubicBezTo>
                    <a:pt x="38" y="51"/>
                    <a:pt x="34" y="59"/>
                    <a:pt x="29" y="66"/>
                  </a:cubicBezTo>
                  <a:cubicBezTo>
                    <a:pt x="25" y="73"/>
                    <a:pt x="21" y="80"/>
                    <a:pt x="17" y="86"/>
                  </a:cubicBezTo>
                  <a:cubicBezTo>
                    <a:pt x="13" y="92"/>
                    <a:pt x="10" y="98"/>
                    <a:pt x="7" y="103"/>
                  </a:cubicBezTo>
                  <a:cubicBezTo>
                    <a:pt x="6" y="105"/>
                    <a:pt x="5" y="108"/>
                    <a:pt x="4" y="110"/>
                  </a:cubicBezTo>
                  <a:cubicBezTo>
                    <a:pt x="3" y="110"/>
                    <a:pt x="3" y="110"/>
                    <a:pt x="3" y="111"/>
                  </a:cubicBezTo>
                  <a:cubicBezTo>
                    <a:pt x="3" y="111"/>
                    <a:pt x="3" y="112"/>
                    <a:pt x="3" y="112"/>
                  </a:cubicBezTo>
                  <a:cubicBezTo>
                    <a:pt x="4" y="112"/>
                    <a:pt x="5" y="113"/>
                    <a:pt x="5" y="114"/>
                  </a:cubicBezTo>
                  <a:cubicBezTo>
                    <a:pt x="8" y="116"/>
                    <a:pt x="11" y="117"/>
                    <a:pt x="13" y="118"/>
                  </a:cubicBezTo>
                  <a:cubicBezTo>
                    <a:pt x="15" y="119"/>
                    <a:pt x="16" y="120"/>
                    <a:pt x="16" y="12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7" name="îṣḷîḋé">
              <a:extLst>
                <a:ext uri="{FF2B5EF4-FFF2-40B4-BE49-F238E27FC236}">
                  <a16:creationId xmlns:a16="http://schemas.microsoft.com/office/drawing/2014/main" xmlns="" id="{66C90760-46E4-433A-8099-4E8563A9D675}"/>
                </a:ext>
              </a:extLst>
            </p:cNvPr>
            <p:cNvSpPr/>
            <p:nvPr/>
          </p:nvSpPr>
          <p:spPr bwMode="auto">
            <a:xfrm>
              <a:off x="6584224" y="2695752"/>
              <a:ext cx="442595" cy="257344"/>
            </a:xfrm>
            <a:custGeom>
              <a:avLst/>
              <a:gdLst>
                <a:gd name="T0" fmla="*/ 0 w 205"/>
                <a:gd name="T1" fmla="*/ 36 h 119"/>
                <a:gd name="T2" fmla="*/ 1 w 205"/>
                <a:gd name="T3" fmla="*/ 34 h 119"/>
                <a:gd name="T4" fmla="*/ 2 w 205"/>
                <a:gd name="T5" fmla="*/ 31 h 119"/>
                <a:gd name="T6" fmla="*/ 4 w 205"/>
                <a:gd name="T7" fmla="*/ 28 h 119"/>
                <a:gd name="T8" fmla="*/ 26 w 205"/>
                <a:gd name="T9" fmla="*/ 14 h 119"/>
                <a:gd name="T10" fmla="*/ 44 w 205"/>
                <a:gd name="T11" fmla="*/ 14 h 119"/>
                <a:gd name="T12" fmla="*/ 54 w 205"/>
                <a:gd name="T13" fmla="*/ 19 h 119"/>
                <a:gd name="T14" fmla="*/ 62 w 205"/>
                <a:gd name="T15" fmla="*/ 26 h 119"/>
                <a:gd name="T16" fmla="*/ 72 w 205"/>
                <a:gd name="T17" fmla="*/ 47 h 119"/>
                <a:gd name="T18" fmla="*/ 67 w 205"/>
                <a:gd name="T19" fmla="*/ 73 h 119"/>
                <a:gd name="T20" fmla="*/ 67 w 205"/>
                <a:gd name="T21" fmla="*/ 73 h 119"/>
                <a:gd name="T22" fmla="*/ 67 w 205"/>
                <a:gd name="T23" fmla="*/ 74 h 119"/>
                <a:gd name="T24" fmla="*/ 69 w 205"/>
                <a:gd name="T25" fmla="*/ 76 h 119"/>
                <a:gd name="T26" fmla="*/ 74 w 205"/>
                <a:gd name="T27" fmla="*/ 80 h 119"/>
                <a:gd name="T28" fmla="*/ 83 w 205"/>
                <a:gd name="T29" fmla="*/ 87 h 119"/>
                <a:gd name="T30" fmla="*/ 105 w 205"/>
                <a:gd name="T31" fmla="*/ 100 h 119"/>
                <a:gd name="T32" fmla="*/ 120 w 205"/>
                <a:gd name="T33" fmla="*/ 108 h 119"/>
                <a:gd name="T34" fmla="*/ 128 w 205"/>
                <a:gd name="T35" fmla="*/ 112 h 119"/>
                <a:gd name="T36" fmla="*/ 135 w 205"/>
                <a:gd name="T37" fmla="*/ 115 h 119"/>
                <a:gd name="T38" fmla="*/ 140 w 205"/>
                <a:gd name="T39" fmla="*/ 112 h 119"/>
                <a:gd name="T40" fmla="*/ 145 w 205"/>
                <a:gd name="T41" fmla="*/ 105 h 119"/>
                <a:gd name="T42" fmla="*/ 153 w 205"/>
                <a:gd name="T43" fmla="*/ 92 h 119"/>
                <a:gd name="T44" fmla="*/ 180 w 205"/>
                <a:gd name="T45" fmla="*/ 44 h 119"/>
                <a:gd name="T46" fmla="*/ 198 w 205"/>
                <a:gd name="T47" fmla="*/ 11 h 119"/>
                <a:gd name="T48" fmla="*/ 203 w 205"/>
                <a:gd name="T49" fmla="*/ 3 h 119"/>
                <a:gd name="T50" fmla="*/ 204 w 205"/>
                <a:gd name="T51" fmla="*/ 0 h 119"/>
                <a:gd name="T52" fmla="*/ 203 w 205"/>
                <a:gd name="T53" fmla="*/ 3 h 119"/>
                <a:gd name="T54" fmla="*/ 199 w 205"/>
                <a:gd name="T55" fmla="*/ 12 h 119"/>
                <a:gd name="T56" fmla="*/ 182 w 205"/>
                <a:gd name="T57" fmla="*/ 45 h 119"/>
                <a:gd name="T58" fmla="*/ 156 w 205"/>
                <a:gd name="T59" fmla="*/ 93 h 119"/>
                <a:gd name="T60" fmla="*/ 147 w 205"/>
                <a:gd name="T61" fmla="*/ 107 h 119"/>
                <a:gd name="T62" fmla="*/ 143 w 205"/>
                <a:gd name="T63" fmla="*/ 114 h 119"/>
                <a:gd name="T64" fmla="*/ 141 w 205"/>
                <a:gd name="T65" fmla="*/ 115 h 119"/>
                <a:gd name="T66" fmla="*/ 140 w 205"/>
                <a:gd name="T67" fmla="*/ 117 h 119"/>
                <a:gd name="T68" fmla="*/ 135 w 205"/>
                <a:gd name="T69" fmla="*/ 119 h 119"/>
                <a:gd name="T70" fmla="*/ 126 w 205"/>
                <a:gd name="T71" fmla="*/ 115 h 119"/>
                <a:gd name="T72" fmla="*/ 119 w 205"/>
                <a:gd name="T73" fmla="*/ 111 h 119"/>
                <a:gd name="T74" fmla="*/ 103 w 205"/>
                <a:gd name="T75" fmla="*/ 103 h 119"/>
                <a:gd name="T76" fmla="*/ 82 w 205"/>
                <a:gd name="T77" fmla="*/ 89 h 119"/>
                <a:gd name="T78" fmla="*/ 72 w 205"/>
                <a:gd name="T79" fmla="*/ 82 h 119"/>
                <a:gd name="T80" fmla="*/ 67 w 205"/>
                <a:gd name="T81" fmla="*/ 78 h 119"/>
                <a:gd name="T82" fmla="*/ 65 w 205"/>
                <a:gd name="T83" fmla="*/ 76 h 119"/>
                <a:gd name="T84" fmla="*/ 64 w 205"/>
                <a:gd name="T85" fmla="*/ 74 h 119"/>
                <a:gd name="T86" fmla="*/ 64 w 205"/>
                <a:gd name="T87" fmla="*/ 73 h 119"/>
                <a:gd name="T88" fmla="*/ 64 w 205"/>
                <a:gd name="T89" fmla="*/ 72 h 119"/>
                <a:gd name="T90" fmla="*/ 69 w 205"/>
                <a:gd name="T91" fmla="*/ 48 h 119"/>
                <a:gd name="T92" fmla="*/ 60 w 205"/>
                <a:gd name="T93" fmla="*/ 28 h 119"/>
                <a:gd name="T94" fmla="*/ 52 w 205"/>
                <a:gd name="T95" fmla="*/ 21 h 119"/>
                <a:gd name="T96" fmla="*/ 43 w 205"/>
                <a:gd name="T97" fmla="*/ 17 h 119"/>
                <a:gd name="T98" fmla="*/ 26 w 205"/>
                <a:gd name="T99" fmla="*/ 16 h 119"/>
                <a:gd name="T100" fmla="*/ 5 w 205"/>
                <a:gd name="T101" fmla="*/ 29 h 119"/>
                <a:gd name="T102" fmla="*/ 3 w 205"/>
                <a:gd name="T103" fmla="*/ 32 h 119"/>
                <a:gd name="T104" fmla="*/ 1 w 205"/>
                <a:gd name="T105" fmla="*/ 34 h 119"/>
                <a:gd name="T106" fmla="*/ 0 w 205"/>
                <a:gd name="T107" fmla="*/ 36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05" h="119">
                  <a:moveTo>
                    <a:pt x="0" y="36"/>
                  </a:moveTo>
                  <a:cubicBezTo>
                    <a:pt x="0" y="36"/>
                    <a:pt x="0" y="35"/>
                    <a:pt x="1" y="34"/>
                  </a:cubicBezTo>
                  <a:cubicBezTo>
                    <a:pt x="1" y="33"/>
                    <a:pt x="1" y="32"/>
                    <a:pt x="2" y="31"/>
                  </a:cubicBezTo>
                  <a:cubicBezTo>
                    <a:pt x="3" y="30"/>
                    <a:pt x="3" y="29"/>
                    <a:pt x="4" y="28"/>
                  </a:cubicBezTo>
                  <a:cubicBezTo>
                    <a:pt x="8" y="23"/>
                    <a:pt x="15" y="17"/>
                    <a:pt x="26" y="14"/>
                  </a:cubicBezTo>
                  <a:cubicBezTo>
                    <a:pt x="31" y="13"/>
                    <a:pt x="37" y="12"/>
                    <a:pt x="44" y="14"/>
                  </a:cubicBezTo>
                  <a:cubicBezTo>
                    <a:pt x="47" y="15"/>
                    <a:pt x="51" y="16"/>
                    <a:pt x="54" y="19"/>
                  </a:cubicBezTo>
                  <a:cubicBezTo>
                    <a:pt x="57" y="21"/>
                    <a:pt x="59" y="23"/>
                    <a:pt x="62" y="26"/>
                  </a:cubicBezTo>
                  <a:cubicBezTo>
                    <a:pt x="67" y="31"/>
                    <a:pt x="72" y="39"/>
                    <a:pt x="72" y="47"/>
                  </a:cubicBezTo>
                  <a:cubicBezTo>
                    <a:pt x="73" y="56"/>
                    <a:pt x="72" y="65"/>
                    <a:pt x="67" y="73"/>
                  </a:cubicBezTo>
                  <a:cubicBezTo>
                    <a:pt x="67" y="73"/>
                    <a:pt x="67" y="73"/>
                    <a:pt x="67" y="73"/>
                  </a:cubicBezTo>
                  <a:cubicBezTo>
                    <a:pt x="67" y="73"/>
                    <a:pt x="67" y="74"/>
                    <a:pt x="67" y="74"/>
                  </a:cubicBezTo>
                  <a:cubicBezTo>
                    <a:pt x="68" y="75"/>
                    <a:pt x="68" y="75"/>
                    <a:pt x="69" y="76"/>
                  </a:cubicBezTo>
                  <a:cubicBezTo>
                    <a:pt x="71" y="77"/>
                    <a:pt x="72" y="78"/>
                    <a:pt x="74" y="80"/>
                  </a:cubicBezTo>
                  <a:cubicBezTo>
                    <a:pt x="77" y="82"/>
                    <a:pt x="80" y="84"/>
                    <a:pt x="83" y="87"/>
                  </a:cubicBezTo>
                  <a:cubicBezTo>
                    <a:pt x="90" y="91"/>
                    <a:pt x="97" y="96"/>
                    <a:pt x="105" y="100"/>
                  </a:cubicBezTo>
                  <a:cubicBezTo>
                    <a:pt x="110" y="103"/>
                    <a:pt x="115" y="106"/>
                    <a:pt x="120" y="108"/>
                  </a:cubicBezTo>
                  <a:cubicBezTo>
                    <a:pt x="123" y="110"/>
                    <a:pt x="125" y="111"/>
                    <a:pt x="128" y="112"/>
                  </a:cubicBezTo>
                  <a:cubicBezTo>
                    <a:pt x="130" y="114"/>
                    <a:pt x="133" y="115"/>
                    <a:pt x="135" y="115"/>
                  </a:cubicBezTo>
                  <a:cubicBezTo>
                    <a:pt x="137" y="116"/>
                    <a:pt x="139" y="114"/>
                    <a:pt x="140" y="112"/>
                  </a:cubicBezTo>
                  <a:cubicBezTo>
                    <a:pt x="142" y="110"/>
                    <a:pt x="143" y="107"/>
                    <a:pt x="145" y="105"/>
                  </a:cubicBezTo>
                  <a:cubicBezTo>
                    <a:pt x="148" y="100"/>
                    <a:pt x="150" y="96"/>
                    <a:pt x="153" y="92"/>
                  </a:cubicBezTo>
                  <a:cubicBezTo>
                    <a:pt x="164" y="74"/>
                    <a:pt x="173" y="58"/>
                    <a:pt x="180" y="44"/>
                  </a:cubicBezTo>
                  <a:cubicBezTo>
                    <a:pt x="188" y="30"/>
                    <a:pt x="194" y="19"/>
                    <a:pt x="198" y="11"/>
                  </a:cubicBezTo>
                  <a:cubicBezTo>
                    <a:pt x="200" y="8"/>
                    <a:pt x="201" y="5"/>
                    <a:pt x="203" y="3"/>
                  </a:cubicBezTo>
                  <a:cubicBezTo>
                    <a:pt x="204" y="1"/>
                    <a:pt x="204" y="0"/>
                    <a:pt x="204" y="0"/>
                  </a:cubicBezTo>
                  <a:cubicBezTo>
                    <a:pt x="205" y="0"/>
                    <a:pt x="204" y="1"/>
                    <a:pt x="203" y="3"/>
                  </a:cubicBezTo>
                  <a:cubicBezTo>
                    <a:pt x="202" y="5"/>
                    <a:pt x="201" y="8"/>
                    <a:pt x="199" y="12"/>
                  </a:cubicBezTo>
                  <a:cubicBezTo>
                    <a:pt x="195" y="20"/>
                    <a:pt x="190" y="31"/>
                    <a:pt x="182" y="45"/>
                  </a:cubicBezTo>
                  <a:cubicBezTo>
                    <a:pt x="175" y="59"/>
                    <a:pt x="166" y="75"/>
                    <a:pt x="156" y="93"/>
                  </a:cubicBezTo>
                  <a:cubicBezTo>
                    <a:pt x="153" y="98"/>
                    <a:pt x="150" y="102"/>
                    <a:pt x="147" y="107"/>
                  </a:cubicBezTo>
                  <a:cubicBezTo>
                    <a:pt x="146" y="109"/>
                    <a:pt x="145" y="111"/>
                    <a:pt x="143" y="114"/>
                  </a:cubicBezTo>
                  <a:cubicBezTo>
                    <a:pt x="142" y="114"/>
                    <a:pt x="142" y="115"/>
                    <a:pt x="141" y="115"/>
                  </a:cubicBezTo>
                  <a:cubicBezTo>
                    <a:pt x="141" y="116"/>
                    <a:pt x="140" y="116"/>
                    <a:pt x="140" y="117"/>
                  </a:cubicBezTo>
                  <a:cubicBezTo>
                    <a:pt x="139" y="118"/>
                    <a:pt x="137" y="119"/>
                    <a:pt x="135" y="119"/>
                  </a:cubicBezTo>
                  <a:cubicBezTo>
                    <a:pt x="131" y="118"/>
                    <a:pt x="129" y="117"/>
                    <a:pt x="126" y="115"/>
                  </a:cubicBezTo>
                  <a:cubicBezTo>
                    <a:pt x="124" y="114"/>
                    <a:pt x="121" y="113"/>
                    <a:pt x="119" y="111"/>
                  </a:cubicBezTo>
                  <a:cubicBezTo>
                    <a:pt x="113" y="109"/>
                    <a:pt x="108" y="106"/>
                    <a:pt x="103" y="103"/>
                  </a:cubicBezTo>
                  <a:cubicBezTo>
                    <a:pt x="96" y="99"/>
                    <a:pt x="88" y="94"/>
                    <a:pt x="82" y="89"/>
                  </a:cubicBezTo>
                  <a:cubicBezTo>
                    <a:pt x="78" y="87"/>
                    <a:pt x="75" y="85"/>
                    <a:pt x="72" y="82"/>
                  </a:cubicBezTo>
                  <a:cubicBezTo>
                    <a:pt x="70" y="81"/>
                    <a:pt x="68" y="80"/>
                    <a:pt x="67" y="78"/>
                  </a:cubicBezTo>
                  <a:cubicBezTo>
                    <a:pt x="66" y="78"/>
                    <a:pt x="65" y="77"/>
                    <a:pt x="65" y="76"/>
                  </a:cubicBezTo>
                  <a:cubicBezTo>
                    <a:pt x="64" y="76"/>
                    <a:pt x="64" y="75"/>
                    <a:pt x="64" y="74"/>
                  </a:cubicBezTo>
                  <a:cubicBezTo>
                    <a:pt x="64" y="74"/>
                    <a:pt x="64" y="73"/>
                    <a:pt x="64" y="73"/>
                  </a:cubicBezTo>
                  <a:cubicBezTo>
                    <a:pt x="64" y="73"/>
                    <a:pt x="64" y="72"/>
                    <a:pt x="64" y="72"/>
                  </a:cubicBezTo>
                  <a:cubicBezTo>
                    <a:pt x="69" y="64"/>
                    <a:pt x="70" y="56"/>
                    <a:pt x="69" y="48"/>
                  </a:cubicBezTo>
                  <a:cubicBezTo>
                    <a:pt x="69" y="40"/>
                    <a:pt x="65" y="33"/>
                    <a:pt x="60" y="28"/>
                  </a:cubicBezTo>
                  <a:cubicBezTo>
                    <a:pt x="58" y="25"/>
                    <a:pt x="55" y="23"/>
                    <a:pt x="52" y="21"/>
                  </a:cubicBezTo>
                  <a:cubicBezTo>
                    <a:pt x="49" y="19"/>
                    <a:pt x="46" y="17"/>
                    <a:pt x="43" y="17"/>
                  </a:cubicBezTo>
                  <a:cubicBezTo>
                    <a:pt x="37" y="15"/>
                    <a:pt x="31" y="15"/>
                    <a:pt x="26" y="16"/>
                  </a:cubicBezTo>
                  <a:cubicBezTo>
                    <a:pt x="16" y="18"/>
                    <a:pt x="9" y="24"/>
                    <a:pt x="5" y="29"/>
                  </a:cubicBezTo>
                  <a:cubicBezTo>
                    <a:pt x="4" y="30"/>
                    <a:pt x="3" y="31"/>
                    <a:pt x="3" y="32"/>
                  </a:cubicBezTo>
                  <a:cubicBezTo>
                    <a:pt x="2" y="33"/>
                    <a:pt x="1" y="34"/>
                    <a:pt x="1" y="34"/>
                  </a:cubicBezTo>
                  <a:cubicBezTo>
                    <a:pt x="0" y="36"/>
                    <a:pt x="0" y="36"/>
                    <a:pt x="0" y="36"/>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8" name="í$lîďè">
              <a:extLst>
                <a:ext uri="{FF2B5EF4-FFF2-40B4-BE49-F238E27FC236}">
                  <a16:creationId xmlns:a16="http://schemas.microsoft.com/office/drawing/2014/main" xmlns="" id="{14AD282C-C689-4EC0-9B9D-08653E38C6BF}"/>
                </a:ext>
              </a:extLst>
            </p:cNvPr>
            <p:cNvSpPr/>
            <p:nvPr/>
          </p:nvSpPr>
          <p:spPr bwMode="auto">
            <a:xfrm>
              <a:off x="7012217" y="2724042"/>
              <a:ext cx="159700" cy="365027"/>
            </a:xfrm>
            <a:custGeom>
              <a:avLst/>
              <a:gdLst>
                <a:gd name="T0" fmla="*/ 41 w 74"/>
                <a:gd name="T1" fmla="*/ 169 h 169"/>
                <a:gd name="T2" fmla="*/ 45 w 74"/>
                <a:gd name="T3" fmla="*/ 161 h 169"/>
                <a:gd name="T4" fmla="*/ 57 w 74"/>
                <a:gd name="T5" fmla="*/ 142 h 169"/>
                <a:gd name="T6" fmla="*/ 59 w 74"/>
                <a:gd name="T7" fmla="*/ 135 h 169"/>
                <a:gd name="T8" fmla="*/ 61 w 74"/>
                <a:gd name="T9" fmla="*/ 127 h 169"/>
                <a:gd name="T10" fmla="*/ 65 w 74"/>
                <a:gd name="T11" fmla="*/ 109 h 169"/>
                <a:gd name="T12" fmla="*/ 70 w 74"/>
                <a:gd name="T13" fmla="*/ 68 h 169"/>
                <a:gd name="T14" fmla="*/ 68 w 74"/>
                <a:gd name="T15" fmla="*/ 48 h 169"/>
                <a:gd name="T16" fmla="*/ 63 w 74"/>
                <a:gd name="T17" fmla="*/ 40 h 169"/>
                <a:gd name="T18" fmla="*/ 56 w 74"/>
                <a:gd name="T19" fmla="*/ 34 h 169"/>
                <a:gd name="T20" fmla="*/ 27 w 74"/>
                <a:gd name="T21" fmla="*/ 16 h 169"/>
                <a:gd name="T22" fmla="*/ 7 w 74"/>
                <a:gd name="T23" fmla="*/ 5 h 169"/>
                <a:gd name="T24" fmla="*/ 0 w 74"/>
                <a:gd name="T25" fmla="*/ 0 h 169"/>
                <a:gd name="T26" fmla="*/ 8 w 74"/>
                <a:gd name="T27" fmla="*/ 4 h 169"/>
                <a:gd name="T28" fmla="*/ 28 w 74"/>
                <a:gd name="T29" fmla="*/ 14 h 169"/>
                <a:gd name="T30" fmla="*/ 57 w 74"/>
                <a:gd name="T31" fmla="*/ 31 h 169"/>
                <a:gd name="T32" fmla="*/ 65 w 74"/>
                <a:gd name="T33" fmla="*/ 37 h 169"/>
                <a:gd name="T34" fmla="*/ 71 w 74"/>
                <a:gd name="T35" fmla="*/ 47 h 169"/>
                <a:gd name="T36" fmla="*/ 74 w 74"/>
                <a:gd name="T37" fmla="*/ 68 h 169"/>
                <a:gd name="T38" fmla="*/ 68 w 74"/>
                <a:gd name="T39" fmla="*/ 110 h 169"/>
                <a:gd name="T40" fmla="*/ 64 w 74"/>
                <a:gd name="T41" fmla="*/ 128 h 169"/>
                <a:gd name="T42" fmla="*/ 61 w 74"/>
                <a:gd name="T43" fmla="*/ 135 h 169"/>
                <a:gd name="T44" fmla="*/ 59 w 74"/>
                <a:gd name="T45" fmla="*/ 143 h 169"/>
                <a:gd name="T46" fmla="*/ 46 w 74"/>
                <a:gd name="T47" fmla="*/ 162 h 169"/>
                <a:gd name="T48" fmla="*/ 41 w 74"/>
                <a:gd name="T49" fmla="*/ 169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74" h="169">
                  <a:moveTo>
                    <a:pt x="41" y="169"/>
                  </a:moveTo>
                  <a:cubicBezTo>
                    <a:pt x="41" y="169"/>
                    <a:pt x="42" y="166"/>
                    <a:pt x="45" y="161"/>
                  </a:cubicBezTo>
                  <a:cubicBezTo>
                    <a:pt x="48" y="157"/>
                    <a:pt x="53" y="150"/>
                    <a:pt x="57" y="142"/>
                  </a:cubicBezTo>
                  <a:cubicBezTo>
                    <a:pt x="58" y="140"/>
                    <a:pt x="58" y="137"/>
                    <a:pt x="59" y="135"/>
                  </a:cubicBezTo>
                  <a:cubicBezTo>
                    <a:pt x="59" y="132"/>
                    <a:pt x="60" y="130"/>
                    <a:pt x="61" y="127"/>
                  </a:cubicBezTo>
                  <a:cubicBezTo>
                    <a:pt x="62" y="121"/>
                    <a:pt x="64" y="115"/>
                    <a:pt x="65" y="109"/>
                  </a:cubicBezTo>
                  <a:cubicBezTo>
                    <a:pt x="67" y="97"/>
                    <a:pt x="70" y="83"/>
                    <a:pt x="70" y="68"/>
                  </a:cubicBezTo>
                  <a:cubicBezTo>
                    <a:pt x="70" y="61"/>
                    <a:pt x="70" y="54"/>
                    <a:pt x="68" y="48"/>
                  </a:cubicBezTo>
                  <a:cubicBezTo>
                    <a:pt x="67" y="44"/>
                    <a:pt x="65" y="42"/>
                    <a:pt x="63" y="40"/>
                  </a:cubicBezTo>
                  <a:cubicBezTo>
                    <a:pt x="61" y="38"/>
                    <a:pt x="58" y="36"/>
                    <a:pt x="56" y="34"/>
                  </a:cubicBezTo>
                  <a:cubicBezTo>
                    <a:pt x="45" y="27"/>
                    <a:pt x="35" y="21"/>
                    <a:pt x="27" y="16"/>
                  </a:cubicBezTo>
                  <a:cubicBezTo>
                    <a:pt x="18" y="11"/>
                    <a:pt x="12" y="8"/>
                    <a:pt x="7" y="5"/>
                  </a:cubicBezTo>
                  <a:cubicBezTo>
                    <a:pt x="2" y="2"/>
                    <a:pt x="0" y="0"/>
                    <a:pt x="0" y="0"/>
                  </a:cubicBezTo>
                  <a:cubicBezTo>
                    <a:pt x="0" y="0"/>
                    <a:pt x="3" y="1"/>
                    <a:pt x="8" y="4"/>
                  </a:cubicBezTo>
                  <a:cubicBezTo>
                    <a:pt x="12" y="6"/>
                    <a:pt x="19" y="10"/>
                    <a:pt x="28" y="14"/>
                  </a:cubicBezTo>
                  <a:cubicBezTo>
                    <a:pt x="36" y="19"/>
                    <a:pt x="47" y="24"/>
                    <a:pt x="57" y="31"/>
                  </a:cubicBezTo>
                  <a:cubicBezTo>
                    <a:pt x="60" y="33"/>
                    <a:pt x="63" y="35"/>
                    <a:pt x="65" y="37"/>
                  </a:cubicBezTo>
                  <a:cubicBezTo>
                    <a:pt x="68" y="40"/>
                    <a:pt x="70" y="43"/>
                    <a:pt x="71" y="47"/>
                  </a:cubicBezTo>
                  <a:cubicBezTo>
                    <a:pt x="74" y="54"/>
                    <a:pt x="74" y="61"/>
                    <a:pt x="74" y="68"/>
                  </a:cubicBezTo>
                  <a:cubicBezTo>
                    <a:pt x="73" y="83"/>
                    <a:pt x="71" y="97"/>
                    <a:pt x="68" y="110"/>
                  </a:cubicBezTo>
                  <a:cubicBezTo>
                    <a:pt x="66" y="116"/>
                    <a:pt x="65" y="122"/>
                    <a:pt x="64" y="128"/>
                  </a:cubicBezTo>
                  <a:cubicBezTo>
                    <a:pt x="63" y="130"/>
                    <a:pt x="62" y="133"/>
                    <a:pt x="61" y="135"/>
                  </a:cubicBezTo>
                  <a:cubicBezTo>
                    <a:pt x="61" y="138"/>
                    <a:pt x="60" y="141"/>
                    <a:pt x="59" y="143"/>
                  </a:cubicBezTo>
                  <a:cubicBezTo>
                    <a:pt x="54" y="152"/>
                    <a:pt x="49" y="158"/>
                    <a:pt x="46" y="162"/>
                  </a:cubicBezTo>
                  <a:cubicBezTo>
                    <a:pt x="43" y="166"/>
                    <a:pt x="41" y="169"/>
                    <a:pt x="41" y="169"/>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89" name="ïṣḻíḓé">
              <a:extLst>
                <a:ext uri="{FF2B5EF4-FFF2-40B4-BE49-F238E27FC236}">
                  <a16:creationId xmlns:a16="http://schemas.microsoft.com/office/drawing/2014/main" xmlns="" id="{B21DD284-7C4F-46A9-AF30-6E23A499961E}"/>
                </a:ext>
              </a:extLst>
            </p:cNvPr>
            <p:cNvSpPr/>
            <p:nvPr/>
          </p:nvSpPr>
          <p:spPr bwMode="auto">
            <a:xfrm>
              <a:off x="6981190" y="2788834"/>
              <a:ext cx="153311" cy="96732"/>
            </a:xfrm>
            <a:custGeom>
              <a:avLst/>
              <a:gdLst>
                <a:gd name="T0" fmla="*/ 69 w 71"/>
                <a:gd name="T1" fmla="*/ 45 h 45"/>
                <a:gd name="T2" fmla="*/ 69 w 71"/>
                <a:gd name="T3" fmla="*/ 41 h 45"/>
                <a:gd name="T4" fmla="*/ 66 w 71"/>
                <a:gd name="T5" fmla="*/ 30 h 45"/>
                <a:gd name="T6" fmla="*/ 34 w 71"/>
                <a:gd name="T7" fmla="*/ 8 h 45"/>
                <a:gd name="T8" fmla="*/ 26 w 71"/>
                <a:gd name="T9" fmla="*/ 4 h 45"/>
                <a:gd name="T10" fmla="*/ 26 w 71"/>
                <a:gd name="T11" fmla="*/ 4 h 45"/>
                <a:gd name="T12" fmla="*/ 25 w 71"/>
                <a:gd name="T13" fmla="*/ 6 h 45"/>
                <a:gd name="T14" fmla="*/ 22 w 71"/>
                <a:gd name="T15" fmla="*/ 10 h 45"/>
                <a:gd name="T16" fmla="*/ 17 w 71"/>
                <a:gd name="T17" fmla="*/ 18 h 45"/>
                <a:gd name="T18" fmla="*/ 9 w 71"/>
                <a:gd name="T19" fmla="*/ 31 h 45"/>
                <a:gd name="T20" fmla="*/ 1 w 71"/>
                <a:gd name="T21" fmla="*/ 42 h 45"/>
                <a:gd name="T22" fmla="*/ 7 w 71"/>
                <a:gd name="T23" fmla="*/ 29 h 45"/>
                <a:gd name="T24" fmla="*/ 14 w 71"/>
                <a:gd name="T25" fmla="*/ 16 h 45"/>
                <a:gd name="T26" fmla="*/ 19 w 71"/>
                <a:gd name="T27" fmla="*/ 8 h 45"/>
                <a:gd name="T28" fmla="*/ 22 w 71"/>
                <a:gd name="T29" fmla="*/ 4 h 45"/>
                <a:gd name="T30" fmla="*/ 24 w 71"/>
                <a:gd name="T31" fmla="*/ 2 h 45"/>
                <a:gd name="T32" fmla="*/ 27 w 71"/>
                <a:gd name="T33" fmla="*/ 1 h 45"/>
                <a:gd name="T34" fmla="*/ 35 w 71"/>
                <a:gd name="T35" fmla="*/ 5 h 45"/>
                <a:gd name="T36" fmla="*/ 55 w 71"/>
                <a:gd name="T37" fmla="*/ 16 h 45"/>
                <a:gd name="T38" fmla="*/ 68 w 71"/>
                <a:gd name="T39" fmla="*/ 29 h 45"/>
                <a:gd name="T40" fmla="*/ 70 w 71"/>
                <a:gd name="T41" fmla="*/ 41 h 45"/>
                <a:gd name="T42" fmla="*/ 69 w 71"/>
                <a:gd name="T43" fmla="*/ 45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71" h="45">
                  <a:moveTo>
                    <a:pt x="69" y="45"/>
                  </a:moveTo>
                  <a:cubicBezTo>
                    <a:pt x="69" y="45"/>
                    <a:pt x="69" y="44"/>
                    <a:pt x="69" y="41"/>
                  </a:cubicBezTo>
                  <a:cubicBezTo>
                    <a:pt x="69" y="38"/>
                    <a:pt x="69" y="34"/>
                    <a:pt x="66" y="30"/>
                  </a:cubicBezTo>
                  <a:cubicBezTo>
                    <a:pt x="61" y="21"/>
                    <a:pt x="48" y="15"/>
                    <a:pt x="34" y="8"/>
                  </a:cubicBezTo>
                  <a:cubicBezTo>
                    <a:pt x="31" y="6"/>
                    <a:pt x="29" y="5"/>
                    <a:pt x="26" y="4"/>
                  </a:cubicBezTo>
                  <a:cubicBezTo>
                    <a:pt x="26" y="4"/>
                    <a:pt x="27" y="4"/>
                    <a:pt x="26" y="4"/>
                  </a:cubicBezTo>
                  <a:cubicBezTo>
                    <a:pt x="26" y="5"/>
                    <a:pt x="25" y="5"/>
                    <a:pt x="25" y="6"/>
                  </a:cubicBezTo>
                  <a:cubicBezTo>
                    <a:pt x="24" y="7"/>
                    <a:pt x="23" y="9"/>
                    <a:pt x="22" y="10"/>
                  </a:cubicBezTo>
                  <a:cubicBezTo>
                    <a:pt x="20" y="13"/>
                    <a:pt x="18" y="15"/>
                    <a:pt x="17" y="18"/>
                  </a:cubicBezTo>
                  <a:cubicBezTo>
                    <a:pt x="14" y="22"/>
                    <a:pt x="11" y="27"/>
                    <a:pt x="9" y="31"/>
                  </a:cubicBezTo>
                  <a:cubicBezTo>
                    <a:pt x="4" y="38"/>
                    <a:pt x="1" y="42"/>
                    <a:pt x="1" y="42"/>
                  </a:cubicBezTo>
                  <a:cubicBezTo>
                    <a:pt x="0" y="42"/>
                    <a:pt x="3" y="37"/>
                    <a:pt x="7" y="29"/>
                  </a:cubicBezTo>
                  <a:cubicBezTo>
                    <a:pt x="9" y="26"/>
                    <a:pt x="11" y="21"/>
                    <a:pt x="14" y="16"/>
                  </a:cubicBezTo>
                  <a:cubicBezTo>
                    <a:pt x="16" y="14"/>
                    <a:pt x="17" y="11"/>
                    <a:pt x="19" y="8"/>
                  </a:cubicBezTo>
                  <a:cubicBezTo>
                    <a:pt x="20" y="7"/>
                    <a:pt x="21" y="5"/>
                    <a:pt x="22" y="4"/>
                  </a:cubicBezTo>
                  <a:cubicBezTo>
                    <a:pt x="22" y="3"/>
                    <a:pt x="23" y="3"/>
                    <a:pt x="24" y="2"/>
                  </a:cubicBezTo>
                  <a:cubicBezTo>
                    <a:pt x="24" y="1"/>
                    <a:pt x="26" y="0"/>
                    <a:pt x="27" y="1"/>
                  </a:cubicBezTo>
                  <a:cubicBezTo>
                    <a:pt x="30" y="2"/>
                    <a:pt x="33" y="3"/>
                    <a:pt x="35" y="5"/>
                  </a:cubicBezTo>
                  <a:cubicBezTo>
                    <a:pt x="42" y="8"/>
                    <a:pt x="49" y="12"/>
                    <a:pt x="55" y="16"/>
                  </a:cubicBezTo>
                  <a:cubicBezTo>
                    <a:pt x="61" y="19"/>
                    <a:pt x="66" y="24"/>
                    <a:pt x="68" y="29"/>
                  </a:cubicBezTo>
                  <a:cubicBezTo>
                    <a:pt x="71" y="34"/>
                    <a:pt x="71" y="38"/>
                    <a:pt x="70" y="41"/>
                  </a:cubicBezTo>
                  <a:cubicBezTo>
                    <a:pt x="70" y="44"/>
                    <a:pt x="69" y="45"/>
                    <a:pt x="69" y="45"/>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0" name="í$ļiḍe">
              <a:extLst>
                <a:ext uri="{FF2B5EF4-FFF2-40B4-BE49-F238E27FC236}">
                  <a16:creationId xmlns:a16="http://schemas.microsoft.com/office/drawing/2014/main" xmlns="" id="{C8FF1ABA-91DF-4EA4-B319-EFA38C3EF24F}"/>
                </a:ext>
              </a:extLst>
            </p:cNvPr>
            <p:cNvSpPr/>
            <p:nvPr/>
          </p:nvSpPr>
          <p:spPr bwMode="auto">
            <a:xfrm>
              <a:off x="6983928" y="2838113"/>
              <a:ext cx="148749" cy="105858"/>
            </a:xfrm>
            <a:custGeom>
              <a:avLst/>
              <a:gdLst>
                <a:gd name="T0" fmla="*/ 1 w 69"/>
                <a:gd name="T1" fmla="*/ 19 h 49"/>
                <a:gd name="T2" fmla="*/ 15 w 69"/>
                <a:gd name="T3" fmla="*/ 26 h 49"/>
                <a:gd name="T4" fmla="*/ 51 w 69"/>
                <a:gd name="T5" fmla="*/ 45 h 49"/>
                <a:gd name="T6" fmla="*/ 53 w 69"/>
                <a:gd name="T7" fmla="*/ 46 h 49"/>
                <a:gd name="T8" fmla="*/ 54 w 69"/>
                <a:gd name="T9" fmla="*/ 45 h 49"/>
                <a:gd name="T10" fmla="*/ 57 w 69"/>
                <a:gd name="T11" fmla="*/ 41 h 49"/>
                <a:gd name="T12" fmla="*/ 62 w 69"/>
                <a:gd name="T13" fmla="*/ 32 h 49"/>
                <a:gd name="T14" fmla="*/ 67 w 69"/>
                <a:gd name="T15" fmla="*/ 15 h 49"/>
                <a:gd name="T16" fmla="*/ 64 w 69"/>
                <a:gd name="T17" fmla="*/ 4 h 49"/>
                <a:gd name="T18" fmla="*/ 62 w 69"/>
                <a:gd name="T19" fmla="*/ 1 h 49"/>
                <a:gd name="T20" fmla="*/ 61 w 69"/>
                <a:gd name="T21" fmla="*/ 0 h 49"/>
                <a:gd name="T22" fmla="*/ 62 w 69"/>
                <a:gd name="T23" fmla="*/ 1 h 49"/>
                <a:gd name="T24" fmla="*/ 65 w 69"/>
                <a:gd name="T25" fmla="*/ 3 h 49"/>
                <a:gd name="T26" fmla="*/ 69 w 69"/>
                <a:gd name="T27" fmla="*/ 15 h 49"/>
                <a:gd name="T28" fmla="*/ 65 w 69"/>
                <a:gd name="T29" fmla="*/ 33 h 49"/>
                <a:gd name="T30" fmla="*/ 60 w 69"/>
                <a:gd name="T31" fmla="*/ 43 h 49"/>
                <a:gd name="T32" fmla="*/ 57 w 69"/>
                <a:gd name="T33" fmla="*/ 48 h 49"/>
                <a:gd name="T34" fmla="*/ 55 w 69"/>
                <a:gd name="T35" fmla="*/ 49 h 49"/>
                <a:gd name="T36" fmla="*/ 53 w 69"/>
                <a:gd name="T37" fmla="*/ 49 h 49"/>
                <a:gd name="T38" fmla="*/ 49 w 69"/>
                <a:gd name="T39" fmla="*/ 48 h 49"/>
                <a:gd name="T40" fmla="*/ 14 w 69"/>
                <a:gd name="T41" fmla="*/ 28 h 49"/>
                <a:gd name="T42" fmla="*/ 1 w 69"/>
                <a:gd name="T43" fmla="*/ 19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69" h="49">
                  <a:moveTo>
                    <a:pt x="1" y="19"/>
                  </a:moveTo>
                  <a:cubicBezTo>
                    <a:pt x="1" y="18"/>
                    <a:pt x="6" y="21"/>
                    <a:pt x="15" y="26"/>
                  </a:cubicBezTo>
                  <a:cubicBezTo>
                    <a:pt x="24" y="31"/>
                    <a:pt x="37" y="38"/>
                    <a:pt x="51" y="45"/>
                  </a:cubicBezTo>
                  <a:cubicBezTo>
                    <a:pt x="52" y="46"/>
                    <a:pt x="52" y="46"/>
                    <a:pt x="53" y="46"/>
                  </a:cubicBezTo>
                  <a:cubicBezTo>
                    <a:pt x="53" y="46"/>
                    <a:pt x="53" y="46"/>
                    <a:pt x="54" y="45"/>
                  </a:cubicBezTo>
                  <a:cubicBezTo>
                    <a:pt x="55" y="44"/>
                    <a:pt x="56" y="42"/>
                    <a:pt x="57" y="41"/>
                  </a:cubicBezTo>
                  <a:cubicBezTo>
                    <a:pt x="59" y="38"/>
                    <a:pt x="61" y="35"/>
                    <a:pt x="62" y="32"/>
                  </a:cubicBezTo>
                  <a:cubicBezTo>
                    <a:pt x="65" y="26"/>
                    <a:pt x="66" y="20"/>
                    <a:pt x="67" y="15"/>
                  </a:cubicBezTo>
                  <a:cubicBezTo>
                    <a:pt x="67" y="10"/>
                    <a:pt x="65" y="6"/>
                    <a:pt x="64" y="4"/>
                  </a:cubicBezTo>
                  <a:cubicBezTo>
                    <a:pt x="63" y="3"/>
                    <a:pt x="62" y="2"/>
                    <a:pt x="62" y="1"/>
                  </a:cubicBezTo>
                  <a:cubicBezTo>
                    <a:pt x="61" y="1"/>
                    <a:pt x="61" y="1"/>
                    <a:pt x="61" y="0"/>
                  </a:cubicBezTo>
                  <a:cubicBezTo>
                    <a:pt x="61" y="0"/>
                    <a:pt x="62" y="1"/>
                    <a:pt x="62" y="1"/>
                  </a:cubicBezTo>
                  <a:cubicBezTo>
                    <a:pt x="63" y="1"/>
                    <a:pt x="64" y="2"/>
                    <a:pt x="65" y="3"/>
                  </a:cubicBezTo>
                  <a:cubicBezTo>
                    <a:pt x="67" y="5"/>
                    <a:pt x="69" y="10"/>
                    <a:pt x="69" y="15"/>
                  </a:cubicBezTo>
                  <a:cubicBezTo>
                    <a:pt x="69" y="20"/>
                    <a:pt x="68" y="27"/>
                    <a:pt x="65" y="33"/>
                  </a:cubicBezTo>
                  <a:cubicBezTo>
                    <a:pt x="64" y="36"/>
                    <a:pt x="62" y="40"/>
                    <a:pt x="60" y="43"/>
                  </a:cubicBezTo>
                  <a:cubicBezTo>
                    <a:pt x="59" y="45"/>
                    <a:pt x="58" y="46"/>
                    <a:pt x="57" y="48"/>
                  </a:cubicBezTo>
                  <a:cubicBezTo>
                    <a:pt x="56" y="48"/>
                    <a:pt x="56" y="49"/>
                    <a:pt x="55" y="49"/>
                  </a:cubicBezTo>
                  <a:cubicBezTo>
                    <a:pt x="54" y="49"/>
                    <a:pt x="53" y="49"/>
                    <a:pt x="53" y="49"/>
                  </a:cubicBezTo>
                  <a:cubicBezTo>
                    <a:pt x="51" y="49"/>
                    <a:pt x="50" y="49"/>
                    <a:pt x="49" y="48"/>
                  </a:cubicBezTo>
                  <a:cubicBezTo>
                    <a:pt x="35" y="41"/>
                    <a:pt x="23" y="34"/>
                    <a:pt x="14" y="28"/>
                  </a:cubicBezTo>
                  <a:cubicBezTo>
                    <a:pt x="5" y="23"/>
                    <a:pt x="0" y="19"/>
                    <a:pt x="1" y="19"/>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1" name="í$ļíḓè">
              <a:extLst>
                <a:ext uri="{FF2B5EF4-FFF2-40B4-BE49-F238E27FC236}">
                  <a16:creationId xmlns:a16="http://schemas.microsoft.com/office/drawing/2014/main" xmlns="" id="{08C7AC69-E201-4601-80F6-FC2A6588E4BB}"/>
                </a:ext>
              </a:extLst>
            </p:cNvPr>
            <p:cNvSpPr/>
            <p:nvPr/>
          </p:nvSpPr>
          <p:spPr bwMode="auto">
            <a:xfrm>
              <a:off x="6862556" y="2931194"/>
              <a:ext cx="261907" cy="156049"/>
            </a:xfrm>
            <a:custGeom>
              <a:avLst/>
              <a:gdLst>
                <a:gd name="T0" fmla="*/ 0 w 121"/>
                <a:gd name="T1" fmla="*/ 7 h 72"/>
                <a:gd name="T2" fmla="*/ 7 w 121"/>
                <a:gd name="T3" fmla="*/ 10 h 72"/>
                <a:gd name="T4" fmla="*/ 26 w 121"/>
                <a:gd name="T5" fmla="*/ 20 h 72"/>
                <a:gd name="T6" fmla="*/ 29 w 121"/>
                <a:gd name="T7" fmla="*/ 21 h 72"/>
                <a:gd name="T8" fmla="*/ 32 w 121"/>
                <a:gd name="T9" fmla="*/ 22 h 72"/>
                <a:gd name="T10" fmla="*/ 36 w 121"/>
                <a:gd name="T11" fmla="*/ 18 h 72"/>
                <a:gd name="T12" fmla="*/ 41 w 121"/>
                <a:gd name="T13" fmla="*/ 11 h 72"/>
                <a:gd name="T14" fmla="*/ 44 w 121"/>
                <a:gd name="T15" fmla="*/ 7 h 72"/>
                <a:gd name="T16" fmla="*/ 48 w 121"/>
                <a:gd name="T17" fmla="*/ 5 h 72"/>
                <a:gd name="T18" fmla="*/ 67 w 121"/>
                <a:gd name="T19" fmla="*/ 1 h 72"/>
                <a:gd name="T20" fmla="*/ 87 w 121"/>
                <a:gd name="T21" fmla="*/ 8 h 72"/>
                <a:gd name="T22" fmla="*/ 95 w 121"/>
                <a:gd name="T23" fmla="*/ 13 h 72"/>
                <a:gd name="T24" fmla="*/ 101 w 121"/>
                <a:gd name="T25" fmla="*/ 20 h 72"/>
                <a:gd name="T26" fmla="*/ 107 w 121"/>
                <a:gd name="T27" fmla="*/ 36 h 72"/>
                <a:gd name="T28" fmla="*/ 105 w 121"/>
                <a:gd name="T29" fmla="*/ 52 h 72"/>
                <a:gd name="T30" fmla="*/ 101 w 121"/>
                <a:gd name="T31" fmla="*/ 59 h 72"/>
                <a:gd name="T32" fmla="*/ 98 w 121"/>
                <a:gd name="T33" fmla="*/ 64 h 72"/>
                <a:gd name="T34" fmla="*/ 98 w 121"/>
                <a:gd name="T35" fmla="*/ 65 h 72"/>
                <a:gd name="T36" fmla="*/ 100 w 121"/>
                <a:gd name="T37" fmla="*/ 66 h 72"/>
                <a:gd name="T38" fmla="*/ 103 w 121"/>
                <a:gd name="T39" fmla="*/ 68 h 72"/>
                <a:gd name="T40" fmla="*/ 107 w 121"/>
                <a:gd name="T41" fmla="*/ 69 h 72"/>
                <a:gd name="T42" fmla="*/ 110 w 121"/>
                <a:gd name="T43" fmla="*/ 70 h 72"/>
                <a:gd name="T44" fmla="*/ 110 w 121"/>
                <a:gd name="T45" fmla="*/ 70 h 72"/>
                <a:gd name="T46" fmla="*/ 111 w 121"/>
                <a:gd name="T47" fmla="*/ 69 h 72"/>
                <a:gd name="T48" fmla="*/ 112 w 121"/>
                <a:gd name="T49" fmla="*/ 67 h 72"/>
                <a:gd name="T50" fmla="*/ 115 w 121"/>
                <a:gd name="T51" fmla="*/ 64 h 72"/>
                <a:gd name="T52" fmla="*/ 118 w 121"/>
                <a:gd name="T53" fmla="*/ 59 h 72"/>
                <a:gd name="T54" fmla="*/ 121 w 121"/>
                <a:gd name="T55" fmla="*/ 55 h 72"/>
                <a:gd name="T56" fmla="*/ 119 w 121"/>
                <a:gd name="T57" fmla="*/ 60 h 72"/>
                <a:gd name="T58" fmla="*/ 116 w 121"/>
                <a:gd name="T59" fmla="*/ 65 h 72"/>
                <a:gd name="T60" fmla="*/ 114 w 121"/>
                <a:gd name="T61" fmla="*/ 68 h 72"/>
                <a:gd name="T62" fmla="*/ 112 w 121"/>
                <a:gd name="T63" fmla="*/ 70 h 72"/>
                <a:gd name="T64" fmla="*/ 111 w 121"/>
                <a:gd name="T65" fmla="*/ 72 h 72"/>
                <a:gd name="T66" fmla="*/ 106 w 121"/>
                <a:gd name="T67" fmla="*/ 71 h 72"/>
                <a:gd name="T68" fmla="*/ 103 w 121"/>
                <a:gd name="T69" fmla="*/ 70 h 72"/>
                <a:gd name="T70" fmla="*/ 98 w 121"/>
                <a:gd name="T71" fmla="*/ 68 h 72"/>
                <a:gd name="T72" fmla="*/ 96 w 121"/>
                <a:gd name="T73" fmla="*/ 67 h 72"/>
                <a:gd name="T74" fmla="*/ 96 w 121"/>
                <a:gd name="T75" fmla="*/ 63 h 72"/>
                <a:gd name="T76" fmla="*/ 99 w 121"/>
                <a:gd name="T77" fmla="*/ 57 h 72"/>
                <a:gd name="T78" fmla="*/ 102 w 121"/>
                <a:gd name="T79" fmla="*/ 51 h 72"/>
                <a:gd name="T80" fmla="*/ 104 w 121"/>
                <a:gd name="T81" fmla="*/ 37 h 72"/>
                <a:gd name="T82" fmla="*/ 98 w 121"/>
                <a:gd name="T83" fmla="*/ 22 h 72"/>
                <a:gd name="T84" fmla="*/ 93 w 121"/>
                <a:gd name="T85" fmla="*/ 16 h 72"/>
                <a:gd name="T86" fmla="*/ 85 w 121"/>
                <a:gd name="T87" fmla="*/ 11 h 72"/>
                <a:gd name="T88" fmla="*/ 67 w 121"/>
                <a:gd name="T89" fmla="*/ 5 h 72"/>
                <a:gd name="T90" fmla="*/ 50 w 121"/>
                <a:gd name="T91" fmla="*/ 7 h 72"/>
                <a:gd name="T92" fmla="*/ 39 w 121"/>
                <a:gd name="T93" fmla="*/ 19 h 72"/>
                <a:gd name="T94" fmla="*/ 36 w 121"/>
                <a:gd name="T95" fmla="*/ 22 h 72"/>
                <a:gd name="T96" fmla="*/ 35 w 121"/>
                <a:gd name="T97" fmla="*/ 24 h 72"/>
                <a:gd name="T98" fmla="*/ 32 w 121"/>
                <a:gd name="T99" fmla="*/ 25 h 72"/>
                <a:gd name="T100" fmla="*/ 30 w 121"/>
                <a:gd name="T101" fmla="*/ 24 h 72"/>
                <a:gd name="T102" fmla="*/ 28 w 121"/>
                <a:gd name="T103" fmla="*/ 24 h 72"/>
                <a:gd name="T104" fmla="*/ 25 w 121"/>
                <a:gd name="T105" fmla="*/ 22 h 72"/>
                <a:gd name="T106" fmla="*/ 7 w 121"/>
                <a:gd name="T107" fmla="*/ 11 h 72"/>
                <a:gd name="T108" fmla="*/ 0 w 121"/>
                <a:gd name="T109" fmla="*/ 7 h 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21" h="72">
                  <a:moveTo>
                    <a:pt x="0" y="7"/>
                  </a:moveTo>
                  <a:cubicBezTo>
                    <a:pt x="0" y="7"/>
                    <a:pt x="3" y="8"/>
                    <a:pt x="7" y="10"/>
                  </a:cubicBezTo>
                  <a:cubicBezTo>
                    <a:pt x="12" y="12"/>
                    <a:pt x="18" y="16"/>
                    <a:pt x="26" y="20"/>
                  </a:cubicBezTo>
                  <a:cubicBezTo>
                    <a:pt x="27" y="20"/>
                    <a:pt x="28" y="21"/>
                    <a:pt x="29" y="21"/>
                  </a:cubicBezTo>
                  <a:cubicBezTo>
                    <a:pt x="31" y="22"/>
                    <a:pt x="32" y="22"/>
                    <a:pt x="32" y="22"/>
                  </a:cubicBezTo>
                  <a:cubicBezTo>
                    <a:pt x="33" y="23"/>
                    <a:pt x="35" y="20"/>
                    <a:pt x="36" y="18"/>
                  </a:cubicBezTo>
                  <a:cubicBezTo>
                    <a:pt x="38" y="15"/>
                    <a:pt x="39" y="13"/>
                    <a:pt x="41" y="11"/>
                  </a:cubicBezTo>
                  <a:cubicBezTo>
                    <a:pt x="42" y="9"/>
                    <a:pt x="43" y="8"/>
                    <a:pt x="44" y="7"/>
                  </a:cubicBezTo>
                  <a:cubicBezTo>
                    <a:pt x="45" y="6"/>
                    <a:pt x="47" y="6"/>
                    <a:pt x="48" y="5"/>
                  </a:cubicBezTo>
                  <a:cubicBezTo>
                    <a:pt x="54" y="1"/>
                    <a:pt x="61" y="0"/>
                    <a:pt x="67" y="1"/>
                  </a:cubicBezTo>
                  <a:cubicBezTo>
                    <a:pt x="74" y="2"/>
                    <a:pt x="81" y="5"/>
                    <a:pt x="87" y="8"/>
                  </a:cubicBezTo>
                  <a:cubicBezTo>
                    <a:pt x="90" y="10"/>
                    <a:pt x="92" y="12"/>
                    <a:pt x="95" y="13"/>
                  </a:cubicBezTo>
                  <a:cubicBezTo>
                    <a:pt x="97" y="15"/>
                    <a:pt x="99" y="17"/>
                    <a:pt x="101" y="20"/>
                  </a:cubicBezTo>
                  <a:cubicBezTo>
                    <a:pt x="104" y="25"/>
                    <a:pt x="106" y="31"/>
                    <a:pt x="107" y="36"/>
                  </a:cubicBezTo>
                  <a:cubicBezTo>
                    <a:pt x="108" y="42"/>
                    <a:pt x="107" y="48"/>
                    <a:pt x="105" y="52"/>
                  </a:cubicBezTo>
                  <a:cubicBezTo>
                    <a:pt x="104" y="55"/>
                    <a:pt x="103" y="57"/>
                    <a:pt x="101" y="59"/>
                  </a:cubicBezTo>
                  <a:cubicBezTo>
                    <a:pt x="100" y="61"/>
                    <a:pt x="99" y="63"/>
                    <a:pt x="98" y="64"/>
                  </a:cubicBezTo>
                  <a:cubicBezTo>
                    <a:pt x="98" y="64"/>
                    <a:pt x="98" y="64"/>
                    <a:pt x="98" y="65"/>
                  </a:cubicBezTo>
                  <a:cubicBezTo>
                    <a:pt x="99" y="65"/>
                    <a:pt x="99" y="66"/>
                    <a:pt x="100" y="66"/>
                  </a:cubicBezTo>
                  <a:cubicBezTo>
                    <a:pt x="101" y="67"/>
                    <a:pt x="102" y="67"/>
                    <a:pt x="103" y="68"/>
                  </a:cubicBezTo>
                  <a:cubicBezTo>
                    <a:pt x="105" y="68"/>
                    <a:pt x="106" y="69"/>
                    <a:pt x="107" y="69"/>
                  </a:cubicBezTo>
                  <a:cubicBezTo>
                    <a:pt x="108" y="69"/>
                    <a:pt x="109" y="70"/>
                    <a:pt x="110" y="70"/>
                  </a:cubicBezTo>
                  <a:cubicBezTo>
                    <a:pt x="110" y="70"/>
                    <a:pt x="110" y="70"/>
                    <a:pt x="110" y="70"/>
                  </a:cubicBezTo>
                  <a:cubicBezTo>
                    <a:pt x="111" y="69"/>
                    <a:pt x="111" y="69"/>
                    <a:pt x="111" y="69"/>
                  </a:cubicBezTo>
                  <a:cubicBezTo>
                    <a:pt x="111" y="68"/>
                    <a:pt x="112" y="68"/>
                    <a:pt x="112" y="67"/>
                  </a:cubicBezTo>
                  <a:cubicBezTo>
                    <a:pt x="113" y="66"/>
                    <a:pt x="114" y="65"/>
                    <a:pt x="115" y="64"/>
                  </a:cubicBezTo>
                  <a:cubicBezTo>
                    <a:pt x="116" y="62"/>
                    <a:pt x="117" y="61"/>
                    <a:pt x="118" y="59"/>
                  </a:cubicBezTo>
                  <a:cubicBezTo>
                    <a:pt x="120" y="56"/>
                    <a:pt x="121" y="55"/>
                    <a:pt x="121" y="55"/>
                  </a:cubicBezTo>
                  <a:cubicBezTo>
                    <a:pt x="121" y="55"/>
                    <a:pt x="121" y="57"/>
                    <a:pt x="119" y="60"/>
                  </a:cubicBezTo>
                  <a:cubicBezTo>
                    <a:pt x="118" y="61"/>
                    <a:pt x="117" y="63"/>
                    <a:pt x="116" y="65"/>
                  </a:cubicBezTo>
                  <a:cubicBezTo>
                    <a:pt x="115" y="66"/>
                    <a:pt x="114" y="67"/>
                    <a:pt x="114" y="68"/>
                  </a:cubicBezTo>
                  <a:cubicBezTo>
                    <a:pt x="113" y="69"/>
                    <a:pt x="113" y="70"/>
                    <a:pt x="112" y="70"/>
                  </a:cubicBezTo>
                  <a:cubicBezTo>
                    <a:pt x="112" y="71"/>
                    <a:pt x="111" y="72"/>
                    <a:pt x="111" y="72"/>
                  </a:cubicBezTo>
                  <a:cubicBezTo>
                    <a:pt x="109" y="72"/>
                    <a:pt x="108" y="72"/>
                    <a:pt x="106" y="71"/>
                  </a:cubicBezTo>
                  <a:cubicBezTo>
                    <a:pt x="105" y="71"/>
                    <a:pt x="104" y="70"/>
                    <a:pt x="103" y="70"/>
                  </a:cubicBezTo>
                  <a:cubicBezTo>
                    <a:pt x="101" y="69"/>
                    <a:pt x="100" y="69"/>
                    <a:pt x="98" y="68"/>
                  </a:cubicBezTo>
                  <a:cubicBezTo>
                    <a:pt x="98" y="68"/>
                    <a:pt x="97" y="67"/>
                    <a:pt x="96" y="67"/>
                  </a:cubicBezTo>
                  <a:cubicBezTo>
                    <a:pt x="96" y="66"/>
                    <a:pt x="95" y="64"/>
                    <a:pt x="96" y="63"/>
                  </a:cubicBezTo>
                  <a:cubicBezTo>
                    <a:pt x="97" y="61"/>
                    <a:pt x="98" y="59"/>
                    <a:pt x="99" y="57"/>
                  </a:cubicBezTo>
                  <a:cubicBezTo>
                    <a:pt x="100" y="55"/>
                    <a:pt x="101" y="53"/>
                    <a:pt x="102" y="51"/>
                  </a:cubicBezTo>
                  <a:cubicBezTo>
                    <a:pt x="104" y="47"/>
                    <a:pt x="105" y="42"/>
                    <a:pt x="104" y="37"/>
                  </a:cubicBezTo>
                  <a:cubicBezTo>
                    <a:pt x="103" y="32"/>
                    <a:pt x="101" y="27"/>
                    <a:pt x="98" y="22"/>
                  </a:cubicBezTo>
                  <a:cubicBezTo>
                    <a:pt x="97" y="20"/>
                    <a:pt x="95" y="18"/>
                    <a:pt x="93" y="16"/>
                  </a:cubicBezTo>
                  <a:cubicBezTo>
                    <a:pt x="90" y="14"/>
                    <a:pt x="88" y="13"/>
                    <a:pt x="85" y="11"/>
                  </a:cubicBezTo>
                  <a:cubicBezTo>
                    <a:pt x="79" y="8"/>
                    <a:pt x="73" y="6"/>
                    <a:pt x="67" y="5"/>
                  </a:cubicBezTo>
                  <a:cubicBezTo>
                    <a:pt x="61" y="4"/>
                    <a:pt x="55" y="5"/>
                    <a:pt x="50" y="7"/>
                  </a:cubicBezTo>
                  <a:cubicBezTo>
                    <a:pt x="45" y="10"/>
                    <a:pt x="41" y="15"/>
                    <a:pt x="39" y="19"/>
                  </a:cubicBezTo>
                  <a:cubicBezTo>
                    <a:pt x="38" y="20"/>
                    <a:pt x="37" y="21"/>
                    <a:pt x="36" y="22"/>
                  </a:cubicBezTo>
                  <a:cubicBezTo>
                    <a:pt x="36" y="23"/>
                    <a:pt x="36" y="24"/>
                    <a:pt x="35" y="24"/>
                  </a:cubicBezTo>
                  <a:cubicBezTo>
                    <a:pt x="34" y="25"/>
                    <a:pt x="33" y="25"/>
                    <a:pt x="32" y="25"/>
                  </a:cubicBezTo>
                  <a:cubicBezTo>
                    <a:pt x="31" y="25"/>
                    <a:pt x="31" y="25"/>
                    <a:pt x="30" y="24"/>
                  </a:cubicBezTo>
                  <a:cubicBezTo>
                    <a:pt x="28" y="24"/>
                    <a:pt x="28" y="24"/>
                    <a:pt x="28" y="24"/>
                  </a:cubicBezTo>
                  <a:cubicBezTo>
                    <a:pt x="27" y="23"/>
                    <a:pt x="26" y="23"/>
                    <a:pt x="25" y="22"/>
                  </a:cubicBezTo>
                  <a:cubicBezTo>
                    <a:pt x="17" y="18"/>
                    <a:pt x="11" y="13"/>
                    <a:pt x="7" y="11"/>
                  </a:cubicBezTo>
                  <a:cubicBezTo>
                    <a:pt x="2" y="8"/>
                    <a:pt x="0" y="7"/>
                    <a:pt x="0" y="7"/>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2" name="ï$ļîḍé">
              <a:extLst>
                <a:ext uri="{FF2B5EF4-FFF2-40B4-BE49-F238E27FC236}">
                  <a16:creationId xmlns:a16="http://schemas.microsoft.com/office/drawing/2014/main" xmlns="" id="{F1CA19CA-F7AB-4B5B-AACC-93469D4A0952}"/>
                </a:ext>
              </a:extLst>
            </p:cNvPr>
            <p:cNvSpPr/>
            <p:nvPr/>
          </p:nvSpPr>
          <p:spPr bwMode="auto">
            <a:xfrm>
              <a:off x="6586049" y="2743206"/>
              <a:ext cx="135973" cy="135973"/>
            </a:xfrm>
            <a:custGeom>
              <a:avLst/>
              <a:gdLst>
                <a:gd name="T0" fmla="*/ 59 w 63"/>
                <a:gd name="T1" fmla="*/ 44 h 63"/>
                <a:gd name="T2" fmla="*/ 57 w 63"/>
                <a:gd name="T3" fmla="*/ 16 h 63"/>
                <a:gd name="T4" fmla="*/ 26 w 63"/>
                <a:gd name="T5" fmla="*/ 1 h 63"/>
                <a:gd name="T6" fmla="*/ 8 w 63"/>
                <a:gd name="T7" fmla="*/ 11 h 63"/>
                <a:gd name="T8" fmla="*/ 1 w 63"/>
                <a:gd name="T9" fmla="*/ 26 h 63"/>
                <a:gd name="T10" fmla="*/ 2 w 63"/>
                <a:gd name="T11" fmla="*/ 44 h 63"/>
                <a:gd name="T12" fmla="*/ 29 w 63"/>
                <a:gd name="T13" fmla="*/ 62 h 63"/>
                <a:gd name="T14" fmla="*/ 59 w 63"/>
                <a:gd name="T15" fmla="*/ 44 h 63"/>
                <a:gd name="T16" fmla="*/ 44 w 63"/>
                <a:gd name="T17" fmla="*/ 40 h 63"/>
                <a:gd name="T18" fmla="*/ 44 w 63"/>
                <a:gd name="T19" fmla="*/ 41 h 63"/>
                <a:gd name="T20" fmla="*/ 44 w 63"/>
                <a:gd name="T21" fmla="*/ 42 h 63"/>
                <a:gd name="T22" fmla="*/ 43 w 63"/>
                <a:gd name="T23" fmla="*/ 42 h 63"/>
                <a:gd name="T24" fmla="*/ 30 w 63"/>
                <a:gd name="T25" fmla="*/ 47 h 63"/>
                <a:gd name="T26" fmla="*/ 18 w 63"/>
                <a:gd name="T27" fmla="*/ 38 h 63"/>
                <a:gd name="T28" fmla="*/ 17 w 63"/>
                <a:gd name="T29" fmla="*/ 29 h 63"/>
                <a:gd name="T30" fmla="*/ 20 w 63"/>
                <a:gd name="T31" fmla="*/ 22 h 63"/>
                <a:gd name="T32" fmla="*/ 26 w 63"/>
                <a:gd name="T33" fmla="*/ 18 h 63"/>
                <a:gd name="T34" fmla="*/ 33 w 63"/>
                <a:gd name="T35" fmla="*/ 17 h 63"/>
                <a:gd name="T36" fmla="*/ 41 w 63"/>
                <a:gd name="T37" fmla="*/ 20 h 63"/>
                <a:gd name="T38" fmla="*/ 41 w 63"/>
                <a:gd name="T39" fmla="*/ 20 h 63"/>
                <a:gd name="T40" fmla="*/ 42 w 63"/>
                <a:gd name="T41" fmla="*/ 21 h 63"/>
                <a:gd name="T42" fmla="*/ 42 w 63"/>
                <a:gd name="T43" fmla="*/ 21 h 63"/>
                <a:gd name="T44" fmla="*/ 43 w 63"/>
                <a:gd name="T45" fmla="*/ 23 h 63"/>
                <a:gd name="T46" fmla="*/ 43 w 63"/>
                <a:gd name="T47" fmla="*/ 23 h 63"/>
                <a:gd name="T48" fmla="*/ 44 w 63"/>
                <a:gd name="T49" fmla="*/ 23 h 63"/>
                <a:gd name="T50" fmla="*/ 46 w 63"/>
                <a:gd name="T51" fmla="*/ 28 h 63"/>
                <a:gd name="T52" fmla="*/ 46 w 63"/>
                <a:gd name="T53" fmla="*/ 38 h 63"/>
                <a:gd name="T54" fmla="*/ 44 w 63"/>
                <a:gd name="T55" fmla="*/ 40 h 63"/>
                <a:gd name="T56" fmla="*/ 39 w 63"/>
                <a:gd name="T57" fmla="*/ 46 h 63"/>
                <a:gd name="T58" fmla="*/ 39 w 63"/>
                <a:gd name="T59" fmla="*/ 46 h 63"/>
                <a:gd name="T60" fmla="*/ 34 w 63"/>
                <a:gd name="T61" fmla="*/ 48 h 63"/>
                <a:gd name="T62" fmla="*/ 39 w 63"/>
                <a:gd name="T63" fmla="*/ 46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3" h="63">
                  <a:moveTo>
                    <a:pt x="59" y="44"/>
                  </a:moveTo>
                  <a:cubicBezTo>
                    <a:pt x="63" y="35"/>
                    <a:pt x="63" y="25"/>
                    <a:pt x="57" y="16"/>
                  </a:cubicBezTo>
                  <a:cubicBezTo>
                    <a:pt x="50" y="7"/>
                    <a:pt x="37" y="0"/>
                    <a:pt x="26" y="1"/>
                  </a:cubicBezTo>
                  <a:cubicBezTo>
                    <a:pt x="19" y="2"/>
                    <a:pt x="12" y="6"/>
                    <a:pt x="8" y="11"/>
                  </a:cubicBezTo>
                  <a:cubicBezTo>
                    <a:pt x="4" y="15"/>
                    <a:pt x="2" y="21"/>
                    <a:pt x="1" y="26"/>
                  </a:cubicBezTo>
                  <a:cubicBezTo>
                    <a:pt x="0" y="32"/>
                    <a:pt x="0" y="38"/>
                    <a:pt x="2" y="44"/>
                  </a:cubicBezTo>
                  <a:cubicBezTo>
                    <a:pt x="7" y="55"/>
                    <a:pt x="17" y="62"/>
                    <a:pt x="29" y="62"/>
                  </a:cubicBezTo>
                  <a:cubicBezTo>
                    <a:pt x="42" y="63"/>
                    <a:pt x="53" y="55"/>
                    <a:pt x="59" y="44"/>
                  </a:cubicBezTo>
                  <a:close/>
                  <a:moveTo>
                    <a:pt x="44" y="40"/>
                  </a:moveTo>
                  <a:cubicBezTo>
                    <a:pt x="44" y="41"/>
                    <a:pt x="44" y="41"/>
                    <a:pt x="44" y="41"/>
                  </a:cubicBezTo>
                  <a:cubicBezTo>
                    <a:pt x="44" y="41"/>
                    <a:pt x="44" y="41"/>
                    <a:pt x="44" y="42"/>
                  </a:cubicBezTo>
                  <a:cubicBezTo>
                    <a:pt x="43" y="42"/>
                    <a:pt x="43" y="42"/>
                    <a:pt x="43" y="42"/>
                  </a:cubicBezTo>
                  <a:cubicBezTo>
                    <a:pt x="40" y="45"/>
                    <a:pt x="35" y="47"/>
                    <a:pt x="30" y="47"/>
                  </a:cubicBezTo>
                  <a:cubicBezTo>
                    <a:pt x="25" y="47"/>
                    <a:pt x="20" y="43"/>
                    <a:pt x="18" y="38"/>
                  </a:cubicBezTo>
                  <a:cubicBezTo>
                    <a:pt x="17" y="35"/>
                    <a:pt x="16" y="32"/>
                    <a:pt x="17" y="29"/>
                  </a:cubicBezTo>
                  <a:cubicBezTo>
                    <a:pt x="17" y="26"/>
                    <a:pt x="19" y="24"/>
                    <a:pt x="20" y="22"/>
                  </a:cubicBezTo>
                  <a:cubicBezTo>
                    <a:pt x="22" y="20"/>
                    <a:pt x="24" y="18"/>
                    <a:pt x="26" y="18"/>
                  </a:cubicBezTo>
                  <a:cubicBezTo>
                    <a:pt x="28" y="17"/>
                    <a:pt x="31" y="17"/>
                    <a:pt x="33" y="17"/>
                  </a:cubicBezTo>
                  <a:cubicBezTo>
                    <a:pt x="37" y="17"/>
                    <a:pt x="40" y="19"/>
                    <a:pt x="41" y="20"/>
                  </a:cubicBezTo>
                  <a:cubicBezTo>
                    <a:pt x="41" y="20"/>
                    <a:pt x="41" y="20"/>
                    <a:pt x="41" y="20"/>
                  </a:cubicBezTo>
                  <a:cubicBezTo>
                    <a:pt x="41" y="20"/>
                    <a:pt x="42" y="21"/>
                    <a:pt x="42" y="21"/>
                  </a:cubicBezTo>
                  <a:cubicBezTo>
                    <a:pt x="42" y="21"/>
                    <a:pt x="42" y="21"/>
                    <a:pt x="42" y="21"/>
                  </a:cubicBezTo>
                  <a:cubicBezTo>
                    <a:pt x="43" y="22"/>
                    <a:pt x="43" y="23"/>
                    <a:pt x="43" y="23"/>
                  </a:cubicBezTo>
                  <a:cubicBezTo>
                    <a:pt x="43" y="23"/>
                    <a:pt x="43" y="23"/>
                    <a:pt x="43" y="23"/>
                  </a:cubicBezTo>
                  <a:cubicBezTo>
                    <a:pt x="44" y="23"/>
                    <a:pt x="44" y="23"/>
                    <a:pt x="44" y="23"/>
                  </a:cubicBezTo>
                  <a:cubicBezTo>
                    <a:pt x="45" y="25"/>
                    <a:pt x="46" y="26"/>
                    <a:pt x="46" y="28"/>
                  </a:cubicBezTo>
                  <a:cubicBezTo>
                    <a:pt x="47" y="32"/>
                    <a:pt x="47" y="35"/>
                    <a:pt x="46" y="38"/>
                  </a:cubicBezTo>
                  <a:cubicBezTo>
                    <a:pt x="45" y="39"/>
                    <a:pt x="45" y="40"/>
                    <a:pt x="44" y="40"/>
                  </a:cubicBezTo>
                  <a:close/>
                  <a:moveTo>
                    <a:pt x="39" y="46"/>
                  </a:moveTo>
                  <a:cubicBezTo>
                    <a:pt x="39" y="46"/>
                    <a:pt x="39" y="46"/>
                    <a:pt x="39" y="46"/>
                  </a:cubicBezTo>
                  <a:cubicBezTo>
                    <a:pt x="38" y="47"/>
                    <a:pt x="36" y="48"/>
                    <a:pt x="34" y="48"/>
                  </a:cubicBezTo>
                  <a:cubicBezTo>
                    <a:pt x="36" y="48"/>
                    <a:pt x="38" y="47"/>
                    <a:pt x="39" y="46"/>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3" name="íšľíḋê">
              <a:extLst>
                <a:ext uri="{FF2B5EF4-FFF2-40B4-BE49-F238E27FC236}">
                  <a16:creationId xmlns:a16="http://schemas.microsoft.com/office/drawing/2014/main" xmlns="" id="{907B0ADB-3114-46CD-818B-44A2C8F2230F}"/>
                </a:ext>
              </a:extLst>
            </p:cNvPr>
            <p:cNvSpPr/>
            <p:nvPr/>
          </p:nvSpPr>
          <p:spPr bwMode="auto">
            <a:xfrm>
              <a:off x="6620726" y="2779708"/>
              <a:ext cx="67530" cy="64793"/>
            </a:xfrm>
            <a:custGeom>
              <a:avLst/>
              <a:gdLst>
                <a:gd name="T0" fmla="*/ 27 w 31"/>
                <a:gd name="T1" fmla="*/ 25 h 30"/>
                <a:gd name="T2" fmla="*/ 14 w 31"/>
                <a:gd name="T3" fmla="*/ 30 h 30"/>
                <a:gd name="T4" fmla="*/ 2 w 31"/>
                <a:gd name="T5" fmla="*/ 21 h 30"/>
                <a:gd name="T6" fmla="*/ 1 w 31"/>
                <a:gd name="T7" fmla="*/ 12 h 30"/>
                <a:gd name="T8" fmla="*/ 4 w 31"/>
                <a:gd name="T9" fmla="*/ 5 h 30"/>
                <a:gd name="T10" fmla="*/ 10 w 31"/>
                <a:gd name="T11" fmla="*/ 1 h 30"/>
                <a:gd name="T12" fmla="*/ 17 w 31"/>
                <a:gd name="T13" fmla="*/ 0 h 30"/>
                <a:gd name="T14" fmla="*/ 25 w 31"/>
                <a:gd name="T15" fmla="*/ 3 h 30"/>
                <a:gd name="T16" fmla="*/ 25 w 31"/>
                <a:gd name="T17" fmla="*/ 3 h 30"/>
                <a:gd name="T18" fmla="*/ 26 w 31"/>
                <a:gd name="T19" fmla="*/ 4 h 30"/>
                <a:gd name="T20" fmla="*/ 26 w 31"/>
                <a:gd name="T21" fmla="*/ 4 h 30"/>
                <a:gd name="T22" fmla="*/ 27 w 31"/>
                <a:gd name="T23" fmla="*/ 6 h 30"/>
                <a:gd name="T24" fmla="*/ 27 w 31"/>
                <a:gd name="T25" fmla="*/ 6 h 30"/>
                <a:gd name="T26" fmla="*/ 28 w 31"/>
                <a:gd name="T27" fmla="*/ 6 h 30"/>
                <a:gd name="T28" fmla="*/ 30 w 31"/>
                <a:gd name="T29" fmla="*/ 11 h 30"/>
                <a:gd name="T30" fmla="*/ 30 w 31"/>
                <a:gd name="T31" fmla="*/ 21 h 30"/>
                <a:gd name="T32" fmla="*/ 28 w 31"/>
                <a:gd name="T33" fmla="*/ 23 h 30"/>
                <a:gd name="T34" fmla="*/ 28 w 31"/>
                <a:gd name="T35" fmla="*/ 24 h 30"/>
                <a:gd name="T36" fmla="*/ 28 w 31"/>
                <a:gd name="T37" fmla="*/ 25 h 30"/>
                <a:gd name="T38" fmla="*/ 27 w 31"/>
                <a:gd name="T39" fmla="*/ 25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1" h="30">
                  <a:moveTo>
                    <a:pt x="27" y="25"/>
                  </a:moveTo>
                  <a:cubicBezTo>
                    <a:pt x="24" y="28"/>
                    <a:pt x="19" y="30"/>
                    <a:pt x="14" y="30"/>
                  </a:cubicBezTo>
                  <a:cubicBezTo>
                    <a:pt x="9" y="30"/>
                    <a:pt x="4" y="26"/>
                    <a:pt x="2" y="21"/>
                  </a:cubicBezTo>
                  <a:cubicBezTo>
                    <a:pt x="1" y="18"/>
                    <a:pt x="0" y="15"/>
                    <a:pt x="1" y="12"/>
                  </a:cubicBezTo>
                  <a:cubicBezTo>
                    <a:pt x="1" y="9"/>
                    <a:pt x="3" y="7"/>
                    <a:pt x="4" y="5"/>
                  </a:cubicBezTo>
                  <a:cubicBezTo>
                    <a:pt x="6" y="3"/>
                    <a:pt x="8" y="1"/>
                    <a:pt x="10" y="1"/>
                  </a:cubicBezTo>
                  <a:cubicBezTo>
                    <a:pt x="12" y="0"/>
                    <a:pt x="15" y="0"/>
                    <a:pt x="17" y="0"/>
                  </a:cubicBezTo>
                  <a:cubicBezTo>
                    <a:pt x="21" y="0"/>
                    <a:pt x="24" y="2"/>
                    <a:pt x="25" y="3"/>
                  </a:cubicBezTo>
                  <a:cubicBezTo>
                    <a:pt x="25" y="3"/>
                    <a:pt x="25" y="3"/>
                    <a:pt x="25" y="3"/>
                  </a:cubicBezTo>
                  <a:cubicBezTo>
                    <a:pt x="25" y="3"/>
                    <a:pt x="26" y="4"/>
                    <a:pt x="26" y="4"/>
                  </a:cubicBezTo>
                  <a:cubicBezTo>
                    <a:pt x="26" y="4"/>
                    <a:pt x="26" y="4"/>
                    <a:pt x="26" y="4"/>
                  </a:cubicBezTo>
                  <a:cubicBezTo>
                    <a:pt x="27" y="5"/>
                    <a:pt x="27" y="6"/>
                    <a:pt x="27" y="6"/>
                  </a:cubicBezTo>
                  <a:cubicBezTo>
                    <a:pt x="27" y="6"/>
                    <a:pt x="27" y="6"/>
                    <a:pt x="27" y="6"/>
                  </a:cubicBezTo>
                  <a:cubicBezTo>
                    <a:pt x="28" y="6"/>
                    <a:pt x="28" y="6"/>
                    <a:pt x="28" y="6"/>
                  </a:cubicBezTo>
                  <a:cubicBezTo>
                    <a:pt x="29" y="8"/>
                    <a:pt x="30" y="9"/>
                    <a:pt x="30" y="11"/>
                  </a:cubicBezTo>
                  <a:cubicBezTo>
                    <a:pt x="31" y="15"/>
                    <a:pt x="31" y="18"/>
                    <a:pt x="30" y="21"/>
                  </a:cubicBezTo>
                  <a:cubicBezTo>
                    <a:pt x="29" y="22"/>
                    <a:pt x="29" y="23"/>
                    <a:pt x="28" y="23"/>
                  </a:cubicBezTo>
                  <a:cubicBezTo>
                    <a:pt x="28" y="24"/>
                    <a:pt x="28" y="24"/>
                    <a:pt x="28" y="24"/>
                  </a:cubicBezTo>
                  <a:cubicBezTo>
                    <a:pt x="28" y="24"/>
                    <a:pt x="28" y="24"/>
                    <a:pt x="28" y="25"/>
                  </a:cubicBezTo>
                  <a:cubicBezTo>
                    <a:pt x="27" y="25"/>
                    <a:pt x="27" y="25"/>
                    <a:pt x="27" y="25"/>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4" name="iṡḷïde">
              <a:extLst>
                <a:ext uri="{FF2B5EF4-FFF2-40B4-BE49-F238E27FC236}">
                  <a16:creationId xmlns:a16="http://schemas.microsoft.com/office/drawing/2014/main" xmlns="" id="{9A828304-C558-4CF8-8FEA-222F571A069A}"/>
                </a:ext>
              </a:extLst>
            </p:cNvPr>
            <p:cNvSpPr/>
            <p:nvPr/>
          </p:nvSpPr>
          <p:spPr bwMode="auto">
            <a:xfrm>
              <a:off x="6938299" y="2953096"/>
              <a:ext cx="138710" cy="137798"/>
            </a:xfrm>
            <a:custGeom>
              <a:avLst/>
              <a:gdLst>
                <a:gd name="T0" fmla="*/ 59 w 64"/>
                <a:gd name="T1" fmla="*/ 45 h 64"/>
                <a:gd name="T2" fmla="*/ 57 w 64"/>
                <a:gd name="T3" fmla="*/ 16 h 64"/>
                <a:gd name="T4" fmla="*/ 26 w 64"/>
                <a:gd name="T5" fmla="*/ 2 h 64"/>
                <a:gd name="T6" fmla="*/ 8 w 64"/>
                <a:gd name="T7" fmla="*/ 12 h 64"/>
                <a:gd name="T8" fmla="*/ 1 w 64"/>
                <a:gd name="T9" fmla="*/ 27 h 64"/>
                <a:gd name="T10" fmla="*/ 3 w 64"/>
                <a:gd name="T11" fmla="*/ 44 h 64"/>
                <a:gd name="T12" fmla="*/ 29 w 64"/>
                <a:gd name="T13" fmla="*/ 63 h 64"/>
                <a:gd name="T14" fmla="*/ 59 w 64"/>
                <a:gd name="T15" fmla="*/ 45 h 64"/>
                <a:gd name="T16" fmla="*/ 45 w 64"/>
                <a:gd name="T17" fmla="*/ 41 h 64"/>
                <a:gd name="T18" fmla="*/ 44 w 64"/>
                <a:gd name="T19" fmla="*/ 42 h 64"/>
                <a:gd name="T20" fmla="*/ 44 w 64"/>
                <a:gd name="T21" fmla="*/ 42 h 64"/>
                <a:gd name="T22" fmla="*/ 43 w 64"/>
                <a:gd name="T23" fmla="*/ 43 h 64"/>
                <a:gd name="T24" fmla="*/ 31 w 64"/>
                <a:gd name="T25" fmla="*/ 48 h 64"/>
                <a:gd name="T26" fmla="*/ 18 w 64"/>
                <a:gd name="T27" fmla="*/ 38 h 64"/>
                <a:gd name="T28" fmla="*/ 18 w 64"/>
                <a:gd name="T29" fmla="*/ 29 h 64"/>
                <a:gd name="T30" fmla="*/ 21 w 64"/>
                <a:gd name="T31" fmla="*/ 22 h 64"/>
                <a:gd name="T32" fmla="*/ 27 w 64"/>
                <a:gd name="T33" fmla="*/ 18 h 64"/>
                <a:gd name="T34" fmla="*/ 33 w 64"/>
                <a:gd name="T35" fmla="*/ 17 h 64"/>
                <a:gd name="T36" fmla="*/ 42 w 64"/>
                <a:gd name="T37" fmla="*/ 21 h 64"/>
                <a:gd name="T38" fmla="*/ 42 w 64"/>
                <a:gd name="T39" fmla="*/ 21 h 64"/>
                <a:gd name="T40" fmla="*/ 42 w 64"/>
                <a:gd name="T41" fmla="*/ 21 h 64"/>
                <a:gd name="T42" fmla="*/ 43 w 64"/>
                <a:gd name="T43" fmla="*/ 22 h 64"/>
                <a:gd name="T44" fmla="*/ 44 w 64"/>
                <a:gd name="T45" fmla="*/ 23 h 64"/>
                <a:gd name="T46" fmla="*/ 44 w 64"/>
                <a:gd name="T47" fmla="*/ 23 h 64"/>
                <a:gd name="T48" fmla="*/ 45 w 64"/>
                <a:gd name="T49" fmla="*/ 24 h 64"/>
                <a:gd name="T50" fmla="*/ 47 w 64"/>
                <a:gd name="T51" fmla="*/ 29 h 64"/>
                <a:gd name="T52" fmla="*/ 46 w 64"/>
                <a:gd name="T53" fmla="*/ 39 h 64"/>
                <a:gd name="T54" fmla="*/ 45 w 64"/>
                <a:gd name="T55" fmla="*/ 41 h 64"/>
                <a:gd name="T56" fmla="*/ 40 w 64"/>
                <a:gd name="T57" fmla="*/ 47 h 64"/>
                <a:gd name="T58" fmla="*/ 40 w 64"/>
                <a:gd name="T59" fmla="*/ 47 h 64"/>
                <a:gd name="T60" fmla="*/ 34 w 64"/>
                <a:gd name="T61" fmla="*/ 49 h 64"/>
                <a:gd name="T62" fmla="*/ 40 w 64"/>
                <a:gd name="T63" fmla="*/ 47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4" h="64">
                  <a:moveTo>
                    <a:pt x="59" y="45"/>
                  </a:moveTo>
                  <a:cubicBezTo>
                    <a:pt x="64" y="36"/>
                    <a:pt x="64" y="25"/>
                    <a:pt x="57" y="16"/>
                  </a:cubicBezTo>
                  <a:cubicBezTo>
                    <a:pt x="50" y="7"/>
                    <a:pt x="38" y="0"/>
                    <a:pt x="26" y="2"/>
                  </a:cubicBezTo>
                  <a:cubicBezTo>
                    <a:pt x="20" y="3"/>
                    <a:pt x="12" y="7"/>
                    <a:pt x="8" y="12"/>
                  </a:cubicBezTo>
                  <a:cubicBezTo>
                    <a:pt x="5" y="16"/>
                    <a:pt x="2" y="21"/>
                    <a:pt x="1" y="27"/>
                  </a:cubicBezTo>
                  <a:cubicBezTo>
                    <a:pt x="0" y="32"/>
                    <a:pt x="1" y="38"/>
                    <a:pt x="3" y="44"/>
                  </a:cubicBezTo>
                  <a:cubicBezTo>
                    <a:pt x="7" y="56"/>
                    <a:pt x="18" y="62"/>
                    <a:pt x="29" y="63"/>
                  </a:cubicBezTo>
                  <a:cubicBezTo>
                    <a:pt x="42" y="64"/>
                    <a:pt x="54" y="56"/>
                    <a:pt x="59" y="45"/>
                  </a:cubicBezTo>
                  <a:close/>
                  <a:moveTo>
                    <a:pt x="45" y="41"/>
                  </a:moveTo>
                  <a:cubicBezTo>
                    <a:pt x="45" y="41"/>
                    <a:pt x="45" y="41"/>
                    <a:pt x="44" y="42"/>
                  </a:cubicBezTo>
                  <a:cubicBezTo>
                    <a:pt x="44" y="42"/>
                    <a:pt x="44" y="42"/>
                    <a:pt x="44" y="42"/>
                  </a:cubicBezTo>
                  <a:cubicBezTo>
                    <a:pt x="44" y="42"/>
                    <a:pt x="44" y="43"/>
                    <a:pt x="43" y="43"/>
                  </a:cubicBezTo>
                  <a:cubicBezTo>
                    <a:pt x="41" y="46"/>
                    <a:pt x="36" y="48"/>
                    <a:pt x="31" y="48"/>
                  </a:cubicBezTo>
                  <a:cubicBezTo>
                    <a:pt x="25" y="48"/>
                    <a:pt x="21" y="44"/>
                    <a:pt x="18" y="38"/>
                  </a:cubicBezTo>
                  <a:cubicBezTo>
                    <a:pt x="17" y="35"/>
                    <a:pt x="17" y="32"/>
                    <a:pt x="18" y="29"/>
                  </a:cubicBezTo>
                  <a:cubicBezTo>
                    <a:pt x="18" y="27"/>
                    <a:pt x="19" y="24"/>
                    <a:pt x="21" y="22"/>
                  </a:cubicBezTo>
                  <a:cubicBezTo>
                    <a:pt x="22" y="20"/>
                    <a:pt x="25" y="19"/>
                    <a:pt x="27" y="18"/>
                  </a:cubicBezTo>
                  <a:cubicBezTo>
                    <a:pt x="29" y="17"/>
                    <a:pt x="31" y="17"/>
                    <a:pt x="33" y="17"/>
                  </a:cubicBezTo>
                  <a:cubicBezTo>
                    <a:pt x="37" y="17"/>
                    <a:pt x="40" y="19"/>
                    <a:pt x="42" y="21"/>
                  </a:cubicBezTo>
                  <a:cubicBezTo>
                    <a:pt x="42" y="21"/>
                    <a:pt x="42" y="21"/>
                    <a:pt x="42" y="21"/>
                  </a:cubicBezTo>
                  <a:cubicBezTo>
                    <a:pt x="42" y="21"/>
                    <a:pt x="42" y="21"/>
                    <a:pt x="42" y="21"/>
                  </a:cubicBezTo>
                  <a:cubicBezTo>
                    <a:pt x="43" y="21"/>
                    <a:pt x="43" y="21"/>
                    <a:pt x="43" y="22"/>
                  </a:cubicBezTo>
                  <a:cubicBezTo>
                    <a:pt x="44" y="23"/>
                    <a:pt x="44" y="23"/>
                    <a:pt x="44" y="23"/>
                  </a:cubicBezTo>
                  <a:cubicBezTo>
                    <a:pt x="44" y="23"/>
                    <a:pt x="44" y="23"/>
                    <a:pt x="44" y="23"/>
                  </a:cubicBezTo>
                  <a:cubicBezTo>
                    <a:pt x="44" y="23"/>
                    <a:pt x="44" y="24"/>
                    <a:pt x="45" y="24"/>
                  </a:cubicBezTo>
                  <a:cubicBezTo>
                    <a:pt x="46" y="25"/>
                    <a:pt x="46" y="27"/>
                    <a:pt x="47" y="29"/>
                  </a:cubicBezTo>
                  <a:cubicBezTo>
                    <a:pt x="48" y="32"/>
                    <a:pt x="47" y="36"/>
                    <a:pt x="46" y="39"/>
                  </a:cubicBezTo>
                  <a:cubicBezTo>
                    <a:pt x="46" y="39"/>
                    <a:pt x="45" y="40"/>
                    <a:pt x="45" y="41"/>
                  </a:cubicBezTo>
                  <a:close/>
                  <a:moveTo>
                    <a:pt x="40" y="47"/>
                  </a:moveTo>
                  <a:cubicBezTo>
                    <a:pt x="40" y="47"/>
                    <a:pt x="40" y="47"/>
                    <a:pt x="40" y="47"/>
                  </a:cubicBezTo>
                  <a:cubicBezTo>
                    <a:pt x="38" y="48"/>
                    <a:pt x="36" y="48"/>
                    <a:pt x="34" y="49"/>
                  </a:cubicBezTo>
                  <a:cubicBezTo>
                    <a:pt x="36" y="48"/>
                    <a:pt x="38" y="48"/>
                    <a:pt x="40" y="47"/>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5" name="işḷíḓé">
              <a:extLst>
                <a:ext uri="{FF2B5EF4-FFF2-40B4-BE49-F238E27FC236}">
                  <a16:creationId xmlns:a16="http://schemas.microsoft.com/office/drawing/2014/main" xmlns="" id="{7A2D0687-ECCC-47FB-9AA9-3B4DCC0365B3}"/>
                </a:ext>
              </a:extLst>
            </p:cNvPr>
            <p:cNvSpPr/>
            <p:nvPr/>
          </p:nvSpPr>
          <p:spPr bwMode="auto">
            <a:xfrm>
              <a:off x="6974802" y="2989598"/>
              <a:ext cx="67530" cy="66618"/>
            </a:xfrm>
            <a:custGeom>
              <a:avLst/>
              <a:gdLst>
                <a:gd name="T0" fmla="*/ 26 w 31"/>
                <a:gd name="T1" fmla="*/ 26 h 31"/>
                <a:gd name="T2" fmla="*/ 14 w 31"/>
                <a:gd name="T3" fmla="*/ 31 h 31"/>
                <a:gd name="T4" fmla="*/ 1 w 31"/>
                <a:gd name="T5" fmla="*/ 21 h 31"/>
                <a:gd name="T6" fmla="*/ 1 w 31"/>
                <a:gd name="T7" fmla="*/ 12 h 31"/>
                <a:gd name="T8" fmla="*/ 4 w 31"/>
                <a:gd name="T9" fmla="*/ 5 h 31"/>
                <a:gd name="T10" fmla="*/ 10 w 31"/>
                <a:gd name="T11" fmla="*/ 1 h 31"/>
                <a:gd name="T12" fmla="*/ 16 w 31"/>
                <a:gd name="T13" fmla="*/ 0 h 31"/>
                <a:gd name="T14" fmla="*/ 25 w 31"/>
                <a:gd name="T15" fmla="*/ 4 h 31"/>
                <a:gd name="T16" fmla="*/ 25 w 31"/>
                <a:gd name="T17" fmla="*/ 4 h 31"/>
                <a:gd name="T18" fmla="*/ 25 w 31"/>
                <a:gd name="T19" fmla="*/ 4 h 31"/>
                <a:gd name="T20" fmla="*/ 26 w 31"/>
                <a:gd name="T21" fmla="*/ 5 h 31"/>
                <a:gd name="T22" fmla="*/ 27 w 31"/>
                <a:gd name="T23" fmla="*/ 6 h 31"/>
                <a:gd name="T24" fmla="*/ 27 w 31"/>
                <a:gd name="T25" fmla="*/ 6 h 31"/>
                <a:gd name="T26" fmla="*/ 28 w 31"/>
                <a:gd name="T27" fmla="*/ 7 h 31"/>
                <a:gd name="T28" fmla="*/ 30 w 31"/>
                <a:gd name="T29" fmla="*/ 12 h 31"/>
                <a:gd name="T30" fmla="*/ 29 w 31"/>
                <a:gd name="T31" fmla="*/ 22 h 31"/>
                <a:gd name="T32" fmla="*/ 28 w 31"/>
                <a:gd name="T33" fmla="*/ 24 h 31"/>
                <a:gd name="T34" fmla="*/ 27 w 31"/>
                <a:gd name="T35" fmla="*/ 25 h 31"/>
                <a:gd name="T36" fmla="*/ 27 w 31"/>
                <a:gd name="T37" fmla="*/ 25 h 31"/>
                <a:gd name="T38" fmla="*/ 26 w 31"/>
                <a:gd name="T39" fmla="*/ 26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1" h="31">
                  <a:moveTo>
                    <a:pt x="26" y="26"/>
                  </a:moveTo>
                  <a:cubicBezTo>
                    <a:pt x="24" y="29"/>
                    <a:pt x="19" y="31"/>
                    <a:pt x="14" y="31"/>
                  </a:cubicBezTo>
                  <a:cubicBezTo>
                    <a:pt x="8" y="31"/>
                    <a:pt x="4" y="27"/>
                    <a:pt x="1" y="21"/>
                  </a:cubicBezTo>
                  <a:cubicBezTo>
                    <a:pt x="0" y="18"/>
                    <a:pt x="0" y="15"/>
                    <a:pt x="1" y="12"/>
                  </a:cubicBezTo>
                  <a:cubicBezTo>
                    <a:pt x="1" y="10"/>
                    <a:pt x="2" y="7"/>
                    <a:pt x="4" y="5"/>
                  </a:cubicBezTo>
                  <a:cubicBezTo>
                    <a:pt x="5" y="3"/>
                    <a:pt x="8" y="2"/>
                    <a:pt x="10" y="1"/>
                  </a:cubicBezTo>
                  <a:cubicBezTo>
                    <a:pt x="12" y="0"/>
                    <a:pt x="14" y="0"/>
                    <a:pt x="16" y="0"/>
                  </a:cubicBezTo>
                  <a:cubicBezTo>
                    <a:pt x="20" y="0"/>
                    <a:pt x="23" y="2"/>
                    <a:pt x="25" y="4"/>
                  </a:cubicBezTo>
                  <a:cubicBezTo>
                    <a:pt x="25" y="4"/>
                    <a:pt x="25" y="4"/>
                    <a:pt x="25" y="4"/>
                  </a:cubicBezTo>
                  <a:cubicBezTo>
                    <a:pt x="25" y="4"/>
                    <a:pt x="25" y="4"/>
                    <a:pt x="25" y="4"/>
                  </a:cubicBezTo>
                  <a:cubicBezTo>
                    <a:pt x="26" y="4"/>
                    <a:pt x="26" y="4"/>
                    <a:pt x="26" y="5"/>
                  </a:cubicBezTo>
                  <a:cubicBezTo>
                    <a:pt x="27" y="6"/>
                    <a:pt x="27" y="6"/>
                    <a:pt x="27" y="6"/>
                  </a:cubicBezTo>
                  <a:cubicBezTo>
                    <a:pt x="27" y="6"/>
                    <a:pt x="27" y="6"/>
                    <a:pt x="27" y="6"/>
                  </a:cubicBezTo>
                  <a:cubicBezTo>
                    <a:pt x="27" y="6"/>
                    <a:pt x="27" y="7"/>
                    <a:pt x="28" y="7"/>
                  </a:cubicBezTo>
                  <a:cubicBezTo>
                    <a:pt x="29" y="8"/>
                    <a:pt x="29" y="10"/>
                    <a:pt x="30" y="12"/>
                  </a:cubicBezTo>
                  <a:cubicBezTo>
                    <a:pt x="31" y="15"/>
                    <a:pt x="30" y="19"/>
                    <a:pt x="29" y="22"/>
                  </a:cubicBezTo>
                  <a:cubicBezTo>
                    <a:pt x="29" y="22"/>
                    <a:pt x="28" y="23"/>
                    <a:pt x="28" y="24"/>
                  </a:cubicBezTo>
                  <a:cubicBezTo>
                    <a:pt x="28" y="24"/>
                    <a:pt x="28" y="24"/>
                    <a:pt x="27" y="25"/>
                  </a:cubicBezTo>
                  <a:cubicBezTo>
                    <a:pt x="27" y="25"/>
                    <a:pt x="27" y="25"/>
                    <a:pt x="27" y="25"/>
                  </a:cubicBezTo>
                  <a:cubicBezTo>
                    <a:pt x="27" y="25"/>
                    <a:pt x="27" y="26"/>
                    <a:pt x="26" y="26"/>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6" name="ïṡlîḋe">
              <a:extLst>
                <a:ext uri="{FF2B5EF4-FFF2-40B4-BE49-F238E27FC236}">
                  <a16:creationId xmlns:a16="http://schemas.microsoft.com/office/drawing/2014/main" xmlns="" id="{33078B8C-DA10-46F0-A7D1-A697577AD168}"/>
                </a:ext>
              </a:extLst>
            </p:cNvPr>
            <p:cNvSpPr/>
            <p:nvPr/>
          </p:nvSpPr>
          <p:spPr bwMode="auto">
            <a:xfrm>
              <a:off x="5651580" y="2793397"/>
              <a:ext cx="634234" cy="313011"/>
            </a:xfrm>
            <a:custGeom>
              <a:avLst/>
              <a:gdLst>
                <a:gd name="T0" fmla="*/ 293 w 294"/>
                <a:gd name="T1" fmla="*/ 80 h 145"/>
                <a:gd name="T2" fmla="*/ 236 w 294"/>
                <a:gd name="T3" fmla="*/ 37 h 145"/>
                <a:gd name="T4" fmla="*/ 194 w 294"/>
                <a:gd name="T5" fmla="*/ 10 h 145"/>
                <a:gd name="T6" fmla="*/ 176 w 294"/>
                <a:gd name="T7" fmla="*/ 1 h 145"/>
                <a:gd name="T8" fmla="*/ 176 w 294"/>
                <a:gd name="T9" fmla="*/ 0 h 145"/>
                <a:gd name="T10" fmla="*/ 176 w 294"/>
                <a:gd name="T11" fmla="*/ 0 h 145"/>
                <a:gd name="T12" fmla="*/ 176 w 294"/>
                <a:gd name="T13" fmla="*/ 0 h 145"/>
                <a:gd name="T14" fmla="*/ 175 w 294"/>
                <a:gd name="T15" fmla="*/ 0 h 145"/>
                <a:gd name="T16" fmla="*/ 175 w 294"/>
                <a:gd name="T17" fmla="*/ 0 h 145"/>
                <a:gd name="T18" fmla="*/ 150 w 294"/>
                <a:gd name="T19" fmla="*/ 8 h 145"/>
                <a:gd name="T20" fmla="*/ 87 w 294"/>
                <a:gd name="T21" fmla="*/ 29 h 145"/>
                <a:gd name="T22" fmla="*/ 25 w 294"/>
                <a:gd name="T23" fmla="*/ 51 h 145"/>
                <a:gd name="T24" fmla="*/ 0 w 294"/>
                <a:gd name="T25" fmla="*/ 61 h 145"/>
                <a:gd name="T26" fmla="*/ 0 w 294"/>
                <a:gd name="T27" fmla="*/ 62 h 145"/>
                <a:gd name="T28" fmla="*/ 0 w 294"/>
                <a:gd name="T29" fmla="*/ 62 h 145"/>
                <a:gd name="T30" fmla="*/ 0 w 294"/>
                <a:gd name="T31" fmla="*/ 62 h 145"/>
                <a:gd name="T32" fmla="*/ 60 w 294"/>
                <a:gd name="T33" fmla="*/ 106 h 145"/>
                <a:gd name="T34" fmla="*/ 123 w 294"/>
                <a:gd name="T35" fmla="*/ 145 h 145"/>
                <a:gd name="T36" fmla="*/ 123 w 294"/>
                <a:gd name="T37" fmla="*/ 145 h 145"/>
                <a:gd name="T38" fmla="*/ 123 w 294"/>
                <a:gd name="T39" fmla="*/ 145 h 145"/>
                <a:gd name="T40" fmla="*/ 123 w 294"/>
                <a:gd name="T41" fmla="*/ 145 h 145"/>
                <a:gd name="T42" fmla="*/ 124 w 294"/>
                <a:gd name="T43" fmla="*/ 145 h 145"/>
                <a:gd name="T44" fmla="*/ 124 w 294"/>
                <a:gd name="T45" fmla="*/ 145 h 145"/>
                <a:gd name="T46" fmla="*/ 124 w 294"/>
                <a:gd name="T47" fmla="*/ 145 h 145"/>
                <a:gd name="T48" fmla="*/ 149 w 294"/>
                <a:gd name="T49" fmla="*/ 138 h 145"/>
                <a:gd name="T50" fmla="*/ 209 w 294"/>
                <a:gd name="T51" fmla="*/ 116 h 145"/>
                <a:gd name="T52" fmla="*/ 268 w 294"/>
                <a:gd name="T53" fmla="*/ 91 h 145"/>
                <a:gd name="T54" fmla="*/ 291 w 294"/>
                <a:gd name="T55" fmla="*/ 81 h 145"/>
                <a:gd name="T56" fmla="*/ 293 w 294"/>
                <a:gd name="T57" fmla="*/ 80 h 145"/>
                <a:gd name="T58" fmla="*/ 293 w 294"/>
                <a:gd name="T59" fmla="*/ 80 h 145"/>
                <a:gd name="T60" fmla="*/ 291 w 294"/>
                <a:gd name="T61" fmla="*/ 80 h 145"/>
                <a:gd name="T62" fmla="*/ 291 w 294"/>
                <a:gd name="T63" fmla="*/ 79 h 145"/>
                <a:gd name="T64" fmla="*/ 293 w 294"/>
                <a:gd name="T65" fmla="*/ 80 h 145"/>
                <a:gd name="T66" fmla="*/ 293 w 294"/>
                <a:gd name="T67" fmla="*/ 80 h 145"/>
                <a:gd name="T68" fmla="*/ 293 w 294"/>
                <a:gd name="T69" fmla="*/ 80 h 1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294" h="145">
                  <a:moveTo>
                    <a:pt x="293" y="80"/>
                  </a:moveTo>
                  <a:cubicBezTo>
                    <a:pt x="294" y="78"/>
                    <a:pt x="268" y="60"/>
                    <a:pt x="236" y="37"/>
                  </a:cubicBezTo>
                  <a:cubicBezTo>
                    <a:pt x="220" y="26"/>
                    <a:pt x="205" y="16"/>
                    <a:pt x="194" y="10"/>
                  </a:cubicBezTo>
                  <a:cubicBezTo>
                    <a:pt x="185" y="5"/>
                    <a:pt x="179" y="1"/>
                    <a:pt x="176" y="1"/>
                  </a:cubicBezTo>
                  <a:cubicBezTo>
                    <a:pt x="176" y="0"/>
                    <a:pt x="176" y="0"/>
                    <a:pt x="176" y="0"/>
                  </a:cubicBezTo>
                  <a:cubicBezTo>
                    <a:pt x="176" y="0"/>
                    <a:pt x="176" y="0"/>
                    <a:pt x="176" y="0"/>
                  </a:cubicBezTo>
                  <a:cubicBezTo>
                    <a:pt x="176" y="0"/>
                    <a:pt x="176" y="0"/>
                    <a:pt x="176" y="0"/>
                  </a:cubicBezTo>
                  <a:cubicBezTo>
                    <a:pt x="175" y="0"/>
                    <a:pt x="175" y="0"/>
                    <a:pt x="175" y="0"/>
                  </a:cubicBezTo>
                  <a:cubicBezTo>
                    <a:pt x="175" y="0"/>
                    <a:pt x="175" y="0"/>
                    <a:pt x="175" y="0"/>
                  </a:cubicBezTo>
                  <a:cubicBezTo>
                    <a:pt x="172" y="1"/>
                    <a:pt x="163" y="4"/>
                    <a:pt x="150" y="8"/>
                  </a:cubicBezTo>
                  <a:cubicBezTo>
                    <a:pt x="134" y="13"/>
                    <a:pt x="112" y="20"/>
                    <a:pt x="87" y="29"/>
                  </a:cubicBezTo>
                  <a:cubicBezTo>
                    <a:pt x="63" y="37"/>
                    <a:pt x="41" y="45"/>
                    <a:pt x="25" y="51"/>
                  </a:cubicBezTo>
                  <a:cubicBezTo>
                    <a:pt x="10" y="56"/>
                    <a:pt x="1" y="60"/>
                    <a:pt x="0" y="61"/>
                  </a:cubicBezTo>
                  <a:cubicBezTo>
                    <a:pt x="0" y="61"/>
                    <a:pt x="0" y="62"/>
                    <a:pt x="0" y="62"/>
                  </a:cubicBezTo>
                  <a:cubicBezTo>
                    <a:pt x="0" y="62"/>
                    <a:pt x="0" y="62"/>
                    <a:pt x="0" y="62"/>
                  </a:cubicBezTo>
                  <a:cubicBezTo>
                    <a:pt x="0" y="62"/>
                    <a:pt x="0" y="62"/>
                    <a:pt x="0" y="62"/>
                  </a:cubicBezTo>
                  <a:cubicBezTo>
                    <a:pt x="4" y="67"/>
                    <a:pt x="29" y="85"/>
                    <a:pt x="60" y="106"/>
                  </a:cubicBezTo>
                  <a:cubicBezTo>
                    <a:pt x="92" y="128"/>
                    <a:pt x="120" y="145"/>
                    <a:pt x="123" y="145"/>
                  </a:cubicBezTo>
                  <a:cubicBezTo>
                    <a:pt x="123" y="145"/>
                    <a:pt x="123" y="145"/>
                    <a:pt x="123" y="145"/>
                  </a:cubicBezTo>
                  <a:cubicBezTo>
                    <a:pt x="123" y="145"/>
                    <a:pt x="123" y="145"/>
                    <a:pt x="123" y="145"/>
                  </a:cubicBezTo>
                  <a:cubicBezTo>
                    <a:pt x="123" y="145"/>
                    <a:pt x="123" y="145"/>
                    <a:pt x="123" y="145"/>
                  </a:cubicBezTo>
                  <a:cubicBezTo>
                    <a:pt x="123" y="145"/>
                    <a:pt x="124" y="145"/>
                    <a:pt x="124" y="145"/>
                  </a:cubicBezTo>
                  <a:cubicBezTo>
                    <a:pt x="124" y="145"/>
                    <a:pt x="124" y="145"/>
                    <a:pt x="124" y="145"/>
                  </a:cubicBezTo>
                  <a:cubicBezTo>
                    <a:pt x="124" y="145"/>
                    <a:pt x="124" y="145"/>
                    <a:pt x="124" y="145"/>
                  </a:cubicBezTo>
                  <a:cubicBezTo>
                    <a:pt x="126" y="145"/>
                    <a:pt x="135" y="143"/>
                    <a:pt x="149" y="138"/>
                  </a:cubicBezTo>
                  <a:cubicBezTo>
                    <a:pt x="165" y="133"/>
                    <a:pt x="186" y="125"/>
                    <a:pt x="209" y="116"/>
                  </a:cubicBezTo>
                  <a:cubicBezTo>
                    <a:pt x="233" y="106"/>
                    <a:pt x="253" y="97"/>
                    <a:pt x="268" y="91"/>
                  </a:cubicBezTo>
                  <a:cubicBezTo>
                    <a:pt x="280" y="86"/>
                    <a:pt x="288" y="83"/>
                    <a:pt x="291" y="81"/>
                  </a:cubicBezTo>
                  <a:cubicBezTo>
                    <a:pt x="292" y="81"/>
                    <a:pt x="293" y="80"/>
                    <a:pt x="293" y="80"/>
                  </a:cubicBezTo>
                  <a:cubicBezTo>
                    <a:pt x="293" y="80"/>
                    <a:pt x="293" y="80"/>
                    <a:pt x="293" y="80"/>
                  </a:cubicBezTo>
                  <a:cubicBezTo>
                    <a:pt x="293" y="80"/>
                    <a:pt x="292" y="80"/>
                    <a:pt x="291" y="80"/>
                  </a:cubicBezTo>
                  <a:cubicBezTo>
                    <a:pt x="291" y="80"/>
                    <a:pt x="291" y="80"/>
                    <a:pt x="291" y="79"/>
                  </a:cubicBezTo>
                  <a:cubicBezTo>
                    <a:pt x="292" y="80"/>
                    <a:pt x="292" y="80"/>
                    <a:pt x="293" y="80"/>
                  </a:cubicBezTo>
                  <a:cubicBezTo>
                    <a:pt x="293" y="80"/>
                    <a:pt x="293" y="80"/>
                    <a:pt x="293" y="80"/>
                  </a:cubicBezTo>
                  <a:cubicBezTo>
                    <a:pt x="293" y="80"/>
                    <a:pt x="293" y="80"/>
                    <a:pt x="293" y="8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7" name="iSľïḓé">
              <a:extLst>
                <a:ext uri="{FF2B5EF4-FFF2-40B4-BE49-F238E27FC236}">
                  <a16:creationId xmlns:a16="http://schemas.microsoft.com/office/drawing/2014/main" xmlns="" id="{806CEB18-8EB8-490C-AB9E-F412B11E38F5}"/>
                </a:ext>
              </a:extLst>
            </p:cNvPr>
            <p:cNvSpPr/>
            <p:nvPr/>
          </p:nvSpPr>
          <p:spPr bwMode="auto">
            <a:xfrm>
              <a:off x="5890673" y="2961309"/>
              <a:ext cx="393317" cy="421606"/>
            </a:xfrm>
            <a:custGeom>
              <a:avLst/>
              <a:gdLst>
                <a:gd name="T0" fmla="*/ 179 w 182"/>
                <a:gd name="T1" fmla="*/ 67 h 195"/>
                <a:gd name="T2" fmla="*/ 182 w 182"/>
                <a:gd name="T3" fmla="*/ 2 h 195"/>
                <a:gd name="T4" fmla="*/ 182 w 182"/>
                <a:gd name="T5" fmla="*/ 2 h 195"/>
                <a:gd name="T6" fmla="*/ 182 w 182"/>
                <a:gd name="T7" fmla="*/ 2 h 195"/>
                <a:gd name="T8" fmla="*/ 182 w 182"/>
                <a:gd name="T9" fmla="*/ 2 h 195"/>
                <a:gd name="T10" fmla="*/ 181 w 182"/>
                <a:gd name="T11" fmla="*/ 0 h 195"/>
                <a:gd name="T12" fmla="*/ 181 w 182"/>
                <a:gd name="T13" fmla="*/ 1 h 195"/>
                <a:gd name="T14" fmla="*/ 181 w 182"/>
                <a:gd name="T15" fmla="*/ 1 h 195"/>
                <a:gd name="T16" fmla="*/ 180 w 182"/>
                <a:gd name="T17" fmla="*/ 1 h 195"/>
                <a:gd name="T18" fmla="*/ 180 w 182"/>
                <a:gd name="T19" fmla="*/ 2 h 195"/>
                <a:gd name="T20" fmla="*/ 180 w 182"/>
                <a:gd name="T21" fmla="*/ 3 h 195"/>
                <a:gd name="T22" fmla="*/ 157 w 182"/>
                <a:gd name="T23" fmla="*/ 13 h 195"/>
                <a:gd name="T24" fmla="*/ 98 w 182"/>
                <a:gd name="T25" fmla="*/ 38 h 195"/>
                <a:gd name="T26" fmla="*/ 38 w 182"/>
                <a:gd name="T27" fmla="*/ 60 h 195"/>
                <a:gd name="T28" fmla="*/ 13 w 182"/>
                <a:gd name="T29" fmla="*/ 67 h 195"/>
                <a:gd name="T30" fmla="*/ 14 w 182"/>
                <a:gd name="T31" fmla="*/ 86 h 195"/>
                <a:gd name="T32" fmla="*/ 12 w 182"/>
                <a:gd name="T33" fmla="*/ 106 h 195"/>
                <a:gd name="T34" fmla="*/ 10 w 182"/>
                <a:gd name="T35" fmla="*/ 131 h 195"/>
                <a:gd name="T36" fmla="*/ 7 w 182"/>
                <a:gd name="T37" fmla="*/ 156 h 195"/>
                <a:gd name="T38" fmla="*/ 4 w 182"/>
                <a:gd name="T39" fmla="*/ 176 h 195"/>
                <a:gd name="T40" fmla="*/ 1 w 182"/>
                <a:gd name="T41" fmla="*/ 194 h 195"/>
                <a:gd name="T42" fmla="*/ 0 w 182"/>
                <a:gd name="T43" fmla="*/ 194 h 195"/>
                <a:gd name="T44" fmla="*/ 0 w 182"/>
                <a:gd name="T45" fmla="*/ 194 h 195"/>
                <a:gd name="T46" fmla="*/ 0 w 182"/>
                <a:gd name="T47" fmla="*/ 195 h 195"/>
                <a:gd name="T48" fmla="*/ 0 w 182"/>
                <a:gd name="T49" fmla="*/ 195 h 195"/>
                <a:gd name="T50" fmla="*/ 0 w 182"/>
                <a:gd name="T51" fmla="*/ 195 h 195"/>
                <a:gd name="T52" fmla="*/ 26 w 182"/>
                <a:gd name="T53" fmla="*/ 188 h 195"/>
                <a:gd name="T54" fmla="*/ 86 w 182"/>
                <a:gd name="T55" fmla="*/ 167 h 195"/>
                <a:gd name="T56" fmla="*/ 145 w 182"/>
                <a:gd name="T57" fmla="*/ 144 h 195"/>
                <a:gd name="T58" fmla="*/ 168 w 182"/>
                <a:gd name="T59" fmla="*/ 134 h 195"/>
                <a:gd name="T60" fmla="*/ 169 w 182"/>
                <a:gd name="T61" fmla="*/ 134 h 195"/>
                <a:gd name="T62" fmla="*/ 169 w 182"/>
                <a:gd name="T63" fmla="*/ 134 h 195"/>
                <a:gd name="T64" fmla="*/ 169 w 182"/>
                <a:gd name="T65" fmla="*/ 134 h 195"/>
                <a:gd name="T66" fmla="*/ 169 w 182"/>
                <a:gd name="T67" fmla="*/ 133 h 195"/>
                <a:gd name="T68" fmla="*/ 169 w 182"/>
                <a:gd name="T69" fmla="*/ 133 h 195"/>
                <a:gd name="T70" fmla="*/ 179 w 182"/>
                <a:gd name="T71" fmla="*/ 67 h 1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82" h="195">
                  <a:moveTo>
                    <a:pt x="179" y="67"/>
                  </a:moveTo>
                  <a:cubicBezTo>
                    <a:pt x="181" y="35"/>
                    <a:pt x="182" y="9"/>
                    <a:pt x="182" y="2"/>
                  </a:cubicBezTo>
                  <a:cubicBezTo>
                    <a:pt x="182" y="2"/>
                    <a:pt x="182" y="2"/>
                    <a:pt x="182" y="2"/>
                  </a:cubicBezTo>
                  <a:cubicBezTo>
                    <a:pt x="182" y="2"/>
                    <a:pt x="182" y="2"/>
                    <a:pt x="182" y="2"/>
                  </a:cubicBezTo>
                  <a:cubicBezTo>
                    <a:pt x="182" y="2"/>
                    <a:pt x="182" y="2"/>
                    <a:pt x="182" y="2"/>
                  </a:cubicBezTo>
                  <a:cubicBezTo>
                    <a:pt x="181" y="1"/>
                    <a:pt x="181" y="0"/>
                    <a:pt x="181" y="0"/>
                  </a:cubicBezTo>
                  <a:cubicBezTo>
                    <a:pt x="181" y="0"/>
                    <a:pt x="181" y="0"/>
                    <a:pt x="181" y="1"/>
                  </a:cubicBezTo>
                  <a:cubicBezTo>
                    <a:pt x="181" y="1"/>
                    <a:pt x="181" y="1"/>
                    <a:pt x="181" y="1"/>
                  </a:cubicBezTo>
                  <a:cubicBezTo>
                    <a:pt x="181" y="1"/>
                    <a:pt x="180" y="1"/>
                    <a:pt x="180" y="1"/>
                  </a:cubicBezTo>
                  <a:cubicBezTo>
                    <a:pt x="180" y="2"/>
                    <a:pt x="180" y="2"/>
                    <a:pt x="180" y="2"/>
                  </a:cubicBezTo>
                  <a:cubicBezTo>
                    <a:pt x="180" y="2"/>
                    <a:pt x="180" y="3"/>
                    <a:pt x="180" y="3"/>
                  </a:cubicBezTo>
                  <a:cubicBezTo>
                    <a:pt x="177" y="5"/>
                    <a:pt x="169" y="8"/>
                    <a:pt x="157" y="13"/>
                  </a:cubicBezTo>
                  <a:cubicBezTo>
                    <a:pt x="142" y="19"/>
                    <a:pt x="122" y="28"/>
                    <a:pt x="98" y="38"/>
                  </a:cubicBezTo>
                  <a:cubicBezTo>
                    <a:pt x="75" y="47"/>
                    <a:pt x="54" y="55"/>
                    <a:pt x="38" y="60"/>
                  </a:cubicBezTo>
                  <a:cubicBezTo>
                    <a:pt x="24" y="65"/>
                    <a:pt x="15" y="67"/>
                    <a:pt x="13" y="67"/>
                  </a:cubicBezTo>
                  <a:cubicBezTo>
                    <a:pt x="14" y="68"/>
                    <a:pt x="14" y="76"/>
                    <a:pt x="14" y="86"/>
                  </a:cubicBezTo>
                  <a:cubicBezTo>
                    <a:pt x="13" y="92"/>
                    <a:pt x="13" y="99"/>
                    <a:pt x="12" y="106"/>
                  </a:cubicBezTo>
                  <a:cubicBezTo>
                    <a:pt x="12" y="114"/>
                    <a:pt x="11" y="122"/>
                    <a:pt x="10" y="131"/>
                  </a:cubicBezTo>
                  <a:cubicBezTo>
                    <a:pt x="9" y="140"/>
                    <a:pt x="8" y="148"/>
                    <a:pt x="7" y="156"/>
                  </a:cubicBezTo>
                  <a:cubicBezTo>
                    <a:pt x="6" y="163"/>
                    <a:pt x="5" y="170"/>
                    <a:pt x="4" y="176"/>
                  </a:cubicBezTo>
                  <a:cubicBezTo>
                    <a:pt x="3" y="185"/>
                    <a:pt x="2" y="192"/>
                    <a:pt x="1" y="194"/>
                  </a:cubicBezTo>
                  <a:cubicBezTo>
                    <a:pt x="1" y="194"/>
                    <a:pt x="1" y="194"/>
                    <a:pt x="0" y="194"/>
                  </a:cubicBezTo>
                  <a:cubicBezTo>
                    <a:pt x="0" y="194"/>
                    <a:pt x="0" y="194"/>
                    <a:pt x="0" y="194"/>
                  </a:cubicBezTo>
                  <a:cubicBezTo>
                    <a:pt x="0" y="194"/>
                    <a:pt x="0" y="195"/>
                    <a:pt x="0" y="195"/>
                  </a:cubicBezTo>
                  <a:cubicBezTo>
                    <a:pt x="0" y="195"/>
                    <a:pt x="0" y="195"/>
                    <a:pt x="0" y="195"/>
                  </a:cubicBezTo>
                  <a:cubicBezTo>
                    <a:pt x="0" y="195"/>
                    <a:pt x="0" y="195"/>
                    <a:pt x="0" y="195"/>
                  </a:cubicBezTo>
                  <a:cubicBezTo>
                    <a:pt x="2" y="195"/>
                    <a:pt x="12" y="192"/>
                    <a:pt x="26" y="188"/>
                  </a:cubicBezTo>
                  <a:cubicBezTo>
                    <a:pt x="42" y="184"/>
                    <a:pt x="63" y="176"/>
                    <a:pt x="86" y="167"/>
                  </a:cubicBezTo>
                  <a:cubicBezTo>
                    <a:pt x="109" y="159"/>
                    <a:pt x="130" y="150"/>
                    <a:pt x="145" y="144"/>
                  </a:cubicBezTo>
                  <a:cubicBezTo>
                    <a:pt x="158" y="139"/>
                    <a:pt x="166" y="135"/>
                    <a:pt x="168" y="134"/>
                  </a:cubicBezTo>
                  <a:cubicBezTo>
                    <a:pt x="169" y="134"/>
                    <a:pt x="169" y="134"/>
                    <a:pt x="169" y="134"/>
                  </a:cubicBezTo>
                  <a:cubicBezTo>
                    <a:pt x="169" y="134"/>
                    <a:pt x="169" y="134"/>
                    <a:pt x="169" y="134"/>
                  </a:cubicBezTo>
                  <a:cubicBezTo>
                    <a:pt x="169" y="134"/>
                    <a:pt x="169" y="134"/>
                    <a:pt x="169" y="134"/>
                  </a:cubicBezTo>
                  <a:cubicBezTo>
                    <a:pt x="169" y="133"/>
                    <a:pt x="169" y="133"/>
                    <a:pt x="169" y="133"/>
                  </a:cubicBezTo>
                  <a:cubicBezTo>
                    <a:pt x="169" y="133"/>
                    <a:pt x="169" y="133"/>
                    <a:pt x="169" y="133"/>
                  </a:cubicBezTo>
                  <a:cubicBezTo>
                    <a:pt x="171" y="129"/>
                    <a:pt x="175" y="100"/>
                    <a:pt x="179" y="67"/>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8" name="ïṡlidê">
              <a:extLst>
                <a:ext uri="{FF2B5EF4-FFF2-40B4-BE49-F238E27FC236}">
                  <a16:creationId xmlns:a16="http://schemas.microsoft.com/office/drawing/2014/main" xmlns="" id="{E584E227-B9ED-4BB7-AD73-E9E7C7816785}"/>
                </a:ext>
              </a:extLst>
            </p:cNvPr>
            <p:cNvSpPr/>
            <p:nvPr/>
          </p:nvSpPr>
          <p:spPr bwMode="auto">
            <a:xfrm>
              <a:off x="5618728" y="2924806"/>
              <a:ext cx="302060" cy="458109"/>
            </a:xfrm>
            <a:custGeom>
              <a:avLst/>
              <a:gdLst>
                <a:gd name="T0" fmla="*/ 140 w 140"/>
                <a:gd name="T1" fmla="*/ 103 h 212"/>
                <a:gd name="T2" fmla="*/ 139 w 140"/>
                <a:gd name="T3" fmla="*/ 84 h 212"/>
                <a:gd name="T4" fmla="*/ 139 w 140"/>
                <a:gd name="T5" fmla="*/ 84 h 212"/>
                <a:gd name="T6" fmla="*/ 139 w 140"/>
                <a:gd name="T7" fmla="*/ 84 h 212"/>
                <a:gd name="T8" fmla="*/ 139 w 140"/>
                <a:gd name="T9" fmla="*/ 84 h 212"/>
                <a:gd name="T10" fmla="*/ 139 w 140"/>
                <a:gd name="T11" fmla="*/ 84 h 212"/>
                <a:gd name="T12" fmla="*/ 139 w 140"/>
                <a:gd name="T13" fmla="*/ 84 h 212"/>
                <a:gd name="T14" fmla="*/ 138 w 140"/>
                <a:gd name="T15" fmla="*/ 84 h 212"/>
                <a:gd name="T16" fmla="*/ 138 w 140"/>
                <a:gd name="T17" fmla="*/ 84 h 212"/>
                <a:gd name="T18" fmla="*/ 138 w 140"/>
                <a:gd name="T19" fmla="*/ 84 h 212"/>
                <a:gd name="T20" fmla="*/ 138 w 140"/>
                <a:gd name="T21" fmla="*/ 84 h 212"/>
                <a:gd name="T22" fmla="*/ 75 w 140"/>
                <a:gd name="T23" fmla="*/ 45 h 212"/>
                <a:gd name="T24" fmla="*/ 15 w 140"/>
                <a:gd name="T25" fmla="*/ 1 h 212"/>
                <a:gd name="T26" fmla="*/ 15 w 140"/>
                <a:gd name="T27" fmla="*/ 1 h 212"/>
                <a:gd name="T28" fmla="*/ 15 w 140"/>
                <a:gd name="T29" fmla="*/ 1 h 212"/>
                <a:gd name="T30" fmla="*/ 15 w 140"/>
                <a:gd name="T31" fmla="*/ 0 h 212"/>
                <a:gd name="T32" fmla="*/ 15 w 140"/>
                <a:gd name="T33" fmla="*/ 0 h 212"/>
                <a:gd name="T34" fmla="*/ 4 w 140"/>
                <a:gd name="T35" fmla="*/ 71 h 212"/>
                <a:gd name="T36" fmla="*/ 1 w 140"/>
                <a:gd name="T37" fmla="*/ 142 h 212"/>
                <a:gd name="T38" fmla="*/ 62 w 140"/>
                <a:gd name="T39" fmla="*/ 179 h 212"/>
                <a:gd name="T40" fmla="*/ 107 w 140"/>
                <a:gd name="T41" fmla="*/ 203 h 212"/>
                <a:gd name="T42" fmla="*/ 126 w 140"/>
                <a:gd name="T43" fmla="*/ 212 h 212"/>
                <a:gd name="T44" fmla="*/ 127 w 140"/>
                <a:gd name="T45" fmla="*/ 212 h 212"/>
                <a:gd name="T46" fmla="*/ 127 w 140"/>
                <a:gd name="T47" fmla="*/ 211 h 212"/>
                <a:gd name="T48" fmla="*/ 127 w 140"/>
                <a:gd name="T49" fmla="*/ 211 h 212"/>
                <a:gd name="T50" fmla="*/ 130 w 140"/>
                <a:gd name="T51" fmla="*/ 193 h 212"/>
                <a:gd name="T52" fmla="*/ 133 w 140"/>
                <a:gd name="T53" fmla="*/ 173 h 212"/>
                <a:gd name="T54" fmla="*/ 136 w 140"/>
                <a:gd name="T55" fmla="*/ 148 h 212"/>
                <a:gd name="T56" fmla="*/ 138 w 140"/>
                <a:gd name="T57" fmla="*/ 123 h 212"/>
                <a:gd name="T58" fmla="*/ 140 w 140"/>
                <a:gd name="T59" fmla="*/ 103 h 2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40" h="212">
                  <a:moveTo>
                    <a:pt x="140" y="103"/>
                  </a:moveTo>
                  <a:cubicBezTo>
                    <a:pt x="140" y="93"/>
                    <a:pt x="140" y="85"/>
                    <a:pt x="139" y="84"/>
                  </a:cubicBezTo>
                  <a:cubicBezTo>
                    <a:pt x="139" y="84"/>
                    <a:pt x="139" y="84"/>
                    <a:pt x="139" y="84"/>
                  </a:cubicBezTo>
                  <a:cubicBezTo>
                    <a:pt x="139" y="84"/>
                    <a:pt x="139" y="84"/>
                    <a:pt x="139" y="84"/>
                  </a:cubicBezTo>
                  <a:cubicBezTo>
                    <a:pt x="139" y="84"/>
                    <a:pt x="139" y="84"/>
                    <a:pt x="139" y="84"/>
                  </a:cubicBezTo>
                  <a:cubicBezTo>
                    <a:pt x="139" y="84"/>
                    <a:pt x="139" y="84"/>
                    <a:pt x="139" y="84"/>
                  </a:cubicBezTo>
                  <a:cubicBezTo>
                    <a:pt x="139" y="84"/>
                    <a:pt x="139" y="84"/>
                    <a:pt x="139" y="84"/>
                  </a:cubicBezTo>
                  <a:cubicBezTo>
                    <a:pt x="138" y="84"/>
                    <a:pt x="138" y="84"/>
                    <a:pt x="138" y="84"/>
                  </a:cubicBezTo>
                  <a:cubicBezTo>
                    <a:pt x="138" y="84"/>
                    <a:pt x="138" y="84"/>
                    <a:pt x="138" y="84"/>
                  </a:cubicBezTo>
                  <a:cubicBezTo>
                    <a:pt x="138" y="84"/>
                    <a:pt x="138" y="84"/>
                    <a:pt x="138" y="84"/>
                  </a:cubicBezTo>
                  <a:cubicBezTo>
                    <a:pt x="138" y="84"/>
                    <a:pt x="138" y="84"/>
                    <a:pt x="138" y="84"/>
                  </a:cubicBezTo>
                  <a:cubicBezTo>
                    <a:pt x="135" y="84"/>
                    <a:pt x="107" y="67"/>
                    <a:pt x="75" y="45"/>
                  </a:cubicBezTo>
                  <a:cubicBezTo>
                    <a:pt x="44" y="24"/>
                    <a:pt x="19" y="6"/>
                    <a:pt x="15" y="1"/>
                  </a:cubicBezTo>
                  <a:cubicBezTo>
                    <a:pt x="15" y="1"/>
                    <a:pt x="15" y="1"/>
                    <a:pt x="15" y="1"/>
                  </a:cubicBezTo>
                  <a:cubicBezTo>
                    <a:pt x="15" y="1"/>
                    <a:pt x="15" y="1"/>
                    <a:pt x="15" y="1"/>
                  </a:cubicBezTo>
                  <a:cubicBezTo>
                    <a:pt x="15" y="0"/>
                    <a:pt x="15" y="0"/>
                    <a:pt x="15" y="0"/>
                  </a:cubicBezTo>
                  <a:cubicBezTo>
                    <a:pt x="15" y="0"/>
                    <a:pt x="15" y="0"/>
                    <a:pt x="15" y="0"/>
                  </a:cubicBezTo>
                  <a:cubicBezTo>
                    <a:pt x="13" y="0"/>
                    <a:pt x="9" y="32"/>
                    <a:pt x="4" y="71"/>
                  </a:cubicBezTo>
                  <a:cubicBezTo>
                    <a:pt x="1" y="110"/>
                    <a:pt x="0" y="141"/>
                    <a:pt x="1" y="142"/>
                  </a:cubicBezTo>
                  <a:cubicBezTo>
                    <a:pt x="1" y="143"/>
                    <a:pt x="28" y="161"/>
                    <a:pt x="62" y="179"/>
                  </a:cubicBezTo>
                  <a:cubicBezTo>
                    <a:pt x="80" y="189"/>
                    <a:pt x="96" y="197"/>
                    <a:pt x="107" y="203"/>
                  </a:cubicBezTo>
                  <a:cubicBezTo>
                    <a:pt x="118" y="208"/>
                    <a:pt x="125" y="212"/>
                    <a:pt x="126" y="212"/>
                  </a:cubicBezTo>
                  <a:cubicBezTo>
                    <a:pt x="126" y="212"/>
                    <a:pt x="127" y="212"/>
                    <a:pt x="127" y="212"/>
                  </a:cubicBezTo>
                  <a:cubicBezTo>
                    <a:pt x="127" y="212"/>
                    <a:pt x="127" y="212"/>
                    <a:pt x="127" y="211"/>
                  </a:cubicBezTo>
                  <a:cubicBezTo>
                    <a:pt x="127" y="211"/>
                    <a:pt x="127" y="211"/>
                    <a:pt x="127" y="211"/>
                  </a:cubicBezTo>
                  <a:cubicBezTo>
                    <a:pt x="128" y="209"/>
                    <a:pt x="129" y="202"/>
                    <a:pt x="130" y="193"/>
                  </a:cubicBezTo>
                  <a:cubicBezTo>
                    <a:pt x="131" y="187"/>
                    <a:pt x="132" y="180"/>
                    <a:pt x="133" y="173"/>
                  </a:cubicBezTo>
                  <a:cubicBezTo>
                    <a:pt x="134" y="165"/>
                    <a:pt x="135" y="157"/>
                    <a:pt x="136" y="148"/>
                  </a:cubicBezTo>
                  <a:cubicBezTo>
                    <a:pt x="137" y="139"/>
                    <a:pt x="138" y="131"/>
                    <a:pt x="138" y="123"/>
                  </a:cubicBezTo>
                  <a:cubicBezTo>
                    <a:pt x="139" y="116"/>
                    <a:pt x="139" y="109"/>
                    <a:pt x="140" y="103"/>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199" name="ísḻïďe">
              <a:extLst>
                <a:ext uri="{FF2B5EF4-FFF2-40B4-BE49-F238E27FC236}">
                  <a16:creationId xmlns:a16="http://schemas.microsoft.com/office/drawing/2014/main" xmlns="" id="{4E0AF274-2034-4E10-95E9-8446678BC000}"/>
                </a:ext>
              </a:extLst>
            </p:cNvPr>
            <p:cNvSpPr/>
            <p:nvPr/>
          </p:nvSpPr>
          <p:spPr bwMode="auto">
            <a:xfrm>
              <a:off x="6013869" y="3069904"/>
              <a:ext cx="172476" cy="174301"/>
            </a:xfrm>
            <a:custGeom>
              <a:avLst/>
              <a:gdLst>
                <a:gd name="T0" fmla="*/ 79 w 80"/>
                <a:gd name="T1" fmla="*/ 27 h 81"/>
                <a:gd name="T2" fmla="*/ 79 w 80"/>
                <a:gd name="T3" fmla="*/ 1 h 81"/>
                <a:gd name="T4" fmla="*/ 79 w 80"/>
                <a:gd name="T5" fmla="*/ 1 h 81"/>
                <a:gd name="T6" fmla="*/ 79 w 80"/>
                <a:gd name="T7" fmla="*/ 1 h 81"/>
                <a:gd name="T8" fmla="*/ 41 w 80"/>
                <a:gd name="T9" fmla="*/ 12 h 81"/>
                <a:gd name="T10" fmla="*/ 26 w 80"/>
                <a:gd name="T11" fmla="*/ 17 h 81"/>
                <a:gd name="T12" fmla="*/ 14 w 80"/>
                <a:gd name="T13" fmla="*/ 22 h 81"/>
                <a:gd name="T14" fmla="*/ 3 w 80"/>
                <a:gd name="T15" fmla="*/ 27 h 81"/>
                <a:gd name="T16" fmla="*/ 3 w 80"/>
                <a:gd name="T17" fmla="*/ 27 h 81"/>
                <a:gd name="T18" fmla="*/ 1 w 80"/>
                <a:gd name="T19" fmla="*/ 53 h 81"/>
                <a:gd name="T20" fmla="*/ 1 w 80"/>
                <a:gd name="T21" fmla="*/ 80 h 81"/>
                <a:gd name="T22" fmla="*/ 39 w 80"/>
                <a:gd name="T23" fmla="*/ 69 h 81"/>
                <a:gd name="T24" fmla="*/ 75 w 80"/>
                <a:gd name="T25" fmla="*/ 54 h 81"/>
                <a:gd name="T26" fmla="*/ 76 w 80"/>
                <a:gd name="T27" fmla="*/ 54 h 81"/>
                <a:gd name="T28" fmla="*/ 79 w 80"/>
                <a:gd name="T29" fmla="*/ 27 h 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0" h="81">
                  <a:moveTo>
                    <a:pt x="79" y="27"/>
                  </a:moveTo>
                  <a:cubicBezTo>
                    <a:pt x="80" y="13"/>
                    <a:pt x="80" y="1"/>
                    <a:pt x="79" y="1"/>
                  </a:cubicBezTo>
                  <a:cubicBezTo>
                    <a:pt x="79" y="1"/>
                    <a:pt x="79" y="1"/>
                    <a:pt x="79" y="1"/>
                  </a:cubicBezTo>
                  <a:cubicBezTo>
                    <a:pt x="79" y="1"/>
                    <a:pt x="79" y="1"/>
                    <a:pt x="79" y="1"/>
                  </a:cubicBezTo>
                  <a:cubicBezTo>
                    <a:pt x="79" y="0"/>
                    <a:pt x="62" y="5"/>
                    <a:pt x="41" y="12"/>
                  </a:cubicBezTo>
                  <a:cubicBezTo>
                    <a:pt x="36" y="14"/>
                    <a:pt x="31" y="15"/>
                    <a:pt x="26" y="17"/>
                  </a:cubicBezTo>
                  <a:cubicBezTo>
                    <a:pt x="22" y="18"/>
                    <a:pt x="18" y="20"/>
                    <a:pt x="14" y="22"/>
                  </a:cubicBezTo>
                  <a:cubicBezTo>
                    <a:pt x="8" y="25"/>
                    <a:pt x="3" y="27"/>
                    <a:pt x="3" y="27"/>
                  </a:cubicBezTo>
                  <a:cubicBezTo>
                    <a:pt x="3" y="27"/>
                    <a:pt x="3" y="27"/>
                    <a:pt x="3" y="27"/>
                  </a:cubicBezTo>
                  <a:cubicBezTo>
                    <a:pt x="3" y="29"/>
                    <a:pt x="2" y="40"/>
                    <a:pt x="1" y="53"/>
                  </a:cubicBezTo>
                  <a:cubicBezTo>
                    <a:pt x="0" y="68"/>
                    <a:pt x="0" y="80"/>
                    <a:pt x="1" y="80"/>
                  </a:cubicBezTo>
                  <a:cubicBezTo>
                    <a:pt x="1" y="81"/>
                    <a:pt x="18" y="76"/>
                    <a:pt x="39" y="69"/>
                  </a:cubicBezTo>
                  <a:cubicBezTo>
                    <a:pt x="58" y="62"/>
                    <a:pt x="74" y="56"/>
                    <a:pt x="75" y="54"/>
                  </a:cubicBezTo>
                  <a:cubicBezTo>
                    <a:pt x="76" y="54"/>
                    <a:pt x="76" y="54"/>
                    <a:pt x="76" y="54"/>
                  </a:cubicBezTo>
                  <a:cubicBezTo>
                    <a:pt x="76" y="54"/>
                    <a:pt x="78" y="42"/>
                    <a:pt x="79" y="27"/>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0" name="íṥ1ídé">
              <a:extLst>
                <a:ext uri="{FF2B5EF4-FFF2-40B4-BE49-F238E27FC236}">
                  <a16:creationId xmlns:a16="http://schemas.microsoft.com/office/drawing/2014/main" xmlns="" id="{DE70AFEB-58EB-4B99-BEE6-6E4CECD34178}"/>
                </a:ext>
              </a:extLst>
            </p:cNvPr>
            <p:cNvSpPr/>
            <p:nvPr/>
          </p:nvSpPr>
          <p:spPr bwMode="auto">
            <a:xfrm>
              <a:off x="6046721" y="3114621"/>
              <a:ext cx="120459" cy="45629"/>
            </a:xfrm>
            <a:custGeom>
              <a:avLst/>
              <a:gdLst>
                <a:gd name="T0" fmla="*/ 55 w 56"/>
                <a:gd name="T1" fmla="*/ 1 h 21"/>
                <a:gd name="T2" fmla="*/ 29 w 56"/>
                <a:gd name="T3" fmla="*/ 12 h 21"/>
                <a:gd name="T4" fmla="*/ 0 w 56"/>
                <a:gd name="T5" fmla="*/ 20 h 21"/>
                <a:gd name="T6" fmla="*/ 28 w 56"/>
                <a:gd name="T7" fmla="*/ 9 h 21"/>
                <a:gd name="T8" fmla="*/ 55 w 56"/>
                <a:gd name="T9" fmla="*/ 1 h 21"/>
              </a:gdLst>
              <a:ahLst/>
              <a:cxnLst>
                <a:cxn ang="0">
                  <a:pos x="T0" y="T1"/>
                </a:cxn>
                <a:cxn ang="0">
                  <a:pos x="T2" y="T3"/>
                </a:cxn>
                <a:cxn ang="0">
                  <a:pos x="T4" y="T5"/>
                </a:cxn>
                <a:cxn ang="0">
                  <a:pos x="T6" y="T7"/>
                </a:cxn>
                <a:cxn ang="0">
                  <a:pos x="T8" y="T9"/>
                </a:cxn>
              </a:cxnLst>
              <a:rect l="0" t="0" r="r" b="b"/>
              <a:pathLst>
                <a:path w="56" h="21">
                  <a:moveTo>
                    <a:pt x="55" y="1"/>
                  </a:moveTo>
                  <a:cubicBezTo>
                    <a:pt x="56" y="1"/>
                    <a:pt x="44" y="7"/>
                    <a:pt x="29" y="12"/>
                  </a:cubicBezTo>
                  <a:cubicBezTo>
                    <a:pt x="13" y="17"/>
                    <a:pt x="1" y="21"/>
                    <a:pt x="0" y="20"/>
                  </a:cubicBezTo>
                  <a:cubicBezTo>
                    <a:pt x="0" y="19"/>
                    <a:pt x="12" y="14"/>
                    <a:pt x="28" y="9"/>
                  </a:cubicBezTo>
                  <a:cubicBezTo>
                    <a:pt x="43" y="4"/>
                    <a:pt x="55" y="0"/>
                    <a:pt x="55"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1" name="îṡļiḓe">
              <a:extLst>
                <a:ext uri="{FF2B5EF4-FFF2-40B4-BE49-F238E27FC236}">
                  <a16:creationId xmlns:a16="http://schemas.microsoft.com/office/drawing/2014/main" xmlns="" id="{51D418DD-AFC4-4450-AEED-5B0111DAC6E4}"/>
                </a:ext>
              </a:extLst>
            </p:cNvPr>
            <p:cNvSpPr/>
            <p:nvPr/>
          </p:nvSpPr>
          <p:spPr bwMode="auto">
            <a:xfrm>
              <a:off x="6050371" y="3153861"/>
              <a:ext cx="104033" cy="39240"/>
            </a:xfrm>
            <a:custGeom>
              <a:avLst/>
              <a:gdLst>
                <a:gd name="T0" fmla="*/ 47 w 48"/>
                <a:gd name="T1" fmla="*/ 1 h 18"/>
                <a:gd name="T2" fmla="*/ 24 w 48"/>
                <a:gd name="T3" fmla="*/ 11 h 18"/>
                <a:gd name="T4" fmla="*/ 0 w 48"/>
                <a:gd name="T5" fmla="*/ 18 h 18"/>
                <a:gd name="T6" fmla="*/ 23 w 48"/>
                <a:gd name="T7" fmla="*/ 8 h 18"/>
                <a:gd name="T8" fmla="*/ 47 w 48"/>
                <a:gd name="T9" fmla="*/ 1 h 18"/>
              </a:gdLst>
              <a:ahLst/>
              <a:cxnLst>
                <a:cxn ang="0">
                  <a:pos x="T0" y="T1"/>
                </a:cxn>
                <a:cxn ang="0">
                  <a:pos x="T2" y="T3"/>
                </a:cxn>
                <a:cxn ang="0">
                  <a:pos x="T4" y="T5"/>
                </a:cxn>
                <a:cxn ang="0">
                  <a:pos x="T6" y="T7"/>
                </a:cxn>
                <a:cxn ang="0">
                  <a:pos x="T8" y="T9"/>
                </a:cxn>
              </a:cxnLst>
              <a:rect l="0" t="0" r="r" b="b"/>
              <a:pathLst>
                <a:path w="48" h="18">
                  <a:moveTo>
                    <a:pt x="47" y="1"/>
                  </a:moveTo>
                  <a:cubicBezTo>
                    <a:pt x="48" y="2"/>
                    <a:pt x="38" y="7"/>
                    <a:pt x="24" y="11"/>
                  </a:cubicBezTo>
                  <a:cubicBezTo>
                    <a:pt x="11" y="16"/>
                    <a:pt x="0" y="18"/>
                    <a:pt x="0" y="18"/>
                  </a:cubicBezTo>
                  <a:cubicBezTo>
                    <a:pt x="0" y="17"/>
                    <a:pt x="10" y="12"/>
                    <a:pt x="23" y="8"/>
                  </a:cubicBezTo>
                  <a:cubicBezTo>
                    <a:pt x="36" y="4"/>
                    <a:pt x="47" y="0"/>
                    <a:pt x="47"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2" name="íṧļíḋe">
              <a:extLst>
                <a:ext uri="{FF2B5EF4-FFF2-40B4-BE49-F238E27FC236}">
                  <a16:creationId xmlns:a16="http://schemas.microsoft.com/office/drawing/2014/main" xmlns="" id="{AE6133F5-0DED-44AD-8D1E-012B40735D9A}"/>
                </a:ext>
              </a:extLst>
            </p:cNvPr>
            <p:cNvSpPr/>
            <p:nvPr/>
          </p:nvSpPr>
          <p:spPr bwMode="auto">
            <a:xfrm>
              <a:off x="5616902" y="2924806"/>
              <a:ext cx="36503" cy="304797"/>
            </a:xfrm>
            <a:custGeom>
              <a:avLst/>
              <a:gdLst>
                <a:gd name="T0" fmla="*/ 16 w 17"/>
                <a:gd name="T1" fmla="*/ 0 h 141"/>
                <a:gd name="T2" fmla="*/ 11 w 17"/>
                <a:gd name="T3" fmla="*/ 71 h 141"/>
                <a:gd name="T4" fmla="*/ 2 w 17"/>
                <a:gd name="T5" fmla="*/ 141 h 141"/>
                <a:gd name="T6" fmla="*/ 5 w 17"/>
                <a:gd name="T7" fmla="*/ 71 h 141"/>
                <a:gd name="T8" fmla="*/ 16 w 17"/>
                <a:gd name="T9" fmla="*/ 0 h 141"/>
              </a:gdLst>
              <a:ahLst/>
              <a:cxnLst>
                <a:cxn ang="0">
                  <a:pos x="T0" y="T1"/>
                </a:cxn>
                <a:cxn ang="0">
                  <a:pos x="T2" y="T3"/>
                </a:cxn>
                <a:cxn ang="0">
                  <a:pos x="T4" y="T5"/>
                </a:cxn>
                <a:cxn ang="0">
                  <a:pos x="T6" y="T7"/>
                </a:cxn>
                <a:cxn ang="0">
                  <a:pos x="T8" y="T9"/>
                </a:cxn>
              </a:cxnLst>
              <a:rect l="0" t="0" r="r" b="b"/>
              <a:pathLst>
                <a:path w="17" h="141">
                  <a:moveTo>
                    <a:pt x="16" y="0"/>
                  </a:moveTo>
                  <a:cubicBezTo>
                    <a:pt x="17" y="0"/>
                    <a:pt x="16" y="32"/>
                    <a:pt x="11" y="71"/>
                  </a:cubicBezTo>
                  <a:cubicBezTo>
                    <a:pt x="7" y="110"/>
                    <a:pt x="4" y="141"/>
                    <a:pt x="2" y="141"/>
                  </a:cubicBezTo>
                  <a:cubicBezTo>
                    <a:pt x="0" y="141"/>
                    <a:pt x="1" y="109"/>
                    <a:pt x="5" y="71"/>
                  </a:cubicBezTo>
                  <a:cubicBezTo>
                    <a:pt x="10" y="32"/>
                    <a:pt x="14" y="0"/>
                    <a:pt x="16"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3" name="íśļiďé">
              <a:extLst>
                <a:ext uri="{FF2B5EF4-FFF2-40B4-BE49-F238E27FC236}">
                  <a16:creationId xmlns:a16="http://schemas.microsoft.com/office/drawing/2014/main" xmlns="" id="{62D21D5F-3F63-42C1-A068-BEA7431F6CB2}"/>
                </a:ext>
              </a:extLst>
            </p:cNvPr>
            <p:cNvSpPr/>
            <p:nvPr/>
          </p:nvSpPr>
          <p:spPr bwMode="auto">
            <a:xfrm>
              <a:off x="5648842" y="2793397"/>
              <a:ext cx="384191" cy="133235"/>
            </a:xfrm>
            <a:custGeom>
              <a:avLst/>
              <a:gdLst>
                <a:gd name="T0" fmla="*/ 1 w 178"/>
                <a:gd name="T1" fmla="*/ 62 h 62"/>
                <a:gd name="T2" fmla="*/ 26 w 178"/>
                <a:gd name="T3" fmla="*/ 51 h 62"/>
                <a:gd name="T4" fmla="*/ 88 w 178"/>
                <a:gd name="T5" fmla="*/ 29 h 62"/>
                <a:gd name="T6" fmla="*/ 151 w 178"/>
                <a:gd name="T7" fmla="*/ 7 h 62"/>
                <a:gd name="T8" fmla="*/ 177 w 178"/>
                <a:gd name="T9" fmla="*/ 0 h 62"/>
                <a:gd name="T10" fmla="*/ 152 w 178"/>
                <a:gd name="T11" fmla="*/ 11 h 62"/>
                <a:gd name="T12" fmla="*/ 90 w 178"/>
                <a:gd name="T13" fmla="*/ 34 h 62"/>
                <a:gd name="T14" fmla="*/ 27 w 178"/>
                <a:gd name="T15" fmla="*/ 55 h 62"/>
                <a:gd name="T16" fmla="*/ 1 w 178"/>
                <a:gd name="T17" fmla="*/ 62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8" h="62">
                  <a:moveTo>
                    <a:pt x="1" y="62"/>
                  </a:moveTo>
                  <a:cubicBezTo>
                    <a:pt x="0" y="61"/>
                    <a:pt x="10" y="57"/>
                    <a:pt x="26" y="51"/>
                  </a:cubicBezTo>
                  <a:cubicBezTo>
                    <a:pt x="42" y="45"/>
                    <a:pt x="64" y="37"/>
                    <a:pt x="88" y="29"/>
                  </a:cubicBezTo>
                  <a:cubicBezTo>
                    <a:pt x="113" y="20"/>
                    <a:pt x="135" y="13"/>
                    <a:pt x="151" y="7"/>
                  </a:cubicBezTo>
                  <a:cubicBezTo>
                    <a:pt x="167" y="2"/>
                    <a:pt x="177" y="0"/>
                    <a:pt x="177" y="0"/>
                  </a:cubicBezTo>
                  <a:cubicBezTo>
                    <a:pt x="178" y="1"/>
                    <a:pt x="168" y="5"/>
                    <a:pt x="152" y="11"/>
                  </a:cubicBezTo>
                  <a:cubicBezTo>
                    <a:pt x="136" y="18"/>
                    <a:pt x="115" y="26"/>
                    <a:pt x="90" y="34"/>
                  </a:cubicBezTo>
                  <a:cubicBezTo>
                    <a:pt x="66" y="43"/>
                    <a:pt x="44" y="50"/>
                    <a:pt x="27" y="55"/>
                  </a:cubicBezTo>
                  <a:cubicBezTo>
                    <a:pt x="11" y="60"/>
                    <a:pt x="1" y="62"/>
                    <a:pt x="1" y="62"/>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4" name="ïSḻïďé">
              <a:extLst>
                <a:ext uri="{FF2B5EF4-FFF2-40B4-BE49-F238E27FC236}">
                  <a16:creationId xmlns:a16="http://schemas.microsoft.com/office/drawing/2014/main" xmlns="" id="{3BB0DE18-4DA6-4429-8374-5C1A96E87005}"/>
                </a:ext>
              </a:extLst>
            </p:cNvPr>
            <p:cNvSpPr/>
            <p:nvPr/>
          </p:nvSpPr>
          <p:spPr bwMode="auto">
            <a:xfrm>
              <a:off x="5917136" y="2965872"/>
              <a:ext cx="366852" cy="142360"/>
            </a:xfrm>
            <a:custGeom>
              <a:avLst/>
              <a:gdLst>
                <a:gd name="T0" fmla="*/ 170 w 170"/>
                <a:gd name="T1" fmla="*/ 0 h 66"/>
                <a:gd name="T2" fmla="*/ 163 w 170"/>
                <a:gd name="T3" fmla="*/ 3 h 66"/>
                <a:gd name="T4" fmla="*/ 145 w 170"/>
                <a:gd name="T5" fmla="*/ 11 h 66"/>
                <a:gd name="T6" fmla="*/ 86 w 170"/>
                <a:gd name="T7" fmla="*/ 36 h 66"/>
                <a:gd name="T8" fmla="*/ 26 w 170"/>
                <a:gd name="T9" fmla="*/ 58 h 66"/>
                <a:gd name="T10" fmla="*/ 1 w 170"/>
                <a:gd name="T11" fmla="*/ 65 h 66"/>
                <a:gd name="T12" fmla="*/ 25 w 170"/>
                <a:gd name="T13" fmla="*/ 54 h 66"/>
                <a:gd name="T14" fmla="*/ 84 w 170"/>
                <a:gd name="T15" fmla="*/ 30 h 66"/>
                <a:gd name="T16" fmla="*/ 144 w 170"/>
                <a:gd name="T17" fmla="*/ 7 h 66"/>
                <a:gd name="T18" fmla="*/ 162 w 170"/>
                <a:gd name="T19" fmla="*/ 1 h 66"/>
                <a:gd name="T20" fmla="*/ 170 w 170"/>
                <a:gd name="T21" fmla="*/ 0 h 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0" h="66">
                  <a:moveTo>
                    <a:pt x="170" y="0"/>
                  </a:moveTo>
                  <a:cubicBezTo>
                    <a:pt x="170" y="1"/>
                    <a:pt x="167" y="1"/>
                    <a:pt x="163" y="3"/>
                  </a:cubicBezTo>
                  <a:cubicBezTo>
                    <a:pt x="159" y="5"/>
                    <a:pt x="153" y="8"/>
                    <a:pt x="145" y="11"/>
                  </a:cubicBezTo>
                  <a:cubicBezTo>
                    <a:pt x="130" y="17"/>
                    <a:pt x="110" y="26"/>
                    <a:pt x="86" y="36"/>
                  </a:cubicBezTo>
                  <a:cubicBezTo>
                    <a:pt x="63" y="45"/>
                    <a:pt x="42" y="53"/>
                    <a:pt x="26" y="58"/>
                  </a:cubicBezTo>
                  <a:cubicBezTo>
                    <a:pt x="11" y="64"/>
                    <a:pt x="1" y="66"/>
                    <a:pt x="1" y="65"/>
                  </a:cubicBezTo>
                  <a:cubicBezTo>
                    <a:pt x="0" y="64"/>
                    <a:pt x="10" y="61"/>
                    <a:pt x="25" y="54"/>
                  </a:cubicBezTo>
                  <a:cubicBezTo>
                    <a:pt x="40" y="48"/>
                    <a:pt x="61" y="40"/>
                    <a:pt x="84" y="30"/>
                  </a:cubicBezTo>
                  <a:cubicBezTo>
                    <a:pt x="107" y="21"/>
                    <a:pt x="128" y="13"/>
                    <a:pt x="144" y="7"/>
                  </a:cubicBezTo>
                  <a:cubicBezTo>
                    <a:pt x="152" y="4"/>
                    <a:pt x="158" y="2"/>
                    <a:pt x="162" y="1"/>
                  </a:cubicBezTo>
                  <a:cubicBezTo>
                    <a:pt x="167" y="0"/>
                    <a:pt x="170" y="0"/>
                    <a:pt x="17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5" name="îsľiḋé">
              <a:extLst>
                <a:ext uri="{FF2B5EF4-FFF2-40B4-BE49-F238E27FC236}">
                  <a16:creationId xmlns:a16="http://schemas.microsoft.com/office/drawing/2014/main" xmlns="" id="{D645FFE9-96DB-499E-B5E9-D246A158B437}"/>
                </a:ext>
              </a:extLst>
            </p:cNvPr>
            <p:cNvSpPr/>
            <p:nvPr/>
          </p:nvSpPr>
          <p:spPr bwMode="auto">
            <a:xfrm>
              <a:off x="6029382" y="2793397"/>
              <a:ext cx="256432" cy="172476"/>
            </a:xfrm>
            <a:custGeom>
              <a:avLst/>
              <a:gdLst>
                <a:gd name="T0" fmla="*/ 118 w 119"/>
                <a:gd name="T1" fmla="*/ 80 h 80"/>
                <a:gd name="T2" fmla="*/ 100 w 119"/>
                <a:gd name="T3" fmla="*/ 70 h 80"/>
                <a:gd name="T4" fmla="*/ 58 w 119"/>
                <a:gd name="T5" fmla="*/ 42 h 80"/>
                <a:gd name="T6" fmla="*/ 17 w 119"/>
                <a:gd name="T7" fmla="*/ 13 h 80"/>
                <a:gd name="T8" fmla="*/ 0 w 119"/>
                <a:gd name="T9" fmla="*/ 0 h 80"/>
                <a:gd name="T10" fmla="*/ 19 w 119"/>
                <a:gd name="T11" fmla="*/ 9 h 80"/>
                <a:gd name="T12" fmla="*/ 61 w 119"/>
                <a:gd name="T13" fmla="*/ 37 h 80"/>
                <a:gd name="T14" fmla="*/ 102 w 119"/>
                <a:gd name="T15" fmla="*/ 67 h 80"/>
                <a:gd name="T16" fmla="*/ 118 w 119"/>
                <a:gd name="T17" fmla="*/ 80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9" h="80">
                  <a:moveTo>
                    <a:pt x="118" y="80"/>
                  </a:moveTo>
                  <a:cubicBezTo>
                    <a:pt x="118" y="80"/>
                    <a:pt x="111" y="77"/>
                    <a:pt x="100" y="70"/>
                  </a:cubicBezTo>
                  <a:cubicBezTo>
                    <a:pt x="88" y="64"/>
                    <a:pt x="74" y="54"/>
                    <a:pt x="58" y="42"/>
                  </a:cubicBezTo>
                  <a:cubicBezTo>
                    <a:pt x="42" y="31"/>
                    <a:pt x="27" y="20"/>
                    <a:pt x="17" y="13"/>
                  </a:cubicBezTo>
                  <a:cubicBezTo>
                    <a:pt x="6" y="6"/>
                    <a:pt x="0" y="1"/>
                    <a:pt x="0" y="0"/>
                  </a:cubicBezTo>
                  <a:cubicBezTo>
                    <a:pt x="0" y="0"/>
                    <a:pt x="8" y="3"/>
                    <a:pt x="19" y="9"/>
                  </a:cubicBezTo>
                  <a:cubicBezTo>
                    <a:pt x="30" y="16"/>
                    <a:pt x="45" y="26"/>
                    <a:pt x="61" y="37"/>
                  </a:cubicBezTo>
                  <a:cubicBezTo>
                    <a:pt x="77" y="49"/>
                    <a:pt x="91" y="59"/>
                    <a:pt x="102" y="67"/>
                  </a:cubicBezTo>
                  <a:cubicBezTo>
                    <a:pt x="112" y="74"/>
                    <a:pt x="119" y="79"/>
                    <a:pt x="118" y="8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6" name="ïŝ1ïḋè">
              <a:extLst>
                <a:ext uri="{FF2B5EF4-FFF2-40B4-BE49-F238E27FC236}">
                  <a16:creationId xmlns:a16="http://schemas.microsoft.com/office/drawing/2014/main" xmlns="" id="{765A79EA-8932-45A5-98BA-B8B805F88473}"/>
                </a:ext>
              </a:extLst>
            </p:cNvPr>
            <p:cNvSpPr/>
            <p:nvPr/>
          </p:nvSpPr>
          <p:spPr bwMode="auto">
            <a:xfrm>
              <a:off x="5648842" y="2922982"/>
              <a:ext cx="270120" cy="185251"/>
            </a:xfrm>
            <a:custGeom>
              <a:avLst/>
              <a:gdLst>
                <a:gd name="T0" fmla="*/ 125 w 125"/>
                <a:gd name="T1" fmla="*/ 85 h 86"/>
                <a:gd name="T2" fmla="*/ 61 w 125"/>
                <a:gd name="T3" fmla="*/ 46 h 86"/>
                <a:gd name="T4" fmla="*/ 1 w 125"/>
                <a:gd name="T5" fmla="*/ 2 h 86"/>
                <a:gd name="T6" fmla="*/ 64 w 125"/>
                <a:gd name="T7" fmla="*/ 41 h 86"/>
                <a:gd name="T8" fmla="*/ 125 w 125"/>
                <a:gd name="T9" fmla="*/ 85 h 86"/>
              </a:gdLst>
              <a:ahLst/>
              <a:cxnLst>
                <a:cxn ang="0">
                  <a:pos x="T0" y="T1"/>
                </a:cxn>
                <a:cxn ang="0">
                  <a:pos x="T2" y="T3"/>
                </a:cxn>
                <a:cxn ang="0">
                  <a:pos x="T4" y="T5"/>
                </a:cxn>
                <a:cxn ang="0">
                  <a:pos x="T6" y="T7"/>
                </a:cxn>
                <a:cxn ang="0">
                  <a:pos x="T8" y="T9"/>
                </a:cxn>
              </a:cxnLst>
              <a:rect l="0" t="0" r="r" b="b"/>
              <a:pathLst>
                <a:path w="125" h="86">
                  <a:moveTo>
                    <a:pt x="125" y="85"/>
                  </a:moveTo>
                  <a:cubicBezTo>
                    <a:pt x="124" y="86"/>
                    <a:pt x="95" y="69"/>
                    <a:pt x="61" y="46"/>
                  </a:cubicBezTo>
                  <a:cubicBezTo>
                    <a:pt x="26" y="23"/>
                    <a:pt x="0" y="3"/>
                    <a:pt x="1" y="2"/>
                  </a:cubicBezTo>
                  <a:cubicBezTo>
                    <a:pt x="2" y="0"/>
                    <a:pt x="30" y="19"/>
                    <a:pt x="64" y="41"/>
                  </a:cubicBezTo>
                  <a:cubicBezTo>
                    <a:pt x="98" y="65"/>
                    <a:pt x="125" y="84"/>
                    <a:pt x="125" y="85"/>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7" name="išḷiḓè">
              <a:extLst>
                <a:ext uri="{FF2B5EF4-FFF2-40B4-BE49-F238E27FC236}">
                  <a16:creationId xmlns:a16="http://schemas.microsoft.com/office/drawing/2014/main" xmlns="" id="{8FB01D00-4A16-40BC-891B-F21B7BAADD81}"/>
                </a:ext>
              </a:extLst>
            </p:cNvPr>
            <p:cNvSpPr/>
            <p:nvPr/>
          </p:nvSpPr>
          <p:spPr bwMode="auto">
            <a:xfrm>
              <a:off x="5858732" y="2879179"/>
              <a:ext cx="226316" cy="93082"/>
            </a:xfrm>
            <a:custGeom>
              <a:avLst/>
              <a:gdLst>
                <a:gd name="T0" fmla="*/ 105 w 105"/>
                <a:gd name="T1" fmla="*/ 1 h 43"/>
                <a:gd name="T2" fmla="*/ 54 w 105"/>
                <a:gd name="T3" fmla="*/ 24 h 43"/>
                <a:gd name="T4" fmla="*/ 1 w 105"/>
                <a:gd name="T5" fmla="*/ 42 h 43"/>
                <a:gd name="T6" fmla="*/ 52 w 105"/>
                <a:gd name="T7" fmla="*/ 19 h 43"/>
                <a:gd name="T8" fmla="*/ 105 w 105"/>
                <a:gd name="T9" fmla="*/ 1 h 43"/>
              </a:gdLst>
              <a:ahLst/>
              <a:cxnLst>
                <a:cxn ang="0">
                  <a:pos x="T0" y="T1"/>
                </a:cxn>
                <a:cxn ang="0">
                  <a:pos x="T2" y="T3"/>
                </a:cxn>
                <a:cxn ang="0">
                  <a:pos x="T4" y="T5"/>
                </a:cxn>
                <a:cxn ang="0">
                  <a:pos x="T6" y="T7"/>
                </a:cxn>
                <a:cxn ang="0">
                  <a:pos x="T8" y="T9"/>
                </a:cxn>
              </a:cxnLst>
              <a:rect l="0" t="0" r="r" b="b"/>
              <a:pathLst>
                <a:path w="105" h="43">
                  <a:moveTo>
                    <a:pt x="105" y="1"/>
                  </a:moveTo>
                  <a:cubicBezTo>
                    <a:pt x="105" y="2"/>
                    <a:pt x="83" y="13"/>
                    <a:pt x="54" y="24"/>
                  </a:cubicBezTo>
                  <a:cubicBezTo>
                    <a:pt x="25" y="35"/>
                    <a:pt x="1" y="43"/>
                    <a:pt x="1" y="42"/>
                  </a:cubicBezTo>
                  <a:cubicBezTo>
                    <a:pt x="0" y="40"/>
                    <a:pt x="23" y="30"/>
                    <a:pt x="52" y="19"/>
                  </a:cubicBezTo>
                  <a:cubicBezTo>
                    <a:pt x="81" y="8"/>
                    <a:pt x="104" y="0"/>
                    <a:pt x="105"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8" name="isḷïḍé">
              <a:extLst>
                <a:ext uri="{FF2B5EF4-FFF2-40B4-BE49-F238E27FC236}">
                  <a16:creationId xmlns:a16="http://schemas.microsoft.com/office/drawing/2014/main" xmlns="" id="{DB9526A4-CBBE-4559-BEC2-C2E992208194}"/>
                </a:ext>
              </a:extLst>
            </p:cNvPr>
            <p:cNvSpPr/>
            <p:nvPr/>
          </p:nvSpPr>
          <p:spPr bwMode="auto">
            <a:xfrm>
              <a:off x="6078661" y="2879179"/>
              <a:ext cx="203503" cy="84869"/>
            </a:xfrm>
            <a:custGeom>
              <a:avLst/>
              <a:gdLst>
                <a:gd name="T0" fmla="*/ 94 w 94"/>
                <a:gd name="T1" fmla="*/ 39 h 39"/>
                <a:gd name="T2" fmla="*/ 80 w 94"/>
                <a:gd name="T3" fmla="*/ 35 h 39"/>
                <a:gd name="T4" fmla="*/ 47 w 94"/>
                <a:gd name="T5" fmla="*/ 21 h 39"/>
                <a:gd name="T6" fmla="*/ 13 w 94"/>
                <a:gd name="T7" fmla="*/ 7 h 39"/>
                <a:gd name="T8" fmla="*/ 0 w 94"/>
                <a:gd name="T9" fmla="*/ 1 h 39"/>
                <a:gd name="T10" fmla="*/ 14 w 94"/>
                <a:gd name="T11" fmla="*/ 5 h 39"/>
                <a:gd name="T12" fmla="*/ 48 w 94"/>
                <a:gd name="T13" fmla="*/ 18 h 39"/>
                <a:gd name="T14" fmla="*/ 81 w 94"/>
                <a:gd name="T15" fmla="*/ 32 h 39"/>
                <a:gd name="T16" fmla="*/ 94 w 94"/>
                <a:gd name="T17" fmla="*/ 39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4" h="39">
                  <a:moveTo>
                    <a:pt x="94" y="39"/>
                  </a:moveTo>
                  <a:cubicBezTo>
                    <a:pt x="94" y="39"/>
                    <a:pt x="89" y="38"/>
                    <a:pt x="80" y="35"/>
                  </a:cubicBezTo>
                  <a:cubicBezTo>
                    <a:pt x="71" y="31"/>
                    <a:pt x="60" y="27"/>
                    <a:pt x="47" y="21"/>
                  </a:cubicBezTo>
                  <a:cubicBezTo>
                    <a:pt x="34" y="16"/>
                    <a:pt x="22" y="11"/>
                    <a:pt x="13" y="7"/>
                  </a:cubicBezTo>
                  <a:cubicBezTo>
                    <a:pt x="5" y="4"/>
                    <a:pt x="0" y="1"/>
                    <a:pt x="0" y="1"/>
                  </a:cubicBezTo>
                  <a:cubicBezTo>
                    <a:pt x="0" y="0"/>
                    <a:pt x="6" y="2"/>
                    <a:pt x="14" y="5"/>
                  </a:cubicBezTo>
                  <a:cubicBezTo>
                    <a:pt x="23" y="8"/>
                    <a:pt x="35" y="13"/>
                    <a:pt x="48" y="18"/>
                  </a:cubicBezTo>
                  <a:cubicBezTo>
                    <a:pt x="61" y="24"/>
                    <a:pt x="72" y="29"/>
                    <a:pt x="81" y="32"/>
                  </a:cubicBezTo>
                  <a:cubicBezTo>
                    <a:pt x="89" y="36"/>
                    <a:pt x="94" y="39"/>
                    <a:pt x="94" y="39"/>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09" name="î$ļíḍe">
              <a:extLst>
                <a:ext uri="{FF2B5EF4-FFF2-40B4-BE49-F238E27FC236}">
                  <a16:creationId xmlns:a16="http://schemas.microsoft.com/office/drawing/2014/main" xmlns="" id="{50A95B9C-12FF-4D90-9A48-1D7DF6A9B59C}"/>
                </a:ext>
              </a:extLst>
            </p:cNvPr>
            <p:cNvSpPr/>
            <p:nvPr/>
          </p:nvSpPr>
          <p:spPr bwMode="auto">
            <a:xfrm>
              <a:off x="5860557" y="2965872"/>
              <a:ext cx="60230" cy="142360"/>
            </a:xfrm>
            <a:custGeom>
              <a:avLst/>
              <a:gdLst>
                <a:gd name="T0" fmla="*/ 27 w 28"/>
                <a:gd name="T1" fmla="*/ 65 h 66"/>
                <a:gd name="T2" fmla="*/ 14 w 28"/>
                <a:gd name="T3" fmla="*/ 33 h 66"/>
                <a:gd name="T4" fmla="*/ 5 w 28"/>
                <a:gd name="T5" fmla="*/ 10 h 66"/>
                <a:gd name="T6" fmla="*/ 1 w 28"/>
                <a:gd name="T7" fmla="*/ 1 h 66"/>
                <a:gd name="T8" fmla="*/ 7 w 28"/>
                <a:gd name="T9" fmla="*/ 9 h 66"/>
                <a:gd name="T10" fmla="*/ 17 w 28"/>
                <a:gd name="T11" fmla="*/ 32 h 66"/>
                <a:gd name="T12" fmla="*/ 27 w 28"/>
                <a:gd name="T13" fmla="*/ 65 h 66"/>
              </a:gdLst>
              <a:ahLst/>
              <a:cxnLst>
                <a:cxn ang="0">
                  <a:pos x="T0" y="T1"/>
                </a:cxn>
                <a:cxn ang="0">
                  <a:pos x="T2" y="T3"/>
                </a:cxn>
                <a:cxn ang="0">
                  <a:pos x="T4" y="T5"/>
                </a:cxn>
                <a:cxn ang="0">
                  <a:pos x="T6" y="T7"/>
                </a:cxn>
                <a:cxn ang="0">
                  <a:pos x="T8" y="T9"/>
                </a:cxn>
                <a:cxn ang="0">
                  <a:pos x="T10" y="T11"/>
                </a:cxn>
                <a:cxn ang="0">
                  <a:pos x="T12" y="T13"/>
                </a:cxn>
              </a:cxnLst>
              <a:rect l="0" t="0" r="r" b="b"/>
              <a:pathLst>
                <a:path w="28" h="66">
                  <a:moveTo>
                    <a:pt x="27" y="65"/>
                  </a:moveTo>
                  <a:cubicBezTo>
                    <a:pt x="26" y="66"/>
                    <a:pt x="21" y="51"/>
                    <a:pt x="14" y="33"/>
                  </a:cubicBezTo>
                  <a:cubicBezTo>
                    <a:pt x="11" y="24"/>
                    <a:pt x="7" y="16"/>
                    <a:pt x="5" y="10"/>
                  </a:cubicBezTo>
                  <a:cubicBezTo>
                    <a:pt x="2" y="4"/>
                    <a:pt x="0" y="1"/>
                    <a:pt x="1" y="1"/>
                  </a:cubicBezTo>
                  <a:cubicBezTo>
                    <a:pt x="1" y="0"/>
                    <a:pt x="4" y="4"/>
                    <a:pt x="7" y="9"/>
                  </a:cubicBezTo>
                  <a:cubicBezTo>
                    <a:pt x="10" y="15"/>
                    <a:pt x="14" y="23"/>
                    <a:pt x="17" y="32"/>
                  </a:cubicBezTo>
                  <a:cubicBezTo>
                    <a:pt x="24" y="50"/>
                    <a:pt x="28" y="65"/>
                    <a:pt x="27" y="65"/>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0" name="ïšľïḍé">
              <a:extLst>
                <a:ext uri="{FF2B5EF4-FFF2-40B4-BE49-F238E27FC236}">
                  <a16:creationId xmlns:a16="http://schemas.microsoft.com/office/drawing/2014/main" xmlns="" id="{39A9F990-6F53-43BC-8153-0E4C4414AA3B}"/>
                </a:ext>
              </a:extLst>
            </p:cNvPr>
            <p:cNvSpPr/>
            <p:nvPr/>
          </p:nvSpPr>
          <p:spPr bwMode="auto">
            <a:xfrm>
              <a:off x="5653405" y="2924806"/>
              <a:ext cx="211715" cy="45629"/>
            </a:xfrm>
            <a:custGeom>
              <a:avLst/>
              <a:gdLst>
                <a:gd name="T0" fmla="*/ 98 w 98"/>
                <a:gd name="T1" fmla="*/ 21 h 21"/>
                <a:gd name="T2" fmla="*/ 83 w 98"/>
                <a:gd name="T3" fmla="*/ 19 h 21"/>
                <a:gd name="T4" fmla="*/ 49 w 98"/>
                <a:gd name="T5" fmla="*/ 12 h 21"/>
                <a:gd name="T6" fmla="*/ 14 w 98"/>
                <a:gd name="T7" fmla="*/ 5 h 21"/>
                <a:gd name="T8" fmla="*/ 0 w 98"/>
                <a:gd name="T9" fmla="*/ 0 h 21"/>
                <a:gd name="T10" fmla="*/ 15 w 98"/>
                <a:gd name="T11" fmla="*/ 2 h 21"/>
                <a:gd name="T12" fmla="*/ 49 w 98"/>
                <a:gd name="T13" fmla="*/ 9 h 21"/>
                <a:gd name="T14" fmla="*/ 84 w 98"/>
                <a:gd name="T15" fmla="*/ 17 h 21"/>
                <a:gd name="T16" fmla="*/ 98 w 98"/>
                <a:gd name="T17" fmla="*/ 21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8" h="21">
                  <a:moveTo>
                    <a:pt x="98" y="21"/>
                  </a:moveTo>
                  <a:cubicBezTo>
                    <a:pt x="98" y="21"/>
                    <a:pt x="92" y="20"/>
                    <a:pt x="83" y="19"/>
                  </a:cubicBezTo>
                  <a:cubicBezTo>
                    <a:pt x="74" y="17"/>
                    <a:pt x="62" y="15"/>
                    <a:pt x="49" y="12"/>
                  </a:cubicBezTo>
                  <a:cubicBezTo>
                    <a:pt x="35" y="9"/>
                    <a:pt x="23" y="7"/>
                    <a:pt x="14" y="5"/>
                  </a:cubicBezTo>
                  <a:cubicBezTo>
                    <a:pt x="5" y="2"/>
                    <a:pt x="0" y="1"/>
                    <a:pt x="0" y="0"/>
                  </a:cubicBezTo>
                  <a:cubicBezTo>
                    <a:pt x="0" y="0"/>
                    <a:pt x="6" y="1"/>
                    <a:pt x="15" y="2"/>
                  </a:cubicBezTo>
                  <a:cubicBezTo>
                    <a:pt x="24" y="4"/>
                    <a:pt x="36" y="6"/>
                    <a:pt x="49" y="9"/>
                  </a:cubicBezTo>
                  <a:cubicBezTo>
                    <a:pt x="63" y="12"/>
                    <a:pt x="75" y="14"/>
                    <a:pt x="84" y="17"/>
                  </a:cubicBezTo>
                  <a:cubicBezTo>
                    <a:pt x="93" y="19"/>
                    <a:pt x="98" y="20"/>
                    <a:pt x="98" y="2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1" name="îṩļïḋé">
              <a:extLst>
                <a:ext uri="{FF2B5EF4-FFF2-40B4-BE49-F238E27FC236}">
                  <a16:creationId xmlns:a16="http://schemas.microsoft.com/office/drawing/2014/main" xmlns="" id="{A0A58A87-A7C9-4225-B4F5-7405CA569130}"/>
                </a:ext>
              </a:extLst>
            </p:cNvPr>
            <p:cNvSpPr/>
            <p:nvPr/>
          </p:nvSpPr>
          <p:spPr bwMode="auto">
            <a:xfrm>
              <a:off x="6026645" y="2795222"/>
              <a:ext cx="56579" cy="90344"/>
            </a:xfrm>
            <a:custGeom>
              <a:avLst/>
              <a:gdLst>
                <a:gd name="T0" fmla="*/ 25 w 26"/>
                <a:gd name="T1" fmla="*/ 41 h 42"/>
                <a:gd name="T2" fmla="*/ 21 w 26"/>
                <a:gd name="T3" fmla="*/ 36 h 42"/>
                <a:gd name="T4" fmla="*/ 12 w 26"/>
                <a:gd name="T5" fmla="*/ 22 h 42"/>
                <a:gd name="T6" fmla="*/ 1 w 26"/>
                <a:gd name="T7" fmla="*/ 0 h 42"/>
                <a:gd name="T8" fmla="*/ 14 w 26"/>
                <a:gd name="T9" fmla="*/ 20 h 42"/>
                <a:gd name="T10" fmla="*/ 23 w 26"/>
                <a:gd name="T11" fmla="*/ 35 h 42"/>
                <a:gd name="T12" fmla="*/ 25 w 26"/>
                <a:gd name="T13" fmla="*/ 41 h 42"/>
              </a:gdLst>
              <a:ahLst/>
              <a:cxnLst>
                <a:cxn ang="0">
                  <a:pos x="T0" y="T1"/>
                </a:cxn>
                <a:cxn ang="0">
                  <a:pos x="T2" y="T3"/>
                </a:cxn>
                <a:cxn ang="0">
                  <a:pos x="T4" y="T5"/>
                </a:cxn>
                <a:cxn ang="0">
                  <a:pos x="T6" y="T7"/>
                </a:cxn>
                <a:cxn ang="0">
                  <a:pos x="T8" y="T9"/>
                </a:cxn>
                <a:cxn ang="0">
                  <a:pos x="T10" y="T11"/>
                </a:cxn>
                <a:cxn ang="0">
                  <a:pos x="T12" y="T13"/>
                </a:cxn>
              </a:cxnLst>
              <a:rect l="0" t="0" r="r" b="b"/>
              <a:pathLst>
                <a:path w="26" h="42">
                  <a:moveTo>
                    <a:pt x="25" y="41"/>
                  </a:moveTo>
                  <a:cubicBezTo>
                    <a:pt x="25" y="42"/>
                    <a:pt x="23" y="39"/>
                    <a:pt x="21" y="36"/>
                  </a:cubicBezTo>
                  <a:cubicBezTo>
                    <a:pt x="19" y="32"/>
                    <a:pt x="15" y="27"/>
                    <a:pt x="12" y="22"/>
                  </a:cubicBezTo>
                  <a:cubicBezTo>
                    <a:pt x="4" y="10"/>
                    <a:pt x="0" y="0"/>
                    <a:pt x="1" y="0"/>
                  </a:cubicBezTo>
                  <a:cubicBezTo>
                    <a:pt x="2" y="0"/>
                    <a:pt x="7" y="9"/>
                    <a:pt x="14" y="20"/>
                  </a:cubicBezTo>
                  <a:cubicBezTo>
                    <a:pt x="18" y="26"/>
                    <a:pt x="21" y="31"/>
                    <a:pt x="23" y="35"/>
                  </a:cubicBezTo>
                  <a:cubicBezTo>
                    <a:pt x="25" y="39"/>
                    <a:pt x="26" y="41"/>
                    <a:pt x="25" y="4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2" name="iṩ1iďê">
              <a:extLst>
                <a:ext uri="{FF2B5EF4-FFF2-40B4-BE49-F238E27FC236}">
                  <a16:creationId xmlns:a16="http://schemas.microsoft.com/office/drawing/2014/main" xmlns="" id="{3FE38893-C08D-4D5C-8D3E-1C956EA0F663}"/>
                </a:ext>
              </a:extLst>
            </p:cNvPr>
            <p:cNvSpPr/>
            <p:nvPr/>
          </p:nvSpPr>
          <p:spPr bwMode="auto">
            <a:xfrm>
              <a:off x="5888847" y="3106407"/>
              <a:ext cx="34677" cy="276508"/>
            </a:xfrm>
            <a:custGeom>
              <a:avLst/>
              <a:gdLst>
                <a:gd name="T0" fmla="*/ 1 w 16"/>
                <a:gd name="T1" fmla="*/ 128 h 128"/>
                <a:gd name="T2" fmla="*/ 1 w 16"/>
                <a:gd name="T3" fmla="*/ 109 h 128"/>
                <a:gd name="T4" fmla="*/ 5 w 16"/>
                <a:gd name="T5" fmla="*/ 63 h 128"/>
                <a:gd name="T6" fmla="*/ 14 w 16"/>
                <a:gd name="T7" fmla="*/ 0 h 128"/>
                <a:gd name="T8" fmla="*/ 11 w 16"/>
                <a:gd name="T9" fmla="*/ 64 h 128"/>
                <a:gd name="T10" fmla="*/ 5 w 16"/>
                <a:gd name="T11" fmla="*/ 109 h 128"/>
                <a:gd name="T12" fmla="*/ 1 w 16"/>
                <a:gd name="T13" fmla="*/ 128 h 128"/>
              </a:gdLst>
              <a:ahLst/>
              <a:cxnLst>
                <a:cxn ang="0">
                  <a:pos x="T0" y="T1"/>
                </a:cxn>
                <a:cxn ang="0">
                  <a:pos x="T2" y="T3"/>
                </a:cxn>
                <a:cxn ang="0">
                  <a:pos x="T4" y="T5"/>
                </a:cxn>
                <a:cxn ang="0">
                  <a:pos x="T6" y="T7"/>
                </a:cxn>
                <a:cxn ang="0">
                  <a:pos x="T8" y="T9"/>
                </a:cxn>
                <a:cxn ang="0">
                  <a:pos x="T10" y="T11"/>
                </a:cxn>
                <a:cxn ang="0">
                  <a:pos x="T12" y="T13"/>
                </a:cxn>
              </a:cxnLst>
              <a:rect l="0" t="0" r="r" b="b"/>
              <a:pathLst>
                <a:path w="16" h="128">
                  <a:moveTo>
                    <a:pt x="1" y="128"/>
                  </a:moveTo>
                  <a:cubicBezTo>
                    <a:pt x="1" y="128"/>
                    <a:pt x="0" y="120"/>
                    <a:pt x="1" y="109"/>
                  </a:cubicBezTo>
                  <a:cubicBezTo>
                    <a:pt x="1" y="97"/>
                    <a:pt x="3" y="81"/>
                    <a:pt x="5" y="63"/>
                  </a:cubicBezTo>
                  <a:cubicBezTo>
                    <a:pt x="9" y="28"/>
                    <a:pt x="13" y="0"/>
                    <a:pt x="14" y="0"/>
                  </a:cubicBezTo>
                  <a:cubicBezTo>
                    <a:pt x="16" y="0"/>
                    <a:pt x="15" y="29"/>
                    <a:pt x="11" y="64"/>
                  </a:cubicBezTo>
                  <a:cubicBezTo>
                    <a:pt x="9" y="82"/>
                    <a:pt x="6" y="98"/>
                    <a:pt x="5" y="109"/>
                  </a:cubicBezTo>
                  <a:cubicBezTo>
                    <a:pt x="3" y="121"/>
                    <a:pt x="2" y="128"/>
                    <a:pt x="1" y="128"/>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3" name="ïṧlîḑê">
              <a:extLst>
                <a:ext uri="{FF2B5EF4-FFF2-40B4-BE49-F238E27FC236}">
                  <a16:creationId xmlns:a16="http://schemas.microsoft.com/office/drawing/2014/main" xmlns="" id="{0A0A89EC-D1F1-4353-B6AB-E638718364DC}"/>
                </a:ext>
              </a:extLst>
            </p:cNvPr>
            <p:cNvSpPr/>
            <p:nvPr/>
          </p:nvSpPr>
          <p:spPr bwMode="auto">
            <a:xfrm>
              <a:off x="6251136" y="2961309"/>
              <a:ext cx="34677" cy="287459"/>
            </a:xfrm>
            <a:custGeom>
              <a:avLst/>
              <a:gdLst>
                <a:gd name="T0" fmla="*/ 2 w 16"/>
                <a:gd name="T1" fmla="*/ 133 h 133"/>
                <a:gd name="T2" fmla="*/ 6 w 16"/>
                <a:gd name="T3" fmla="*/ 66 h 133"/>
                <a:gd name="T4" fmla="*/ 14 w 16"/>
                <a:gd name="T5" fmla="*/ 0 h 133"/>
                <a:gd name="T6" fmla="*/ 12 w 16"/>
                <a:gd name="T7" fmla="*/ 67 h 133"/>
                <a:gd name="T8" fmla="*/ 2 w 16"/>
                <a:gd name="T9" fmla="*/ 133 h 133"/>
              </a:gdLst>
              <a:ahLst/>
              <a:cxnLst>
                <a:cxn ang="0">
                  <a:pos x="T0" y="T1"/>
                </a:cxn>
                <a:cxn ang="0">
                  <a:pos x="T2" y="T3"/>
                </a:cxn>
                <a:cxn ang="0">
                  <a:pos x="T4" y="T5"/>
                </a:cxn>
                <a:cxn ang="0">
                  <a:pos x="T6" y="T7"/>
                </a:cxn>
                <a:cxn ang="0">
                  <a:pos x="T8" y="T9"/>
                </a:cxn>
              </a:cxnLst>
              <a:rect l="0" t="0" r="r" b="b"/>
              <a:pathLst>
                <a:path w="16" h="133">
                  <a:moveTo>
                    <a:pt x="2" y="133"/>
                  </a:moveTo>
                  <a:cubicBezTo>
                    <a:pt x="0" y="133"/>
                    <a:pt x="2" y="103"/>
                    <a:pt x="6" y="66"/>
                  </a:cubicBezTo>
                  <a:cubicBezTo>
                    <a:pt x="9" y="30"/>
                    <a:pt x="12" y="0"/>
                    <a:pt x="14" y="0"/>
                  </a:cubicBezTo>
                  <a:cubicBezTo>
                    <a:pt x="16" y="0"/>
                    <a:pt x="15" y="30"/>
                    <a:pt x="12" y="67"/>
                  </a:cubicBezTo>
                  <a:cubicBezTo>
                    <a:pt x="8" y="103"/>
                    <a:pt x="4" y="133"/>
                    <a:pt x="2" y="133"/>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4" name="ïṧļîḍe">
              <a:extLst>
                <a:ext uri="{FF2B5EF4-FFF2-40B4-BE49-F238E27FC236}">
                  <a16:creationId xmlns:a16="http://schemas.microsoft.com/office/drawing/2014/main" xmlns="" id="{B3F75C27-B100-4D07-A26F-ACB9474E9747}"/>
                </a:ext>
              </a:extLst>
            </p:cNvPr>
            <p:cNvSpPr/>
            <p:nvPr/>
          </p:nvSpPr>
          <p:spPr bwMode="auto">
            <a:xfrm>
              <a:off x="5890673" y="3248768"/>
              <a:ext cx="365027" cy="134148"/>
            </a:xfrm>
            <a:custGeom>
              <a:avLst/>
              <a:gdLst>
                <a:gd name="T0" fmla="*/ 169 w 169"/>
                <a:gd name="T1" fmla="*/ 0 h 62"/>
                <a:gd name="T2" fmla="*/ 145 w 169"/>
                <a:gd name="T3" fmla="*/ 11 h 62"/>
                <a:gd name="T4" fmla="*/ 86 w 169"/>
                <a:gd name="T5" fmla="*/ 34 h 62"/>
                <a:gd name="T6" fmla="*/ 26 w 169"/>
                <a:gd name="T7" fmla="*/ 56 h 62"/>
                <a:gd name="T8" fmla="*/ 0 w 169"/>
                <a:gd name="T9" fmla="*/ 62 h 62"/>
                <a:gd name="T10" fmla="*/ 25 w 169"/>
                <a:gd name="T11" fmla="*/ 52 h 62"/>
                <a:gd name="T12" fmla="*/ 84 w 169"/>
                <a:gd name="T13" fmla="*/ 29 h 62"/>
                <a:gd name="T14" fmla="*/ 143 w 169"/>
                <a:gd name="T15" fmla="*/ 7 h 62"/>
                <a:gd name="T16" fmla="*/ 169 w 169"/>
                <a:gd name="T17" fmla="*/ 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9" h="62">
                  <a:moveTo>
                    <a:pt x="169" y="0"/>
                  </a:moveTo>
                  <a:cubicBezTo>
                    <a:pt x="169" y="1"/>
                    <a:pt x="160" y="5"/>
                    <a:pt x="145" y="11"/>
                  </a:cubicBezTo>
                  <a:cubicBezTo>
                    <a:pt x="130" y="17"/>
                    <a:pt x="109" y="25"/>
                    <a:pt x="86" y="34"/>
                  </a:cubicBezTo>
                  <a:cubicBezTo>
                    <a:pt x="63" y="43"/>
                    <a:pt x="41" y="51"/>
                    <a:pt x="26" y="56"/>
                  </a:cubicBezTo>
                  <a:cubicBezTo>
                    <a:pt x="10" y="60"/>
                    <a:pt x="0" y="62"/>
                    <a:pt x="0" y="62"/>
                  </a:cubicBezTo>
                  <a:cubicBezTo>
                    <a:pt x="0" y="61"/>
                    <a:pt x="9" y="57"/>
                    <a:pt x="25" y="52"/>
                  </a:cubicBezTo>
                  <a:cubicBezTo>
                    <a:pt x="40" y="46"/>
                    <a:pt x="61" y="38"/>
                    <a:pt x="84" y="29"/>
                  </a:cubicBezTo>
                  <a:cubicBezTo>
                    <a:pt x="107" y="20"/>
                    <a:pt x="128" y="12"/>
                    <a:pt x="143" y="7"/>
                  </a:cubicBezTo>
                  <a:cubicBezTo>
                    <a:pt x="159" y="2"/>
                    <a:pt x="169" y="0"/>
                    <a:pt x="169"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5" name="iṩlïďè">
              <a:extLst>
                <a:ext uri="{FF2B5EF4-FFF2-40B4-BE49-F238E27FC236}">
                  <a16:creationId xmlns:a16="http://schemas.microsoft.com/office/drawing/2014/main" xmlns="" id="{7C29CE78-D8E4-48D4-81CB-49A9F26EF1D1}"/>
                </a:ext>
              </a:extLst>
            </p:cNvPr>
            <p:cNvSpPr/>
            <p:nvPr/>
          </p:nvSpPr>
          <p:spPr bwMode="auto">
            <a:xfrm>
              <a:off x="5620552" y="3229604"/>
              <a:ext cx="272858" cy="153312"/>
            </a:xfrm>
            <a:custGeom>
              <a:avLst/>
              <a:gdLst>
                <a:gd name="T0" fmla="*/ 126 w 126"/>
                <a:gd name="T1" fmla="*/ 71 h 71"/>
                <a:gd name="T2" fmla="*/ 106 w 126"/>
                <a:gd name="T3" fmla="*/ 62 h 71"/>
                <a:gd name="T4" fmla="*/ 61 w 126"/>
                <a:gd name="T5" fmla="*/ 38 h 71"/>
                <a:gd name="T6" fmla="*/ 17 w 126"/>
                <a:gd name="T7" fmla="*/ 13 h 71"/>
                <a:gd name="T8" fmla="*/ 0 w 126"/>
                <a:gd name="T9" fmla="*/ 0 h 71"/>
                <a:gd name="T10" fmla="*/ 19 w 126"/>
                <a:gd name="T11" fmla="*/ 9 h 71"/>
                <a:gd name="T12" fmla="*/ 64 w 126"/>
                <a:gd name="T13" fmla="*/ 33 h 71"/>
                <a:gd name="T14" fmla="*/ 108 w 126"/>
                <a:gd name="T15" fmla="*/ 58 h 71"/>
                <a:gd name="T16" fmla="*/ 126 w 126"/>
                <a:gd name="T17" fmla="*/ 71 h 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6" h="71">
                  <a:moveTo>
                    <a:pt x="126" y="71"/>
                  </a:moveTo>
                  <a:cubicBezTo>
                    <a:pt x="125" y="71"/>
                    <a:pt x="118" y="68"/>
                    <a:pt x="106" y="62"/>
                  </a:cubicBezTo>
                  <a:cubicBezTo>
                    <a:pt x="95" y="56"/>
                    <a:pt x="79" y="48"/>
                    <a:pt x="61" y="38"/>
                  </a:cubicBezTo>
                  <a:cubicBezTo>
                    <a:pt x="44" y="29"/>
                    <a:pt x="28" y="20"/>
                    <a:pt x="17" y="13"/>
                  </a:cubicBezTo>
                  <a:cubicBezTo>
                    <a:pt x="6" y="6"/>
                    <a:pt x="0" y="1"/>
                    <a:pt x="0" y="0"/>
                  </a:cubicBezTo>
                  <a:cubicBezTo>
                    <a:pt x="1" y="0"/>
                    <a:pt x="8" y="3"/>
                    <a:pt x="19" y="9"/>
                  </a:cubicBezTo>
                  <a:cubicBezTo>
                    <a:pt x="31" y="15"/>
                    <a:pt x="47" y="24"/>
                    <a:pt x="64" y="33"/>
                  </a:cubicBezTo>
                  <a:cubicBezTo>
                    <a:pt x="82" y="42"/>
                    <a:pt x="97" y="51"/>
                    <a:pt x="108" y="58"/>
                  </a:cubicBezTo>
                  <a:cubicBezTo>
                    <a:pt x="120" y="65"/>
                    <a:pt x="126" y="70"/>
                    <a:pt x="126" y="7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6" name="ï$ľiḑè">
              <a:extLst>
                <a:ext uri="{FF2B5EF4-FFF2-40B4-BE49-F238E27FC236}">
                  <a16:creationId xmlns:a16="http://schemas.microsoft.com/office/drawing/2014/main" xmlns="" id="{1FC20D1E-1ACF-40E7-917A-598E5CA26B79}"/>
                </a:ext>
              </a:extLst>
            </p:cNvPr>
            <p:cNvSpPr/>
            <p:nvPr/>
          </p:nvSpPr>
          <p:spPr bwMode="auto">
            <a:xfrm>
              <a:off x="5897060" y="2110797"/>
              <a:ext cx="605032" cy="597732"/>
            </a:xfrm>
            <a:custGeom>
              <a:avLst/>
              <a:gdLst>
                <a:gd name="T0" fmla="*/ 279 w 280"/>
                <a:gd name="T1" fmla="*/ 129 h 277"/>
                <a:gd name="T2" fmla="*/ 270 w 280"/>
                <a:gd name="T3" fmla="*/ 104 h 277"/>
                <a:gd name="T4" fmla="*/ 256 w 280"/>
                <a:gd name="T5" fmla="*/ 81 h 277"/>
                <a:gd name="T6" fmla="*/ 219 w 280"/>
                <a:gd name="T7" fmla="*/ 38 h 277"/>
                <a:gd name="T8" fmla="*/ 198 w 280"/>
                <a:gd name="T9" fmla="*/ 18 h 277"/>
                <a:gd name="T10" fmla="*/ 188 w 280"/>
                <a:gd name="T11" fmla="*/ 8 h 277"/>
                <a:gd name="T12" fmla="*/ 174 w 280"/>
                <a:gd name="T13" fmla="*/ 2 h 277"/>
                <a:gd name="T14" fmla="*/ 147 w 280"/>
                <a:gd name="T15" fmla="*/ 5 h 277"/>
                <a:gd name="T16" fmla="*/ 123 w 280"/>
                <a:gd name="T17" fmla="*/ 17 h 277"/>
                <a:gd name="T18" fmla="*/ 52 w 280"/>
                <a:gd name="T19" fmla="*/ 71 h 277"/>
                <a:gd name="T20" fmla="*/ 26 w 280"/>
                <a:gd name="T21" fmla="*/ 94 h 277"/>
                <a:gd name="T22" fmla="*/ 8 w 280"/>
                <a:gd name="T23" fmla="*/ 112 h 277"/>
                <a:gd name="T24" fmla="*/ 0 w 280"/>
                <a:gd name="T25" fmla="*/ 127 h 277"/>
                <a:gd name="T26" fmla="*/ 2 w 280"/>
                <a:gd name="T27" fmla="*/ 131 h 277"/>
                <a:gd name="T28" fmla="*/ 2 w 280"/>
                <a:gd name="T29" fmla="*/ 131 h 277"/>
                <a:gd name="T30" fmla="*/ 1 w 280"/>
                <a:gd name="T31" fmla="*/ 132 h 277"/>
                <a:gd name="T32" fmla="*/ 1 w 280"/>
                <a:gd name="T33" fmla="*/ 142 h 277"/>
                <a:gd name="T34" fmla="*/ 8 w 280"/>
                <a:gd name="T35" fmla="*/ 158 h 277"/>
                <a:gd name="T36" fmla="*/ 54 w 280"/>
                <a:gd name="T37" fmla="*/ 220 h 277"/>
                <a:gd name="T38" fmla="*/ 80 w 280"/>
                <a:gd name="T39" fmla="*/ 250 h 277"/>
                <a:gd name="T40" fmla="*/ 94 w 280"/>
                <a:gd name="T41" fmla="*/ 263 h 277"/>
                <a:gd name="T42" fmla="*/ 109 w 280"/>
                <a:gd name="T43" fmla="*/ 274 h 277"/>
                <a:gd name="T44" fmla="*/ 114 w 280"/>
                <a:gd name="T45" fmla="*/ 276 h 277"/>
                <a:gd name="T46" fmla="*/ 118 w 280"/>
                <a:gd name="T47" fmla="*/ 277 h 277"/>
                <a:gd name="T48" fmla="*/ 123 w 280"/>
                <a:gd name="T49" fmla="*/ 277 h 277"/>
                <a:gd name="T50" fmla="*/ 125 w 280"/>
                <a:gd name="T51" fmla="*/ 277 h 277"/>
                <a:gd name="T52" fmla="*/ 128 w 280"/>
                <a:gd name="T53" fmla="*/ 276 h 277"/>
                <a:gd name="T54" fmla="*/ 143 w 280"/>
                <a:gd name="T55" fmla="*/ 270 h 277"/>
                <a:gd name="T56" fmla="*/ 168 w 280"/>
                <a:gd name="T57" fmla="*/ 254 h 277"/>
                <a:gd name="T58" fmla="*/ 171 w 280"/>
                <a:gd name="T59" fmla="*/ 252 h 277"/>
                <a:gd name="T60" fmla="*/ 173 w 280"/>
                <a:gd name="T61" fmla="*/ 251 h 277"/>
                <a:gd name="T62" fmla="*/ 187 w 280"/>
                <a:gd name="T63" fmla="*/ 242 h 277"/>
                <a:gd name="T64" fmla="*/ 233 w 280"/>
                <a:gd name="T65" fmla="*/ 204 h 277"/>
                <a:gd name="T66" fmla="*/ 262 w 280"/>
                <a:gd name="T67" fmla="*/ 174 h 277"/>
                <a:gd name="T68" fmla="*/ 275 w 280"/>
                <a:gd name="T69" fmla="*/ 155 h 277"/>
                <a:gd name="T70" fmla="*/ 280 w 280"/>
                <a:gd name="T71" fmla="*/ 142 h 277"/>
                <a:gd name="T72" fmla="*/ 279 w 280"/>
                <a:gd name="T73" fmla="*/ 129 h 2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280" h="277">
                  <a:moveTo>
                    <a:pt x="279" y="129"/>
                  </a:moveTo>
                  <a:cubicBezTo>
                    <a:pt x="278" y="121"/>
                    <a:pt x="274" y="112"/>
                    <a:pt x="270" y="104"/>
                  </a:cubicBezTo>
                  <a:cubicBezTo>
                    <a:pt x="266" y="96"/>
                    <a:pt x="261" y="89"/>
                    <a:pt x="256" y="81"/>
                  </a:cubicBezTo>
                  <a:cubicBezTo>
                    <a:pt x="245" y="66"/>
                    <a:pt x="233" y="52"/>
                    <a:pt x="219" y="38"/>
                  </a:cubicBezTo>
                  <a:cubicBezTo>
                    <a:pt x="212" y="31"/>
                    <a:pt x="205" y="24"/>
                    <a:pt x="198" y="18"/>
                  </a:cubicBezTo>
                  <a:cubicBezTo>
                    <a:pt x="195" y="14"/>
                    <a:pt x="192" y="11"/>
                    <a:pt x="188" y="8"/>
                  </a:cubicBezTo>
                  <a:cubicBezTo>
                    <a:pt x="184" y="5"/>
                    <a:pt x="179" y="3"/>
                    <a:pt x="174" y="2"/>
                  </a:cubicBezTo>
                  <a:cubicBezTo>
                    <a:pt x="164" y="0"/>
                    <a:pt x="155" y="2"/>
                    <a:pt x="147" y="5"/>
                  </a:cubicBezTo>
                  <a:cubicBezTo>
                    <a:pt x="138" y="8"/>
                    <a:pt x="130" y="13"/>
                    <a:pt x="123" y="17"/>
                  </a:cubicBezTo>
                  <a:cubicBezTo>
                    <a:pt x="94" y="35"/>
                    <a:pt x="71" y="54"/>
                    <a:pt x="52" y="71"/>
                  </a:cubicBezTo>
                  <a:cubicBezTo>
                    <a:pt x="42" y="79"/>
                    <a:pt x="34" y="87"/>
                    <a:pt x="26" y="94"/>
                  </a:cubicBezTo>
                  <a:cubicBezTo>
                    <a:pt x="19" y="100"/>
                    <a:pt x="12" y="106"/>
                    <a:pt x="8" y="112"/>
                  </a:cubicBezTo>
                  <a:cubicBezTo>
                    <a:pt x="3" y="118"/>
                    <a:pt x="1" y="123"/>
                    <a:pt x="0" y="127"/>
                  </a:cubicBezTo>
                  <a:cubicBezTo>
                    <a:pt x="0" y="129"/>
                    <a:pt x="1" y="130"/>
                    <a:pt x="2" y="131"/>
                  </a:cubicBezTo>
                  <a:cubicBezTo>
                    <a:pt x="2" y="131"/>
                    <a:pt x="2" y="131"/>
                    <a:pt x="2" y="131"/>
                  </a:cubicBezTo>
                  <a:cubicBezTo>
                    <a:pt x="2" y="132"/>
                    <a:pt x="1" y="132"/>
                    <a:pt x="1" y="132"/>
                  </a:cubicBezTo>
                  <a:cubicBezTo>
                    <a:pt x="0" y="135"/>
                    <a:pt x="0" y="139"/>
                    <a:pt x="1" y="142"/>
                  </a:cubicBezTo>
                  <a:cubicBezTo>
                    <a:pt x="2" y="148"/>
                    <a:pt x="5" y="153"/>
                    <a:pt x="8" y="158"/>
                  </a:cubicBezTo>
                  <a:cubicBezTo>
                    <a:pt x="20" y="179"/>
                    <a:pt x="36" y="199"/>
                    <a:pt x="54" y="220"/>
                  </a:cubicBezTo>
                  <a:cubicBezTo>
                    <a:pt x="62" y="231"/>
                    <a:pt x="71" y="241"/>
                    <a:pt x="80" y="250"/>
                  </a:cubicBezTo>
                  <a:cubicBezTo>
                    <a:pt x="85" y="255"/>
                    <a:pt x="89" y="259"/>
                    <a:pt x="94" y="263"/>
                  </a:cubicBezTo>
                  <a:cubicBezTo>
                    <a:pt x="99" y="267"/>
                    <a:pt x="103" y="271"/>
                    <a:pt x="109" y="274"/>
                  </a:cubicBezTo>
                  <a:cubicBezTo>
                    <a:pt x="110" y="275"/>
                    <a:pt x="112" y="276"/>
                    <a:pt x="114" y="276"/>
                  </a:cubicBezTo>
                  <a:cubicBezTo>
                    <a:pt x="115" y="277"/>
                    <a:pt x="117" y="277"/>
                    <a:pt x="118" y="277"/>
                  </a:cubicBezTo>
                  <a:cubicBezTo>
                    <a:pt x="120" y="277"/>
                    <a:pt x="122" y="277"/>
                    <a:pt x="123" y="277"/>
                  </a:cubicBezTo>
                  <a:cubicBezTo>
                    <a:pt x="124" y="277"/>
                    <a:pt x="125" y="277"/>
                    <a:pt x="125" y="277"/>
                  </a:cubicBezTo>
                  <a:cubicBezTo>
                    <a:pt x="128" y="276"/>
                    <a:pt x="128" y="276"/>
                    <a:pt x="128" y="276"/>
                  </a:cubicBezTo>
                  <a:cubicBezTo>
                    <a:pt x="133" y="275"/>
                    <a:pt x="138" y="273"/>
                    <a:pt x="143" y="270"/>
                  </a:cubicBezTo>
                  <a:cubicBezTo>
                    <a:pt x="153" y="265"/>
                    <a:pt x="161" y="259"/>
                    <a:pt x="168" y="254"/>
                  </a:cubicBezTo>
                  <a:cubicBezTo>
                    <a:pt x="169" y="253"/>
                    <a:pt x="170" y="253"/>
                    <a:pt x="171" y="252"/>
                  </a:cubicBezTo>
                  <a:cubicBezTo>
                    <a:pt x="171" y="252"/>
                    <a:pt x="172" y="251"/>
                    <a:pt x="173" y="251"/>
                  </a:cubicBezTo>
                  <a:cubicBezTo>
                    <a:pt x="176" y="249"/>
                    <a:pt x="181" y="246"/>
                    <a:pt x="187" y="242"/>
                  </a:cubicBezTo>
                  <a:cubicBezTo>
                    <a:pt x="199" y="235"/>
                    <a:pt x="215" y="222"/>
                    <a:pt x="233" y="204"/>
                  </a:cubicBezTo>
                  <a:cubicBezTo>
                    <a:pt x="243" y="196"/>
                    <a:pt x="253" y="186"/>
                    <a:pt x="262" y="174"/>
                  </a:cubicBezTo>
                  <a:cubicBezTo>
                    <a:pt x="267" y="168"/>
                    <a:pt x="272" y="162"/>
                    <a:pt x="275" y="155"/>
                  </a:cubicBezTo>
                  <a:cubicBezTo>
                    <a:pt x="277" y="151"/>
                    <a:pt x="279" y="147"/>
                    <a:pt x="280" y="142"/>
                  </a:cubicBezTo>
                  <a:cubicBezTo>
                    <a:pt x="280" y="138"/>
                    <a:pt x="280" y="134"/>
                    <a:pt x="279" y="129"/>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7" name="ïṡḷiḑe">
              <a:extLst>
                <a:ext uri="{FF2B5EF4-FFF2-40B4-BE49-F238E27FC236}">
                  <a16:creationId xmlns:a16="http://schemas.microsoft.com/office/drawing/2014/main" xmlns="" id="{44248928-292C-4E8E-8A87-1B9578A79237}"/>
                </a:ext>
              </a:extLst>
            </p:cNvPr>
            <p:cNvSpPr/>
            <p:nvPr/>
          </p:nvSpPr>
          <p:spPr bwMode="auto">
            <a:xfrm>
              <a:off x="5899798" y="2110797"/>
              <a:ext cx="610508" cy="553016"/>
            </a:xfrm>
            <a:custGeom>
              <a:avLst/>
              <a:gdLst>
                <a:gd name="T0" fmla="*/ 163 w 283"/>
                <a:gd name="T1" fmla="*/ 256 h 256"/>
                <a:gd name="T2" fmla="*/ 181 w 283"/>
                <a:gd name="T3" fmla="*/ 243 h 256"/>
                <a:gd name="T4" fmla="*/ 228 w 283"/>
                <a:gd name="T5" fmla="*/ 203 h 256"/>
                <a:gd name="T6" fmla="*/ 257 w 283"/>
                <a:gd name="T7" fmla="*/ 173 h 256"/>
                <a:gd name="T8" fmla="*/ 270 w 283"/>
                <a:gd name="T9" fmla="*/ 154 h 256"/>
                <a:gd name="T10" fmla="*/ 277 w 283"/>
                <a:gd name="T11" fmla="*/ 132 h 256"/>
                <a:gd name="T12" fmla="*/ 269 w 283"/>
                <a:gd name="T13" fmla="*/ 109 h 256"/>
                <a:gd name="T14" fmla="*/ 253 w 283"/>
                <a:gd name="T15" fmla="*/ 87 h 256"/>
                <a:gd name="T16" fmla="*/ 237 w 283"/>
                <a:gd name="T17" fmla="*/ 64 h 256"/>
                <a:gd name="T18" fmla="*/ 220 w 283"/>
                <a:gd name="T19" fmla="*/ 41 h 256"/>
                <a:gd name="T20" fmla="*/ 199 w 283"/>
                <a:gd name="T21" fmla="*/ 21 h 256"/>
                <a:gd name="T22" fmla="*/ 176 w 283"/>
                <a:gd name="T23" fmla="*/ 7 h 256"/>
                <a:gd name="T24" fmla="*/ 151 w 283"/>
                <a:gd name="T25" fmla="*/ 7 h 256"/>
                <a:gd name="T26" fmla="*/ 127 w 283"/>
                <a:gd name="T27" fmla="*/ 17 h 256"/>
                <a:gd name="T28" fmla="*/ 88 w 283"/>
                <a:gd name="T29" fmla="*/ 45 h 256"/>
                <a:gd name="T30" fmla="*/ 55 w 283"/>
                <a:gd name="T31" fmla="*/ 71 h 256"/>
                <a:gd name="T32" fmla="*/ 10 w 283"/>
                <a:gd name="T33" fmla="*/ 111 h 256"/>
                <a:gd name="T34" fmla="*/ 1 w 283"/>
                <a:gd name="T35" fmla="*/ 125 h 256"/>
                <a:gd name="T36" fmla="*/ 1 w 283"/>
                <a:gd name="T37" fmla="*/ 131 h 256"/>
                <a:gd name="T38" fmla="*/ 0 w 283"/>
                <a:gd name="T39" fmla="*/ 129 h 256"/>
                <a:gd name="T40" fmla="*/ 0 w 283"/>
                <a:gd name="T41" fmla="*/ 125 h 256"/>
                <a:gd name="T42" fmla="*/ 8 w 283"/>
                <a:gd name="T43" fmla="*/ 110 h 256"/>
                <a:gd name="T44" fmla="*/ 53 w 283"/>
                <a:gd name="T45" fmla="*/ 68 h 256"/>
                <a:gd name="T46" fmla="*/ 125 w 283"/>
                <a:gd name="T47" fmla="*/ 13 h 256"/>
                <a:gd name="T48" fmla="*/ 149 w 283"/>
                <a:gd name="T49" fmla="*/ 2 h 256"/>
                <a:gd name="T50" fmla="*/ 156 w 283"/>
                <a:gd name="T51" fmla="*/ 1 h 256"/>
                <a:gd name="T52" fmla="*/ 163 w 283"/>
                <a:gd name="T53" fmla="*/ 0 h 256"/>
                <a:gd name="T54" fmla="*/ 178 w 283"/>
                <a:gd name="T55" fmla="*/ 2 h 256"/>
                <a:gd name="T56" fmla="*/ 203 w 283"/>
                <a:gd name="T57" fmla="*/ 16 h 256"/>
                <a:gd name="T58" fmla="*/ 224 w 283"/>
                <a:gd name="T59" fmla="*/ 37 h 256"/>
                <a:gd name="T60" fmla="*/ 242 w 283"/>
                <a:gd name="T61" fmla="*/ 60 h 256"/>
                <a:gd name="T62" fmla="*/ 258 w 283"/>
                <a:gd name="T63" fmla="*/ 84 h 256"/>
                <a:gd name="T64" fmla="*/ 274 w 283"/>
                <a:gd name="T65" fmla="*/ 106 h 256"/>
                <a:gd name="T66" fmla="*/ 283 w 283"/>
                <a:gd name="T67" fmla="*/ 132 h 256"/>
                <a:gd name="T68" fmla="*/ 275 w 283"/>
                <a:gd name="T69" fmla="*/ 157 h 256"/>
                <a:gd name="T70" fmla="*/ 260 w 283"/>
                <a:gd name="T71" fmla="*/ 176 h 256"/>
                <a:gd name="T72" fmla="*/ 231 w 283"/>
                <a:gd name="T73" fmla="*/ 206 h 256"/>
                <a:gd name="T74" fmla="*/ 183 w 283"/>
                <a:gd name="T75" fmla="*/ 245 h 256"/>
                <a:gd name="T76" fmla="*/ 169 w 283"/>
                <a:gd name="T77" fmla="*/ 253 h 256"/>
                <a:gd name="T78" fmla="*/ 163 w 283"/>
                <a:gd name="T79" fmla="*/ 256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283" h="256">
                  <a:moveTo>
                    <a:pt x="163" y="256"/>
                  </a:moveTo>
                  <a:cubicBezTo>
                    <a:pt x="163" y="256"/>
                    <a:pt x="170" y="251"/>
                    <a:pt x="181" y="243"/>
                  </a:cubicBezTo>
                  <a:cubicBezTo>
                    <a:pt x="193" y="234"/>
                    <a:pt x="209" y="221"/>
                    <a:pt x="228" y="203"/>
                  </a:cubicBezTo>
                  <a:cubicBezTo>
                    <a:pt x="237" y="194"/>
                    <a:pt x="247" y="184"/>
                    <a:pt x="257" y="173"/>
                  </a:cubicBezTo>
                  <a:cubicBezTo>
                    <a:pt x="262" y="167"/>
                    <a:pt x="266" y="161"/>
                    <a:pt x="270" y="154"/>
                  </a:cubicBezTo>
                  <a:cubicBezTo>
                    <a:pt x="274" y="148"/>
                    <a:pt x="277" y="140"/>
                    <a:pt x="277" y="132"/>
                  </a:cubicBezTo>
                  <a:cubicBezTo>
                    <a:pt x="277" y="125"/>
                    <a:pt x="273" y="117"/>
                    <a:pt x="269" y="109"/>
                  </a:cubicBezTo>
                  <a:cubicBezTo>
                    <a:pt x="264" y="102"/>
                    <a:pt x="259" y="95"/>
                    <a:pt x="253" y="87"/>
                  </a:cubicBezTo>
                  <a:cubicBezTo>
                    <a:pt x="248" y="79"/>
                    <a:pt x="243" y="71"/>
                    <a:pt x="237" y="64"/>
                  </a:cubicBezTo>
                  <a:cubicBezTo>
                    <a:pt x="232" y="56"/>
                    <a:pt x="226" y="48"/>
                    <a:pt x="220" y="41"/>
                  </a:cubicBezTo>
                  <a:cubicBezTo>
                    <a:pt x="213" y="34"/>
                    <a:pt x="207" y="27"/>
                    <a:pt x="199" y="21"/>
                  </a:cubicBezTo>
                  <a:cubicBezTo>
                    <a:pt x="192" y="15"/>
                    <a:pt x="184" y="10"/>
                    <a:pt x="176" y="7"/>
                  </a:cubicBezTo>
                  <a:cubicBezTo>
                    <a:pt x="168" y="5"/>
                    <a:pt x="159" y="5"/>
                    <a:pt x="151" y="7"/>
                  </a:cubicBezTo>
                  <a:cubicBezTo>
                    <a:pt x="142" y="10"/>
                    <a:pt x="135" y="13"/>
                    <a:pt x="127" y="17"/>
                  </a:cubicBezTo>
                  <a:cubicBezTo>
                    <a:pt x="113" y="26"/>
                    <a:pt x="100" y="35"/>
                    <a:pt x="88" y="45"/>
                  </a:cubicBezTo>
                  <a:cubicBezTo>
                    <a:pt x="76" y="54"/>
                    <a:pt x="65" y="63"/>
                    <a:pt x="55" y="71"/>
                  </a:cubicBezTo>
                  <a:cubicBezTo>
                    <a:pt x="35" y="87"/>
                    <a:pt x="19" y="101"/>
                    <a:pt x="10" y="111"/>
                  </a:cubicBezTo>
                  <a:cubicBezTo>
                    <a:pt x="5" y="117"/>
                    <a:pt x="2" y="122"/>
                    <a:pt x="1" y="125"/>
                  </a:cubicBezTo>
                  <a:cubicBezTo>
                    <a:pt x="0" y="129"/>
                    <a:pt x="1" y="131"/>
                    <a:pt x="1" y="131"/>
                  </a:cubicBezTo>
                  <a:cubicBezTo>
                    <a:pt x="1" y="131"/>
                    <a:pt x="0" y="130"/>
                    <a:pt x="0" y="129"/>
                  </a:cubicBezTo>
                  <a:cubicBezTo>
                    <a:pt x="0" y="128"/>
                    <a:pt x="0" y="127"/>
                    <a:pt x="0" y="125"/>
                  </a:cubicBezTo>
                  <a:cubicBezTo>
                    <a:pt x="1" y="121"/>
                    <a:pt x="3" y="116"/>
                    <a:pt x="8" y="110"/>
                  </a:cubicBezTo>
                  <a:cubicBezTo>
                    <a:pt x="17" y="98"/>
                    <a:pt x="33" y="85"/>
                    <a:pt x="53" y="68"/>
                  </a:cubicBezTo>
                  <a:cubicBezTo>
                    <a:pt x="72" y="52"/>
                    <a:pt x="95" y="30"/>
                    <a:pt x="125" y="13"/>
                  </a:cubicBezTo>
                  <a:cubicBezTo>
                    <a:pt x="132" y="8"/>
                    <a:pt x="140" y="4"/>
                    <a:pt x="149" y="2"/>
                  </a:cubicBezTo>
                  <a:cubicBezTo>
                    <a:pt x="151" y="1"/>
                    <a:pt x="154" y="1"/>
                    <a:pt x="156" y="1"/>
                  </a:cubicBezTo>
                  <a:cubicBezTo>
                    <a:pt x="158" y="0"/>
                    <a:pt x="161" y="0"/>
                    <a:pt x="163" y="0"/>
                  </a:cubicBezTo>
                  <a:cubicBezTo>
                    <a:pt x="168" y="0"/>
                    <a:pt x="173" y="0"/>
                    <a:pt x="178" y="2"/>
                  </a:cubicBezTo>
                  <a:cubicBezTo>
                    <a:pt x="187" y="5"/>
                    <a:pt x="195" y="10"/>
                    <a:pt x="203" y="16"/>
                  </a:cubicBezTo>
                  <a:cubicBezTo>
                    <a:pt x="211" y="23"/>
                    <a:pt x="218" y="30"/>
                    <a:pt x="224" y="37"/>
                  </a:cubicBezTo>
                  <a:cubicBezTo>
                    <a:pt x="231" y="45"/>
                    <a:pt x="237" y="52"/>
                    <a:pt x="242" y="60"/>
                  </a:cubicBezTo>
                  <a:cubicBezTo>
                    <a:pt x="248" y="68"/>
                    <a:pt x="253" y="76"/>
                    <a:pt x="258" y="84"/>
                  </a:cubicBezTo>
                  <a:cubicBezTo>
                    <a:pt x="263" y="91"/>
                    <a:pt x="269" y="99"/>
                    <a:pt x="274" y="106"/>
                  </a:cubicBezTo>
                  <a:cubicBezTo>
                    <a:pt x="278" y="114"/>
                    <a:pt x="282" y="123"/>
                    <a:pt x="283" y="132"/>
                  </a:cubicBezTo>
                  <a:cubicBezTo>
                    <a:pt x="283" y="142"/>
                    <a:pt x="279" y="150"/>
                    <a:pt x="275" y="157"/>
                  </a:cubicBezTo>
                  <a:cubicBezTo>
                    <a:pt x="270" y="164"/>
                    <a:pt x="265" y="170"/>
                    <a:pt x="260" y="176"/>
                  </a:cubicBezTo>
                  <a:cubicBezTo>
                    <a:pt x="250" y="188"/>
                    <a:pt x="240" y="198"/>
                    <a:pt x="231" y="206"/>
                  </a:cubicBezTo>
                  <a:cubicBezTo>
                    <a:pt x="212" y="224"/>
                    <a:pt x="195" y="236"/>
                    <a:pt x="183" y="245"/>
                  </a:cubicBezTo>
                  <a:cubicBezTo>
                    <a:pt x="177" y="249"/>
                    <a:pt x="172" y="252"/>
                    <a:pt x="169" y="253"/>
                  </a:cubicBezTo>
                  <a:cubicBezTo>
                    <a:pt x="165" y="255"/>
                    <a:pt x="164" y="256"/>
                    <a:pt x="163" y="25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8" name="îṡlîḑé">
              <a:extLst>
                <a:ext uri="{FF2B5EF4-FFF2-40B4-BE49-F238E27FC236}">
                  <a16:creationId xmlns:a16="http://schemas.microsoft.com/office/drawing/2014/main" xmlns="" id="{9CBB0296-D3F3-40BC-8997-B4F3942F1942}"/>
                </a:ext>
              </a:extLst>
            </p:cNvPr>
            <p:cNvSpPr/>
            <p:nvPr/>
          </p:nvSpPr>
          <p:spPr bwMode="auto">
            <a:xfrm>
              <a:off x="5832268" y="2087070"/>
              <a:ext cx="374153" cy="286546"/>
            </a:xfrm>
            <a:custGeom>
              <a:avLst/>
              <a:gdLst>
                <a:gd name="T0" fmla="*/ 173 w 173"/>
                <a:gd name="T1" fmla="*/ 54 h 133"/>
                <a:gd name="T2" fmla="*/ 169 w 173"/>
                <a:gd name="T3" fmla="*/ 66 h 133"/>
                <a:gd name="T4" fmla="*/ 158 w 173"/>
                <a:gd name="T5" fmla="*/ 94 h 133"/>
                <a:gd name="T6" fmla="*/ 145 w 173"/>
                <a:gd name="T7" fmla="*/ 122 h 133"/>
                <a:gd name="T8" fmla="*/ 139 w 173"/>
                <a:gd name="T9" fmla="*/ 133 h 133"/>
                <a:gd name="T10" fmla="*/ 133 w 173"/>
                <a:gd name="T11" fmla="*/ 131 h 133"/>
                <a:gd name="T12" fmla="*/ 118 w 173"/>
                <a:gd name="T13" fmla="*/ 126 h 133"/>
                <a:gd name="T14" fmla="*/ 69 w 173"/>
                <a:gd name="T15" fmla="*/ 108 h 133"/>
                <a:gd name="T16" fmla="*/ 20 w 173"/>
                <a:gd name="T17" fmla="*/ 89 h 133"/>
                <a:gd name="T18" fmla="*/ 5 w 173"/>
                <a:gd name="T19" fmla="*/ 83 h 133"/>
                <a:gd name="T20" fmla="*/ 0 w 173"/>
                <a:gd name="T21" fmla="*/ 80 h 133"/>
                <a:gd name="T22" fmla="*/ 0 w 173"/>
                <a:gd name="T23" fmla="*/ 80 h 133"/>
                <a:gd name="T24" fmla="*/ 0 w 173"/>
                <a:gd name="T25" fmla="*/ 80 h 133"/>
                <a:gd name="T26" fmla="*/ 0 w 173"/>
                <a:gd name="T27" fmla="*/ 80 h 133"/>
                <a:gd name="T28" fmla="*/ 0 w 173"/>
                <a:gd name="T29" fmla="*/ 80 h 133"/>
                <a:gd name="T30" fmla="*/ 4 w 173"/>
                <a:gd name="T31" fmla="*/ 68 h 133"/>
                <a:gd name="T32" fmla="*/ 14 w 173"/>
                <a:gd name="T33" fmla="*/ 39 h 133"/>
                <a:gd name="T34" fmla="*/ 26 w 173"/>
                <a:gd name="T35" fmla="*/ 11 h 133"/>
                <a:gd name="T36" fmla="*/ 31 w 173"/>
                <a:gd name="T37" fmla="*/ 0 h 133"/>
                <a:gd name="T38" fmla="*/ 31 w 173"/>
                <a:gd name="T39" fmla="*/ 0 h 133"/>
                <a:gd name="T40" fmla="*/ 38 w 173"/>
                <a:gd name="T41" fmla="*/ 2 h 133"/>
                <a:gd name="T42" fmla="*/ 53 w 173"/>
                <a:gd name="T43" fmla="*/ 7 h 133"/>
                <a:gd name="T44" fmla="*/ 102 w 173"/>
                <a:gd name="T45" fmla="*/ 25 h 133"/>
                <a:gd name="T46" fmla="*/ 150 w 173"/>
                <a:gd name="T47" fmla="*/ 44 h 133"/>
                <a:gd name="T48" fmla="*/ 165 w 173"/>
                <a:gd name="T49" fmla="*/ 51 h 133"/>
                <a:gd name="T50" fmla="*/ 173 w 173"/>
                <a:gd name="T51" fmla="*/ 54 h 133"/>
                <a:gd name="T52" fmla="*/ 173 w 173"/>
                <a:gd name="T53" fmla="*/ 54 h 133"/>
                <a:gd name="T54" fmla="*/ 173 w 173"/>
                <a:gd name="T55" fmla="*/ 54 h 133"/>
                <a:gd name="T56" fmla="*/ 173 w 173"/>
                <a:gd name="T57" fmla="*/ 54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73" h="133">
                  <a:moveTo>
                    <a:pt x="173" y="54"/>
                  </a:moveTo>
                  <a:cubicBezTo>
                    <a:pt x="173" y="55"/>
                    <a:pt x="171" y="59"/>
                    <a:pt x="169" y="66"/>
                  </a:cubicBezTo>
                  <a:cubicBezTo>
                    <a:pt x="166" y="73"/>
                    <a:pt x="162" y="83"/>
                    <a:pt x="158" y="94"/>
                  </a:cubicBezTo>
                  <a:cubicBezTo>
                    <a:pt x="153" y="105"/>
                    <a:pt x="148" y="115"/>
                    <a:pt x="145" y="122"/>
                  </a:cubicBezTo>
                  <a:cubicBezTo>
                    <a:pt x="142" y="129"/>
                    <a:pt x="140" y="133"/>
                    <a:pt x="139" y="133"/>
                  </a:cubicBezTo>
                  <a:cubicBezTo>
                    <a:pt x="139" y="133"/>
                    <a:pt x="137" y="132"/>
                    <a:pt x="133" y="131"/>
                  </a:cubicBezTo>
                  <a:cubicBezTo>
                    <a:pt x="130" y="130"/>
                    <a:pt x="125" y="128"/>
                    <a:pt x="118" y="126"/>
                  </a:cubicBezTo>
                  <a:cubicBezTo>
                    <a:pt x="106" y="121"/>
                    <a:pt x="88" y="115"/>
                    <a:pt x="69" y="108"/>
                  </a:cubicBezTo>
                  <a:cubicBezTo>
                    <a:pt x="50" y="101"/>
                    <a:pt x="32" y="95"/>
                    <a:pt x="20" y="89"/>
                  </a:cubicBezTo>
                  <a:cubicBezTo>
                    <a:pt x="14" y="86"/>
                    <a:pt x="9" y="84"/>
                    <a:pt x="5" y="83"/>
                  </a:cubicBezTo>
                  <a:cubicBezTo>
                    <a:pt x="2" y="81"/>
                    <a:pt x="1" y="81"/>
                    <a:pt x="0" y="80"/>
                  </a:cubicBezTo>
                  <a:cubicBezTo>
                    <a:pt x="0" y="80"/>
                    <a:pt x="0" y="80"/>
                    <a:pt x="0" y="80"/>
                  </a:cubicBezTo>
                  <a:cubicBezTo>
                    <a:pt x="0" y="80"/>
                    <a:pt x="0" y="80"/>
                    <a:pt x="0" y="80"/>
                  </a:cubicBezTo>
                  <a:cubicBezTo>
                    <a:pt x="0" y="80"/>
                    <a:pt x="0" y="80"/>
                    <a:pt x="0" y="80"/>
                  </a:cubicBezTo>
                  <a:cubicBezTo>
                    <a:pt x="0" y="80"/>
                    <a:pt x="0" y="80"/>
                    <a:pt x="0" y="80"/>
                  </a:cubicBezTo>
                  <a:cubicBezTo>
                    <a:pt x="0" y="79"/>
                    <a:pt x="2" y="75"/>
                    <a:pt x="4" y="68"/>
                  </a:cubicBezTo>
                  <a:cubicBezTo>
                    <a:pt x="7" y="61"/>
                    <a:pt x="10" y="51"/>
                    <a:pt x="14" y="39"/>
                  </a:cubicBezTo>
                  <a:cubicBezTo>
                    <a:pt x="19" y="28"/>
                    <a:pt x="23" y="18"/>
                    <a:pt x="26" y="11"/>
                  </a:cubicBezTo>
                  <a:cubicBezTo>
                    <a:pt x="29" y="5"/>
                    <a:pt x="31" y="0"/>
                    <a:pt x="31" y="0"/>
                  </a:cubicBezTo>
                  <a:cubicBezTo>
                    <a:pt x="31" y="0"/>
                    <a:pt x="31" y="0"/>
                    <a:pt x="31" y="0"/>
                  </a:cubicBezTo>
                  <a:cubicBezTo>
                    <a:pt x="31" y="0"/>
                    <a:pt x="34" y="1"/>
                    <a:pt x="38" y="2"/>
                  </a:cubicBezTo>
                  <a:cubicBezTo>
                    <a:pt x="41" y="3"/>
                    <a:pt x="46" y="5"/>
                    <a:pt x="53" y="7"/>
                  </a:cubicBezTo>
                  <a:cubicBezTo>
                    <a:pt x="65" y="12"/>
                    <a:pt x="83" y="18"/>
                    <a:pt x="102" y="25"/>
                  </a:cubicBezTo>
                  <a:cubicBezTo>
                    <a:pt x="121" y="32"/>
                    <a:pt x="138" y="39"/>
                    <a:pt x="150" y="44"/>
                  </a:cubicBezTo>
                  <a:cubicBezTo>
                    <a:pt x="157" y="47"/>
                    <a:pt x="161" y="49"/>
                    <a:pt x="165" y="51"/>
                  </a:cubicBezTo>
                  <a:cubicBezTo>
                    <a:pt x="167" y="52"/>
                    <a:pt x="172" y="54"/>
                    <a:pt x="173" y="54"/>
                  </a:cubicBezTo>
                  <a:cubicBezTo>
                    <a:pt x="173" y="54"/>
                    <a:pt x="173" y="54"/>
                    <a:pt x="173" y="54"/>
                  </a:cubicBezTo>
                  <a:cubicBezTo>
                    <a:pt x="173" y="54"/>
                    <a:pt x="173" y="54"/>
                    <a:pt x="173" y="54"/>
                  </a:cubicBezTo>
                  <a:cubicBezTo>
                    <a:pt x="173" y="54"/>
                    <a:pt x="173" y="54"/>
                    <a:pt x="173" y="54"/>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19" name="ïślîdé">
              <a:extLst>
                <a:ext uri="{FF2B5EF4-FFF2-40B4-BE49-F238E27FC236}">
                  <a16:creationId xmlns:a16="http://schemas.microsoft.com/office/drawing/2014/main" xmlns="" id="{2906B02A-A1E6-4142-9C67-6B94B0C10438}"/>
                </a:ext>
              </a:extLst>
            </p:cNvPr>
            <p:cNvSpPr/>
            <p:nvPr/>
          </p:nvSpPr>
          <p:spPr bwMode="auto">
            <a:xfrm>
              <a:off x="5940863" y="2151862"/>
              <a:ext cx="146923" cy="146923"/>
            </a:xfrm>
            <a:custGeom>
              <a:avLst/>
              <a:gdLst>
                <a:gd name="T0" fmla="*/ 67 w 68"/>
                <a:gd name="T1" fmla="*/ 30 h 68"/>
                <a:gd name="T2" fmla="*/ 64 w 68"/>
                <a:gd name="T3" fmla="*/ 19 h 68"/>
                <a:gd name="T4" fmla="*/ 57 w 68"/>
                <a:gd name="T5" fmla="*/ 10 h 68"/>
                <a:gd name="T6" fmla="*/ 48 w 68"/>
                <a:gd name="T7" fmla="*/ 3 h 68"/>
                <a:gd name="T8" fmla="*/ 43 w 68"/>
                <a:gd name="T9" fmla="*/ 2 h 68"/>
                <a:gd name="T10" fmla="*/ 38 w 68"/>
                <a:gd name="T11" fmla="*/ 1 h 68"/>
                <a:gd name="T12" fmla="*/ 20 w 68"/>
                <a:gd name="T13" fmla="*/ 3 h 68"/>
                <a:gd name="T14" fmla="*/ 17 w 68"/>
                <a:gd name="T15" fmla="*/ 5 h 68"/>
                <a:gd name="T16" fmla="*/ 15 w 68"/>
                <a:gd name="T17" fmla="*/ 6 h 68"/>
                <a:gd name="T18" fmla="*/ 8 w 68"/>
                <a:gd name="T19" fmla="*/ 12 h 68"/>
                <a:gd name="T20" fmla="*/ 1 w 68"/>
                <a:gd name="T21" fmla="*/ 27 h 68"/>
                <a:gd name="T22" fmla="*/ 2 w 68"/>
                <a:gd name="T23" fmla="*/ 44 h 68"/>
                <a:gd name="T24" fmla="*/ 13 w 68"/>
                <a:gd name="T25" fmla="*/ 60 h 68"/>
                <a:gd name="T26" fmla="*/ 31 w 68"/>
                <a:gd name="T27" fmla="*/ 67 h 68"/>
                <a:gd name="T28" fmla="*/ 35 w 68"/>
                <a:gd name="T29" fmla="*/ 68 h 68"/>
                <a:gd name="T30" fmla="*/ 40 w 68"/>
                <a:gd name="T31" fmla="*/ 67 h 68"/>
                <a:gd name="T32" fmla="*/ 44 w 68"/>
                <a:gd name="T33" fmla="*/ 66 h 68"/>
                <a:gd name="T34" fmla="*/ 48 w 68"/>
                <a:gd name="T35" fmla="*/ 64 h 68"/>
                <a:gd name="T36" fmla="*/ 61 w 68"/>
                <a:gd name="T37" fmla="*/ 50 h 68"/>
                <a:gd name="T38" fmla="*/ 62 w 68"/>
                <a:gd name="T39" fmla="*/ 50 h 68"/>
                <a:gd name="T40" fmla="*/ 63 w 68"/>
                <a:gd name="T41" fmla="*/ 47 h 68"/>
                <a:gd name="T42" fmla="*/ 63 w 68"/>
                <a:gd name="T43" fmla="*/ 47 h 68"/>
                <a:gd name="T44" fmla="*/ 63 w 68"/>
                <a:gd name="T45" fmla="*/ 47 h 68"/>
                <a:gd name="T46" fmla="*/ 67 w 68"/>
                <a:gd name="T47" fmla="*/ 30 h 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 h="68">
                  <a:moveTo>
                    <a:pt x="67" y="30"/>
                  </a:moveTo>
                  <a:cubicBezTo>
                    <a:pt x="67" y="26"/>
                    <a:pt x="65" y="23"/>
                    <a:pt x="64" y="19"/>
                  </a:cubicBezTo>
                  <a:cubicBezTo>
                    <a:pt x="62" y="16"/>
                    <a:pt x="60" y="13"/>
                    <a:pt x="57" y="10"/>
                  </a:cubicBezTo>
                  <a:cubicBezTo>
                    <a:pt x="55" y="7"/>
                    <a:pt x="52" y="5"/>
                    <a:pt x="48" y="3"/>
                  </a:cubicBezTo>
                  <a:cubicBezTo>
                    <a:pt x="46" y="3"/>
                    <a:pt x="45" y="2"/>
                    <a:pt x="43" y="2"/>
                  </a:cubicBezTo>
                  <a:cubicBezTo>
                    <a:pt x="41" y="1"/>
                    <a:pt x="39" y="1"/>
                    <a:pt x="38" y="1"/>
                  </a:cubicBezTo>
                  <a:cubicBezTo>
                    <a:pt x="31" y="0"/>
                    <a:pt x="25" y="1"/>
                    <a:pt x="20" y="3"/>
                  </a:cubicBezTo>
                  <a:cubicBezTo>
                    <a:pt x="19" y="4"/>
                    <a:pt x="18" y="4"/>
                    <a:pt x="17" y="5"/>
                  </a:cubicBezTo>
                  <a:cubicBezTo>
                    <a:pt x="16" y="5"/>
                    <a:pt x="16" y="6"/>
                    <a:pt x="15" y="6"/>
                  </a:cubicBezTo>
                  <a:cubicBezTo>
                    <a:pt x="13" y="8"/>
                    <a:pt x="10" y="10"/>
                    <a:pt x="8" y="12"/>
                  </a:cubicBezTo>
                  <a:cubicBezTo>
                    <a:pt x="4" y="16"/>
                    <a:pt x="1" y="21"/>
                    <a:pt x="1" y="27"/>
                  </a:cubicBezTo>
                  <a:cubicBezTo>
                    <a:pt x="0" y="32"/>
                    <a:pt x="0" y="39"/>
                    <a:pt x="2" y="44"/>
                  </a:cubicBezTo>
                  <a:cubicBezTo>
                    <a:pt x="4" y="50"/>
                    <a:pt x="8" y="56"/>
                    <a:pt x="13" y="60"/>
                  </a:cubicBezTo>
                  <a:cubicBezTo>
                    <a:pt x="18" y="64"/>
                    <a:pt x="25" y="66"/>
                    <a:pt x="31" y="67"/>
                  </a:cubicBezTo>
                  <a:cubicBezTo>
                    <a:pt x="32" y="67"/>
                    <a:pt x="34" y="67"/>
                    <a:pt x="35" y="68"/>
                  </a:cubicBezTo>
                  <a:cubicBezTo>
                    <a:pt x="37" y="67"/>
                    <a:pt x="38" y="67"/>
                    <a:pt x="40" y="67"/>
                  </a:cubicBezTo>
                  <a:cubicBezTo>
                    <a:pt x="41" y="67"/>
                    <a:pt x="43" y="66"/>
                    <a:pt x="44" y="66"/>
                  </a:cubicBezTo>
                  <a:cubicBezTo>
                    <a:pt x="46" y="65"/>
                    <a:pt x="47" y="64"/>
                    <a:pt x="48" y="64"/>
                  </a:cubicBezTo>
                  <a:cubicBezTo>
                    <a:pt x="54" y="60"/>
                    <a:pt x="58" y="55"/>
                    <a:pt x="61" y="50"/>
                  </a:cubicBezTo>
                  <a:cubicBezTo>
                    <a:pt x="62" y="50"/>
                    <a:pt x="62" y="50"/>
                    <a:pt x="62" y="50"/>
                  </a:cubicBezTo>
                  <a:cubicBezTo>
                    <a:pt x="62" y="49"/>
                    <a:pt x="63" y="48"/>
                    <a:pt x="63" y="47"/>
                  </a:cubicBezTo>
                  <a:cubicBezTo>
                    <a:pt x="63" y="47"/>
                    <a:pt x="63" y="47"/>
                    <a:pt x="63" y="47"/>
                  </a:cubicBezTo>
                  <a:cubicBezTo>
                    <a:pt x="63" y="47"/>
                    <a:pt x="63" y="47"/>
                    <a:pt x="63" y="47"/>
                  </a:cubicBezTo>
                  <a:cubicBezTo>
                    <a:pt x="66" y="42"/>
                    <a:pt x="68" y="36"/>
                    <a:pt x="67" y="3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0" name="ïšḻîḓê">
              <a:extLst>
                <a:ext uri="{FF2B5EF4-FFF2-40B4-BE49-F238E27FC236}">
                  <a16:creationId xmlns:a16="http://schemas.microsoft.com/office/drawing/2014/main" xmlns="" id="{B7E47CDC-5884-4379-A858-594187FE0375}"/>
                </a:ext>
              </a:extLst>
            </p:cNvPr>
            <p:cNvSpPr/>
            <p:nvPr/>
          </p:nvSpPr>
          <p:spPr bwMode="auto">
            <a:xfrm>
              <a:off x="5793940" y="2046004"/>
              <a:ext cx="453546" cy="371415"/>
            </a:xfrm>
            <a:custGeom>
              <a:avLst/>
              <a:gdLst>
                <a:gd name="T0" fmla="*/ 209 w 210"/>
                <a:gd name="T1" fmla="*/ 63 h 172"/>
                <a:gd name="T2" fmla="*/ 203 w 210"/>
                <a:gd name="T3" fmla="*/ 60 h 172"/>
                <a:gd name="T4" fmla="*/ 185 w 210"/>
                <a:gd name="T5" fmla="*/ 52 h 172"/>
                <a:gd name="T6" fmla="*/ 125 w 210"/>
                <a:gd name="T7" fmla="*/ 30 h 172"/>
                <a:gd name="T8" fmla="*/ 64 w 210"/>
                <a:gd name="T9" fmla="*/ 8 h 172"/>
                <a:gd name="T10" fmla="*/ 45 w 210"/>
                <a:gd name="T11" fmla="*/ 2 h 172"/>
                <a:gd name="T12" fmla="*/ 39 w 210"/>
                <a:gd name="T13" fmla="*/ 0 h 172"/>
                <a:gd name="T14" fmla="*/ 39 w 210"/>
                <a:gd name="T15" fmla="*/ 0 h 172"/>
                <a:gd name="T16" fmla="*/ 39 w 210"/>
                <a:gd name="T17" fmla="*/ 0 h 172"/>
                <a:gd name="T18" fmla="*/ 38 w 210"/>
                <a:gd name="T19" fmla="*/ 0 h 172"/>
                <a:gd name="T20" fmla="*/ 38 w 210"/>
                <a:gd name="T21" fmla="*/ 0 h 172"/>
                <a:gd name="T22" fmla="*/ 32 w 210"/>
                <a:gd name="T23" fmla="*/ 16 h 172"/>
                <a:gd name="T24" fmla="*/ 17 w 210"/>
                <a:gd name="T25" fmla="*/ 54 h 172"/>
                <a:gd name="T26" fmla="*/ 5 w 210"/>
                <a:gd name="T27" fmla="*/ 93 h 172"/>
                <a:gd name="T28" fmla="*/ 0 w 210"/>
                <a:gd name="T29" fmla="*/ 110 h 172"/>
                <a:gd name="T30" fmla="*/ 0 w 210"/>
                <a:gd name="T31" fmla="*/ 110 h 172"/>
                <a:gd name="T32" fmla="*/ 1 w 210"/>
                <a:gd name="T33" fmla="*/ 110 h 172"/>
                <a:gd name="T34" fmla="*/ 25 w 210"/>
                <a:gd name="T35" fmla="*/ 121 h 172"/>
                <a:gd name="T36" fmla="*/ 37 w 210"/>
                <a:gd name="T37" fmla="*/ 126 h 172"/>
                <a:gd name="T38" fmla="*/ 52 w 210"/>
                <a:gd name="T39" fmla="*/ 131 h 172"/>
                <a:gd name="T40" fmla="*/ 85 w 210"/>
                <a:gd name="T41" fmla="*/ 143 h 172"/>
                <a:gd name="T42" fmla="*/ 144 w 210"/>
                <a:gd name="T43" fmla="*/ 164 h 172"/>
                <a:gd name="T44" fmla="*/ 170 w 210"/>
                <a:gd name="T45" fmla="*/ 171 h 172"/>
                <a:gd name="T46" fmla="*/ 170 w 210"/>
                <a:gd name="T47" fmla="*/ 172 h 172"/>
                <a:gd name="T48" fmla="*/ 172 w 210"/>
                <a:gd name="T49" fmla="*/ 168 h 172"/>
                <a:gd name="T50" fmla="*/ 178 w 210"/>
                <a:gd name="T51" fmla="*/ 157 h 172"/>
                <a:gd name="T52" fmla="*/ 192 w 210"/>
                <a:gd name="T53" fmla="*/ 119 h 172"/>
                <a:gd name="T54" fmla="*/ 205 w 210"/>
                <a:gd name="T55" fmla="*/ 80 h 172"/>
                <a:gd name="T56" fmla="*/ 209 w 210"/>
                <a:gd name="T57" fmla="*/ 63 h 172"/>
                <a:gd name="T58" fmla="*/ 163 w 210"/>
                <a:gd name="T59" fmla="*/ 141 h 172"/>
                <a:gd name="T60" fmla="*/ 157 w 210"/>
                <a:gd name="T61" fmla="*/ 152 h 172"/>
                <a:gd name="T62" fmla="*/ 151 w 210"/>
                <a:gd name="T63" fmla="*/ 150 h 172"/>
                <a:gd name="T64" fmla="*/ 136 w 210"/>
                <a:gd name="T65" fmla="*/ 145 h 172"/>
                <a:gd name="T66" fmla="*/ 87 w 210"/>
                <a:gd name="T67" fmla="*/ 127 h 172"/>
                <a:gd name="T68" fmla="*/ 38 w 210"/>
                <a:gd name="T69" fmla="*/ 108 h 172"/>
                <a:gd name="T70" fmla="*/ 23 w 210"/>
                <a:gd name="T71" fmla="*/ 102 h 172"/>
                <a:gd name="T72" fmla="*/ 18 w 210"/>
                <a:gd name="T73" fmla="*/ 99 h 172"/>
                <a:gd name="T74" fmla="*/ 18 w 210"/>
                <a:gd name="T75" fmla="*/ 99 h 172"/>
                <a:gd name="T76" fmla="*/ 18 w 210"/>
                <a:gd name="T77" fmla="*/ 99 h 172"/>
                <a:gd name="T78" fmla="*/ 18 w 210"/>
                <a:gd name="T79" fmla="*/ 99 h 172"/>
                <a:gd name="T80" fmla="*/ 18 w 210"/>
                <a:gd name="T81" fmla="*/ 99 h 172"/>
                <a:gd name="T82" fmla="*/ 22 w 210"/>
                <a:gd name="T83" fmla="*/ 87 h 172"/>
                <a:gd name="T84" fmla="*/ 32 w 210"/>
                <a:gd name="T85" fmla="*/ 58 h 172"/>
                <a:gd name="T86" fmla="*/ 44 w 210"/>
                <a:gd name="T87" fmla="*/ 30 h 172"/>
                <a:gd name="T88" fmla="*/ 49 w 210"/>
                <a:gd name="T89" fmla="*/ 19 h 172"/>
                <a:gd name="T90" fmla="*/ 49 w 210"/>
                <a:gd name="T91" fmla="*/ 19 h 172"/>
                <a:gd name="T92" fmla="*/ 56 w 210"/>
                <a:gd name="T93" fmla="*/ 21 h 172"/>
                <a:gd name="T94" fmla="*/ 71 w 210"/>
                <a:gd name="T95" fmla="*/ 26 h 172"/>
                <a:gd name="T96" fmla="*/ 120 w 210"/>
                <a:gd name="T97" fmla="*/ 44 h 172"/>
                <a:gd name="T98" fmla="*/ 168 w 210"/>
                <a:gd name="T99" fmla="*/ 63 h 172"/>
                <a:gd name="T100" fmla="*/ 183 w 210"/>
                <a:gd name="T101" fmla="*/ 70 h 172"/>
                <a:gd name="T102" fmla="*/ 191 w 210"/>
                <a:gd name="T103" fmla="*/ 73 h 172"/>
                <a:gd name="T104" fmla="*/ 191 w 210"/>
                <a:gd name="T105" fmla="*/ 73 h 172"/>
                <a:gd name="T106" fmla="*/ 191 w 210"/>
                <a:gd name="T107" fmla="*/ 73 h 172"/>
                <a:gd name="T108" fmla="*/ 191 w 210"/>
                <a:gd name="T109" fmla="*/ 73 h 172"/>
                <a:gd name="T110" fmla="*/ 187 w 210"/>
                <a:gd name="T111" fmla="*/ 85 h 172"/>
                <a:gd name="T112" fmla="*/ 176 w 210"/>
                <a:gd name="T113" fmla="*/ 113 h 172"/>
                <a:gd name="T114" fmla="*/ 163 w 210"/>
                <a:gd name="T115" fmla="*/ 141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10" h="172">
                  <a:moveTo>
                    <a:pt x="209" y="63"/>
                  </a:moveTo>
                  <a:cubicBezTo>
                    <a:pt x="209" y="63"/>
                    <a:pt x="207" y="62"/>
                    <a:pt x="203" y="60"/>
                  </a:cubicBezTo>
                  <a:cubicBezTo>
                    <a:pt x="199" y="58"/>
                    <a:pt x="193" y="55"/>
                    <a:pt x="185" y="52"/>
                  </a:cubicBezTo>
                  <a:cubicBezTo>
                    <a:pt x="170" y="46"/>
                    <a:pt x="148" y="38"/>
                    <a:pt x="125" y="30"/>
                  </a:cubicBezTo>
                  <a:cubicBezTo>
                    <a:pt x="101" y="21"/>
                    <a:pt x="79" y="14"/>
                    <a:pt x="64" y="8"/>
                  </a:cubicBezTo>
                  <a:cubicBezTo>
                    <a:pt x="56" y="5"/>
                    <a:pt x="50" y="3"/>
                    <a:pt x="45" y="2"/>
                  </a:cubicBezTo>
                  <a:cubicBezTo>
                    <a:pt x="42" y="1"/>
                    <a:pt x="40" y="0"/>
                    <a:pt x="39" y="0"/>
                  </a:cubicBezTo>
                  <a:cubicBezTo>
                    <a:pt x="39" y="0"/>
                    <a:pt x="39" y="0"/>
                    <a:pt x="39" y="0"/>
                  </a:cubicBezTo>
                  <a:cubicBezTo>
                    <a:pt x="39" y="0"/>
                    <a:pt x="39" y="0"/>
                    <a:pt x="39" y="0"/>
                  </a:cubicBezTo>
                  <a:cubicBezTo>
                    <a:pt x="38" y="0"/>
                    <a:pt x="38" y="0"/>
                    <a:pt x="38" y="0"/>
                  </a:cubicBezTo>
                  <a:cubicBezTo>
                    <a:pt x="38" y="0"/>
                    <a:pt x="38" y="0"/>
                    <a:pt x="38" y="0"/>
                  </a:cubicBezTo>
                  <a:cubicBezTo>
                    <a:pt x="38" y="1"/>
                    <a:pt x="35" y="8"/>
                    <a:pt x="32" y="16"/>
                  </a:cubicBezTo>
                  <a:cubicBezTo>
                    <a:pt x="28" y="26"/>
                    <a:pt x="23" y="39"/>
                    <a:pt x="17" y="54"/>
                  </a:cubicBezTo>
                  <a:cubicBezTo>
                    <a:pt x="12" y="69"/>
                    <a:pt x="7" y="83"/>
                    <a:pt x="5" y="93"/>
                  </a:cubicBezTo>
                  <a:cubicBezTo>
                    <a:pt x="2" y="102"/>
                    <a:pt x="0" y="108"/>
                    <a:pt x="0" y="110"/>
                  </a:cubicBezTo>
                  <a:cubicBezTo>
                    <a:pt x="0" y="110"/>
                    <a:pt x="0" y="110"/>
                    <a:pt x="0" y="110"/>
                  </a:cubicBezTo>
                  <a:cubicBezTo>
                    <a:pt x="0" y="110"/>
                    <a:pt x="0" y="110"/>
                    <a:pt x="1" y="110"/>
                  </a:cubicBezTo>
                  <a:cubicBezTo>
                    <a:pt x="2" y="111"/>
                    <a:pt x="11" y="115"/>
                    <a:pt x="25" y="121"/>
                  </a:cubicBezTo>
                  <a:cubicBezTo>
                    <a:pt x="29" y="122"/>
                    <a:pt x="33" y="124"/>
                    <a:pt x="37" y="126"/>
                  </a:cubicBezTo>
                  <a:cubicBezTo>
                    <a:pt x="42" y="127"/>
                    <a:pt x="47" y="129"/>
                    <a:pt x="52" y="131"/>
                  </a:cubicBezTo>
                  <a:cubicBezTo>
                    <a:pt x="62" y="135"/>
                    <a:pt x="73" y="139"/>
                    <a:pt x="85" y="143"/>
                  </a:cubicBezTo>
                  <a:cubicBezTo>
                    <a:pt x="108" y="151"/>
                    <a:pt x="129" y="158"/>
                    <a:pt x="144" y="164"/>
                  </a:cubicBezTo>
                  <a:cubicBezTo>
                    <a:pt x="160" y="169"/>
                    <a:pt x="169" y="172"/>
                    <a:pt x="170" y="171"/>
                  </a:cubicBezTo>
                  <a:cubicBezTo>
                    <a:pt x="170" y="172"/>
                    <a:pt x="170" y="172"/>
                    <a:pt x="170" y="172"/>
                  </a:cubicBezTo>
                  <a:cubicBezTo>
                    <a:pt x="170" y="172"/>
                    <a:pt x="171" y="171"/>
                    <a:pt x="172" y="168"/>
                  </a:cubicBezTo>
                  <a:cubicBezTo>
                    <a:pt x="174" y="166"/>
                    <a:pt x="176" y="162"/>
                    <a:pt x="178" y="157"/>
                  </a:cubicBezTo>
                  <a:cubicBezTo>
                    <a:pt x="182" y="147"/>
                    <a:pt x="187" y="134"/>
                    <a:pt x="192" y="119"/>
                  </a:cubicBezTo>
                  <a:cubicBezTo>
                    <a:pt x="198" y="104"/>
                    <a:pt x="202" y="90"/>
                    <a:pt x="205" y="80"/>
                  </a:cubicBezTo>
                  <a:cubicBezTo>
                    <a:pt x="208" y="70"/>
                    <a:pt x="210" y="64"/>
                    <a:pt x="209" y="63"/>
                  </a:cubicBezTo>
                  <a:close/>
                  <a:moveTo>
                    <a:pt x="163" y="141"/>
                  </a:moveTo>
                  <a:cubicBezTo>
                    <a:pt x="160" y="148"/>
                    <a:pt x="158" y="152"/>
                    <a:pt x="157" y="152"/>
                  </a:cubicBezTo>
                  <a:cubicBezTo>
                    <a:pt x="157" y="152"/>
                    <a:pt x="155" y="151"/>
                    <a:pt x="151" y="150"/>
                  </a:cubicBezTo>
                  <a:cubicBezTo>
                    <a:pt x="148" y="149"/>
                    <a:pt x="143" y="147"/>
                    <a:pt x="136" y="145"/>
                  </a:cubicBezTo>
                  <a:cubicBezTo>
                    <a:pt x="124" y="140"/>
                    <a:pt x="106" y="134"/>
                    <a:pt x="87" y="127"/>
                  </a:cubicBezTo>
                  <a:cubicBezTo>
                    <a:pt x="68" y="120"/>
                    <a:pt x="50" y="114"/>
                    <a:pt x="38" y="108"/>
                  </a:cubicBezTo>
                  <a:cubicBezTo>
                    <a:pt x="32" y="105"/>
                    <a:pt x="27" y="103"/>
                    <a:pt x="23" y="102"/>
                  </a:cubicBezTo>
                  <a:cubicBezTo>
                    <a:pt x="20" y="100"/>
                    <a:pt x="19" y="100"/>
                    <a:pt x="18" y="99"/>
                  </a:cubicBezTo>
                  <a:cubicBezTo>
                    <a:pt x="18" y="99"/>
                    <a:pt x="18" y="99"/>
                    <a:pt x="18" y="99"/>
                  </a:cubicBezTo>
                  <a:cubicBezTo>
                    <a:pt x="18" y="99"/>
                    <a:pt x="18" y="99"/>
                    <a:pt x="18" y="99"/>
                  </a:cubicBezTo>
                  <a:cubicBezTo>
                    <a:pt x="18" y="99"/>
                    <a:pt x="18" y="99"/>
                    <a:pt x="18" y="99"/>
                  </a:cubicBezTo>
                  <a:cubicBezTo>
                    <a:pt x="18" y="99"/>
                    <a:pt x="18" y="99"/>
                    <a:pt x="18" y="99"/>
                  </a:cubicBezTo>
                  <a:cubicBezTo>
                    <a:pt x="18" y="98"/>
                    <a:pt x="20" y="94"/>
                    <a:pt x="22" y="87"/>
                  </a:cubicBezTo>
                  <a:cubicBezTo>
                    <a:pt x="25" y="80"/>
                    <a:pt x="28" y="70"/>
                    <a:pt x="32" y="58"/>
                  </a:cubicBezTo>
                  <a:cubicBezTo>
                    <a:pt x="37" y="47"/>
                    <a:pt x="41" y="37"/>
                    <a:pt x="44" y="30"/>
                  </a:cubicBezTo>
                  <a:cubicBezTo>
                    <a:pt x="47" y="24"/>
                    <a:pt x="49" y="19"/>
                    <a:pt x="49" y="19"/>
                  </a:cubicBezTo>
                  <a:cubicBezTo>
                    <a:pt x="49" y="19"/>
                    <a:pt x="49" y="19"/>
                    <a:pt x="49" y="19"/>
                  </a:cubicBezTo>
                  <a:cubicBezTo>
                    <a:pt x="49" y="19"/>
                    <a:pt x="52" y="20"/>
                    <a:pt x="56" y="21"/>
                  </a:cubicBezTo>
                  <a:cubicBezTo>
                    <a:pt x="59" y="22"/>
                    <a:pt x="64" y="24"/>
                    <a:pt x="71" y="26"/>
                  </a:cubicBezTo>
                  <a:cubicBezTo>
                    <a:pt x="83" y="31"/>
                    <a:pt x="101" y="37"/>
                    <a:pt x="120" y="44"/>
                  </a:cubicBezTo>
                  <a:cubicBezTo>
                    <a:pt x="139" y="51"/>
                    <a:pt x="156" y="58"/>
                    <a:pt x="168" y="63"/>
                  </a:cubicBezTo>
                  <a:cubicBezTo>
                    <a:pt x="175" y="66"/>
                    <a:pt x="179" y="68"/>
                    <a:pt x="183" y="70"/>
                  </a:cubicBezTo>
                  <a:cubicBezTo>
                    <a:pt x="185" y="71"/>
                    <a:pt x="190" y="73"/>
                    <a:pt x="191" y="73"/>
                  </a:cubicBezTo>
                  <a:cubicBezTo>
                    <a:pt x="191" y="73"/>
                    <a:pt x="191" y="73"/>
                    <a:pt x="191" y="73"/>
                  </a:cubicBezTo>
                  <a:cubicBezTo>
                    <a:pt x="191" y="73"/>
                    <a:pt x="191" y="73"/>
                    <a:pt x="191" y="73"/>
                  </a:cubicBezTo>
                  <a:cubicBezTo>
                    <a:pt x="191" y="73"/>
                    <a:pt x="191" y="73"/>
                    <a:pt x="191" y="73"/>
                  </a:cubicBezTo>
                  <a:cubicBezTo>
                    <a:pt x="191" y="74"/>
                    <a:pt x="189" y="78"/>
                    <a:pt x="187" y="85"/>
                  </a:cubicBezTo>
                  <a:cubicBezTo>
                    <a:pt x="184" y="92"/>
                    <a:pt x="180" y="102"/>
                    <a:pt x="176" y="113"/>
                  </a:cubicBezTo>
                  <a:cubicBezTo>
                    <a:pt x="171" y="124"/>
                    <a:pt x="166" y="134"/>
                    <a:pt x="163" y="141"/>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1" name="í$ļïḋé">
              <a:extLst>
                <a:ext uri="{FF2B5EF4-FFF2-40B4-BE49-F238E27FC236}">
                  <a16:creationId xmlns:a16="http://schemas.microsoft.com/office/drawing/2014/main" xmlns="" id="{4FAA46E8-7E7C-4C39-9DFE-4C5C24B604CA}"/>
                </a:ext>
              </a:extLst>
            </p:cNvPr>
            <p:cNvSpPr/>
            <p:nvPr/>
          </p:nvSpPr>
          <p:spPr bwMode="auto">
            <a:xfrm>
              <a:off x="5882459" y="2166463"/>
              <a:ext cx="44716" cy="47453"/>
            </a:xfrm>
            <a:custGeom>
              <a:avLst/>
              <a:gdLst>
                <a:gd name="T0" fmla="*/ 20 w 21"/>
                <a:gd name="T1" fmla="*/ 10 h 22"/>
                <a:gd name="T2" fmla="*/ 18 w 21"/>
                <a:gd name="T3" fmla="*/ 4 h 22"/>
                <a:gd name="T4" fmla="*/ 6 w 21"/>
                <a:gd name="T5" fmla="*/ 2 h 22"/>
                <a:gd name="T6" fmla="*/ 6 w 21"/>
                <a:gd name="T7" fmla="*/ 2 h 22"/>
                <a:gd name="T8" fmla="*/ 6 w 21"/>
                <a:gd name="T9" fmla="*/ 2 h 22"/>
                <a:gd name="T10" fmla="*/ 1 w 21"/>
                <a:gd name="T11" fmla="*/ 9 h 22"/>
                <a:gd name="T12" fmla="*/ 4 w 21"/>
                <a:gd name="T13" fmla="*/ 19 h 22"/>
                <a:gd name="T14" fmla="*/ 15 w 21"/>
                <a:gd name="T15" fmla="*/ 20 h 22"/>
                <a:gd name="T16" fmla="*/ 19 w 21"/>
                <a:gd name="T17" fmla="*/ 15 h 22"/>
                <a:gd name="T18" fmla="*/ 19 w 21"/>
                <a:gd name="T19" fmla="*/ 14 h 22"/>
                <a:gd name="T20" fmla="*/ 20 w 21"/>
                <a:gd name="T21" fmla="*/ 13 h 22"/>
                <a:gd name="T22" fmla="*/ 20 w 21"/>
                <a:gd name="T23" fmla="*/ 1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1" h="22">
                  <a:moveTo>
                    <a:pt x="20" y="10"/>
                  </a:moveTo>
                  <a:cubicBezTo>
                    <a:pt x="20" y="7"/>
                    <a:pt x="19" y="5"/>
                    <a:pt x="18" y="4"/>
                  </a:cubicBezTo>
                  <a:cubicBezTo>
                    <a:pt x="14" y="0"/>
                    <a:pt x="9" y="0"/>
                    <a:pt x="6" y="2"/>
                  </a:cubicBezTo>
                  <a:cubicBezTo>
                    <a:pt x="6" y="2"/>
                    <a:pt x="6" y="2"/>
                    <a:pt x="6" y="2"/>
                  </a:cubicBezTo>
                  <a:cubicBezTo>
                    <a:pt x="6" y="2"/>
                    <a:pt x="6" y="2"/>
                    <a:pt x="6" y="2"/>
                  </a:cubicBezTo>
                  <a:cubicBezTo>
                    <a:pt x="4" y="3"/>
                    <a:pt x="1" y="5"/>
                    <a:pt x="1" y="9"/>
                  </a:cubicBezTo>
                  <a:cubicBezTo>
                    <a:pt x="0" y="12"/>
                    <a:pt x="1" y="16"/>
                    <a:pt x="4" y="19"/>
                  </a:cubicBezTo>
                  <a:cubicBezTo>
                    <a:pt x="7" y="21"/>
                    <a:pt x="12" y="22"/>
                    <a:pt x="15" y="20"/>
                  </a:cubicBezTo>
                  <a:cubicBezTo>
                    <a:pt x="17" y="19"/>
                    <a:pt x="18" y="17"/>
                    <a:pt x="19" y="15"/>
                  </a:cubicBezTo>
                  <a:cubicBezTo>
                    <a:pt x="19" y="15"/>
                    <a:pt x="19" y="14"/>
                    <a:pt x="19" y="14"/>
                  </a:cubicBezTo>
                  <a:cubicBezTo>
                    <a:pt x="20" y="14"/>
                    <a:pt x="20" y="13"/>
                    <a:pt x="20" y="13"/>
                  </a:cubicBezTo>
                  <a:cubicBezTo>
                    <a:pt x="20" y="12"/>
                    <a:pt x="21" y="11"/>
                    <a:pt x="20" y="1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2" name="îṧlïḓe">
              <a:extLst>
                <a:ext uri="{FF2B5EF4-FFF2-40B4-BE49-F238E27FC236}">
                  <a16:creationId xmlns:a16="http://schemas.microsoft.com/office/drawing/2014/main" xmlns="" id="{DB831DA4-5852-40E3-BE1E-18256A66F70F}"/>
                </a:ext>
              </a:extLst>
            </p:cNvPr>
            <p:cNvSpPr/>
            <p:nvPr/>
          </p:nvSpPr>
          <p:spPr bwMode="auto">
            <a:xfrm>
              <a:off x="5876072" y="2043266"/>
              <a:ext cx="371415" cy="140535"/>
            </a:xfrm>
            <a:custGeom>
              <a:avLst/>
              <a:gdLst>
                <a:gd name="T0" fmla="*/ 0 w 172"/>
                <a:gd name="T1" fmla="*/ 1 h 65"/>
                <a:gd name="T2" fmla="*/ 26 w 172"/>
                <a:gd name="T3" fmla="*/ 9 h 65"/>
                <a:gd name="T4" fmla="*/ 87 w 172"/>
                <a:gd name="T5" fmla="*/ 31 h 65"/>
                <a:gd name="T6" fmla="*/ 147 w 172"/>
                <a:gd name="T7" fmla="*/ 53 h 65"/>
                <a:gd name="T8" fmla="*/ 171 w 172"/>
                <a:gd name="T9" fmla="*/ 64 h 65"/>
                <a:gd name="T10" fmla="*/ 164 w 172"/>
                <a:gd name="T11" fmla="*/ 62 h 65"/>
                <a:gd name="T12" fmla="*/ 146 w 172"/>
                <a:gd name="T13" fmla="*/ 56 h 65"/>
                <a:gd name="T14" fmla="*/ 85 w 172"/>
                <a:gd name="T15" fmla="*/ 34 h 65"/>
                <a:gd name="T16" fmla="*/ 25 w 172"/>
                <a:gd name="T17" fmla="*/ 12 h 65"/>
                <a:gd name="T18" fmla="*/ 7 w 172"/>
                <a:gd name="T19" fmla="*/ 4 h 65"/>
                <a:gd name="T20" fmla="*/ 0 w 172"/>
                <a:gd name="T21" fmla="*/ 1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2" h="65">
                  <a:moveTo>
                    <a:pt x="0" y="1"/>
                  </a:moveTo>
                  <a:cubicBezTo>
                    <a:pt x="1" y="0"/>
                    <a:pt x="10" y="4"/>
                    <a:pt x="26" y="9"/>
                  </a:cubicBezTo>
                  <a:cubicBezTo>
                    <a:pt x="41" y="15"/>
                    <a:pt x="63" y="22"/>
                    <a:pt x="87" y="31"/>
                  </a:cubicBezTo>
                  <a:cubicBezTo>
                    <a:pt x="110" y="39"/>
                    <a:pt x="132" y="47"/>
                    <a:pt x="147" y="53"/>
                  </a:cubicBezTo>
                  <a:cubicBezTo>
                    <a:pt x="162" y="59"/>
                    <a:pt x="172" y="64"/>
                    <a:pt x="171" y="64"/>
                  </a:cubicBezTo>
                  <a:cubicBezTo>
                    <a:pt x="171" y="65"/>
                    <a:pt x="169" y="64"/>
                    <a:pt x="164" y="62"/>
                  </a:cubicBezTo>
                  <a:cubicBezTo>
                    <a:pt x="160" y="61"/>
                    <a:pt x="154" y="58"/>
                    <a:pt x="146" y="56"/>
                  </a:cubicBezTo>
                  <a:cubicBezTo>
                    <a:pt x="130" y="50"/>
                    <a:pt x="109" y="43"/>
                    <a:pt x="85" y="34"/>
                  </a:cubicBezTo>
                  <a:cubicBezTo>
                    <a:pt x="62" y="26"/>
                    <a:pt x="40" y="18"/>
                    <a:pt x="25" y="12"/>
                  </a:cubicBezTo>
                  <a:cubicBezTo>
                    <a:pt x="17" y="9"/>
                    <a:pt x="11" y="6"/>
                    <a:pt x="7" y="4"/>
                  </a:cubicBezTo>
                  <a:cubicBezTo>
                    <a:pt x="2" y="2"/>
                    <a:pt x="0" y="1"/>
                    <a:pt x="0"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3" name="iṣlîḋe">
              <a:extLst>
                <a:ext uri="{FF2B5EF4-FFF2-40B4-BE49-F238E27FC236}">
                  <a16:creationId xmlns:a16="http://schemas.microsoft.com/office/drawing/2014/main" xmlns="" id="{754D8C4E-F638-48DF-8F36-AA18FC5D741B}"/>
                </a:ext>
              </a:extLst>
            </p:cNvPr>
            <p:cNvSpPr/>
            <p:nvPr/>
          </p:nvSpPr>
          <p:spPr bwMode="auto">
            <a:xfrm>
              <a:off x="5795765" y="2281446"/>
              <a:ext cx="365027" cy="135973"/>
            </a:xfrm>
            <a:custGeom>
              <a:avLst/>
              <a:gdLst>
                <a:gd name="T0" fmla="*/ 0 w 169"/>
                <a:gd name="T1" fmla="*/ 1 h 63"/>
                <a:gd name="T2" fmla="*/ 25 w 169"/>
                <a:gd name="T3" fmla="*/ 9 h 63"/>
                <a:gd name="T4" fmla="*/ 85 w 169"/>
                <a:gd name="T5" fmla="*/ 30 h 63"/>
                <a:gd name="T6" fmla="*/ 144 w 169"/>
                <a:gd name="T7" fmla="*/ 52 h 63"/>
                <a:gd name="T8" fmla="*/ 169 w 169"/>
                <a:gd name="T9" fmla="*/ 62 h 63"/>
                <a:gd name="T10" fmla="*/ 162 w 169"/>
                <a:gd name="T11" fmla="*/ 61 h 63"/>
                <a:gd name="T12" fmla="*/ 144 w 169"/>
                <a:gd name="T13" fmla="*/ 55 h 63"/>
                <a:gd name="T14" fmla="*/ 84 w 169"/>
                <a:gd name="T15" fmla="*/ 34 h 63"/>
                <a:gd name="T16" fmla="*/ 24 w 169"/>
                <a:gd name="T17" fmla="*/ 12 h 63"/>
                <a:gd name="T18" fmla="*/ 6 w 169"/>
                <a:gd name="T19" fmla="*/ 4 h 63"/>
                <a:gd name="T20" fmla="*/ 0 w 169"/>
                <a:gd name="T21" fmla="*/ 1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69" h="63">
                  <a:moveTo>
                    <a:pt x="0" y="1"/>
                  </a:moveTo>
                  <a:cubicBezTo>
                    <a:pt x="0" y="0"/>
                    <a:pt x="10" y="4"/>
                    <a:pt x="25" y="9"/>
                  </a:cubicBezTo>
                  <a:cubicBezTo>
                    <a:pt x="40" y="15"/>
                    <a:pt x="61" y="22"/>
                    <a:pt x="85" y="30"/>
                  </a:cubicBezTo>
                  <a:cubicBezTo>
                    <a:pt x="108" y="39"/>
                    <a:pt x="129" y="46"/>
                    <a:pt x="144" y="52"/>
                  </a:cubicBezTo>
                  <a:cubicBezTo>
                    <a:pt x="160" y="58"/>
                    <a:pt x="169" y="62"/>
                    <a:pt x="169" y="62"/>
                  </a:cubicBezTo>
                  <a:cubicBezTo>
                    <a:pt x="169" y="63"/>
                    <a:pt x="166" y="62"/>
                    <a:pt x="162" y="61"/>
                  </a:cubicBezTo>
                  <a:cubicBezTo>
                    <a:pt x="157" y="59"/>
                    <a:pt x="151" y="57"/>
                    <a:pt x="144" y="55"/>
                  </a:cubicBezTo>
                  <a:cubicBezTo>
                    <a:pt x="128" y="49"/>
                    <a:pt x="107" y="42"/>
                    <a:pt x="84" y="34"/>
                  </a:cubicBezTo>
                  <a:cubicBezTo>
                    <a:pt x="60" y="26"/>
                    <a:pt x="39" y="18"/>
                    <a:pt x="24" y="12"/>
                  </a:cubicBezTo>
                  <a:cubicBezTo>
                    <a:pt x="16" y="9"/>
                    <a:pt x="10" y="6"/>
                    <a:pt x="6" y="4"/>
                  </a:cubicBezTo>
                  <a:cubicBezTo>
                    <a:pt x="2" y="2"/>
                    <a:pt x="0" y="1"/>
                    <a:pt x="0"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4" name="ïṩḻîḋé">
              <a:extLst>
                <a:ext uri="{FF2B5EF4-FFF2-40B4-BE49-F238E27FC236}">
                  <a16:creationId xmlns:a16="http://schemas.microsoft.com/office/drawing/2014/main" xmlns="" id="{B5831753-4058-40EB-BB55-DA9C1F31BB68}"/>
                </a:ext>
              </a:extLst>
            </p:cNvPr>
            <p:cNvSpPr/>
            <p:nvPr/>
          </p:nvSpPr>
          <p:spPr bwMode="auto">
            <a:xfrm>
              <a:off x="6158967" y="2181977"/>
              <a:ext cx="88519" cy="235442"/>
            </a:xfrm>
            <a:custGeom>
              <a:avLst/>
              <a:gdLst>
                <a:gd name="T0" fmla="*/ 40 w 41"/>
                <a:gd name="T1" fmla="*/ 0 h 109"/>
                <a:gd name="T2" fmla="*/ 36 w 41"/>
                <a:gd name="T3" fmla="*/ 17 h 109"/>
                <a:gd name="T4" fmla="*/ 23 w 41"/>
                <a:gd name="T5" fmla="*/ 56 h 109"/>
                <a:gd name="T6" fmla="*/ 9 w 41"/>
                <a:gd name="T7" fmla="*/ 94 h 109"/>
                <a:gd name="T8" fmla="*/ 1 w 41"/>
                <a:gd name="T9" fmla="*/ 109 h 109"/>
                <a:gd name="T10" fmla="*/ 6 w 41"/>
                <a:gd name="T11" fmla="*/ 93 h 109"/>
                <a:gd name="T12" fmla="*/ 20 w 41"/>
                <a:gd name="T13" fmla="*/ 54 h 109"/>
                <a:gd name="T14" fmla="*/ 40 w 41"/>
                <a:gd name="T15" fmla="*/ 0 h 10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1" h="109">
                  <a:moveTo>
                    <a:pt x="40" y="0"/>
                  </a:moveTo>
                  <a:cubicBezTo>
                    <a:pt x="41" y="1"/>
                    <a:pt x="39" y="7"/>
                    <a:pt x="36" y="17"/>
                  </a:cubicBezTo>
                  <a:cubicBezTo>
                    <a:pt x="33" y="27"/>
                    <a:pt x="29" y="41"/>
                    <a:pt x="23" y="56"/>
                  </a:cubicBezTo>
                  <a:cubicBezTo>
                    <a:pt x="18" y="71"/>
                    <a:pt x="13" y="84"/>
                    <a:pt x="9" y="94"/>
                  </a:cubicBezTo>
                  <a:cubicBezTo>
                    <a:pt x="5" y="104"/>
                    <a:pt x="1" y="109"/>
                    <a:pt x="1" y="109"/>
                  </a:cubicBezTo>
                  <a:cubicBezTo>
                    <a:pt x="0" y="109"/>
                    <a:pt x="3" y="103"/>
                    <a:pt x="6" y="93"/>
                  </a:cubicBezTo>
                  <a:cubicBezTo>
                    <a:pt x="10" y="83"/>
                    <a:pt x="14" y="69"/>
                    <a:pt x="20" y="54"/>
                  </a:cubicBezTo>
                  <a:cubicBezTo>
                    <a:pt x="30" y="24"/>
                    <a:pt x="39" y="0"/>
                    <a:pt x="4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5" name="iṡ1ïḋé">
              <a:extLst>
                <a:ext uri="{FF2B5EF4-FFF2-40B4-BE49-F238E27FC236}">
                  <a16:creationId xmlns:a16="http://schemas.microsoft.com/office/drawing/2014/main" xmlns="" id="{D02BA205-5D4E-47E7-B73E-DDAD10BAA7AA}"/>
                </a:ext>
              </a:extLst>
            </p:cNvPr>
            <p:cNvSpPr/>
            <p:nvPr/>
          </p:nvSpPr>
          <p:spPr bwMode="auto">
            <a:xfrm>
              <a:off x="5793940" y="2046004"/>
              <a:ext cx="83956" cy="237268"/>
            </a:xfrm>
            <a:custGeom>
              <a:avLst/>
              <a:gdLst>
                <a:gd name="T0" fmla="*/ 39 w 39"/>
                <a:gd name="T1" fmla="*/ 1 h 110"/>
                <a:gd name="T2" fmla="*/ 34 w 39"/>
                <a:gd name="T3" fmla="*/ 17 h 110"/>
                <a:gd name="T4" fmla="*/ 20 w 39"/>
                <a:gd name="T5" fmla="*/ 55 h 110"/>
                <a:gd name="T6" fmla="*/ 7 w 39"/>
                <a:gd name="T7" fmla="*/ 94 h 110"/>
                <a:gd name="T8" fmla="*/ 0 w 39"/>
                <a:gd name="T9" fmla="*/ 110 h 110"/>
                <a:gd name="T10" fmla="*/ 4 w 39"/>
                <a:gd name="T11" fmla="*/ 93 h 110"/>
                <a:gd name="T12" fmla="*/ 17 w 39"/>
                <a:gd name="T13" fmla="*/ 54 h 110"/>
                <a:gd name="T14" fmla="*/ 39 w 39"/>
                <a:gd name="T15" fmla="*/ 1 h 1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9" h="110">
                  <a:moveTo>
                    <a:pt x="39" y="1"/>
                  </a:moveTo>
                  <a:cubicBezTo>
                    <a:pt x="39" y="1"/>
                    <a:pt x="37" y="7"/>
                    <a:pt x="34" y="17"/>
                  </a:cubicBezTo>
                  <a:cubicBezTo>
                    <a:pt x="30" y="27"/>
                    <a:pt x="25" y="40"/>
                    <a:pt x="20" y="55"/>
                  </a:cubicBezTo>
                  <a:cubicBezTo>
                    <a:pt x="15" y="70"/>
                    <a:pt x="10" y="84"/>
                    <a:pt x="7" y="94"/>
                  </a:cubicBezTo>
                  <a:cubicBezTo>
                    <a:pt x="3" y="104"/>
                    <a:pt x="1" y="110"/>
                    <a:pt x="0" y="110"/>
                  </a:cubicBezTo>
                  <a:cubicBezTo>
                    <a:pt x="0" y="110"/>
                    <a:pt x="1" y="103"/>
                    <a:pt x="4" y="93"/>
                  </a:cubicBezTo>
                  <a:cubicBezTo>
                    <a:pt x="8" y="83"/>
                    <a:pt x="12" y="69"/>
                    <a:pt x="17" y="54"/>
                  </a:cubicBezTo>
                  <a:cubicBezTo>
                    <a:pt x="28" y="24"/>
                    <a:pt x="38" y="0"/>
                    <a:pt x="39"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6" name="íśļïďè">
              <a:extLst>
                <a:ext uri="{FF2B5EF4-FFF2-40B4-BE49-F238E27FC236}">
                  <a16:creationId xmlns:a16="http://schemas.microsoft.com/office/drawing/2014/main" xmlns="" id="{EEFEADC6-F653-4BD3-B168-EAE757F84AE4}"/>
                </a:ext>
              </a:extLst>
            </p:cNvPr>
            <p:cNvSpPr/>
            <p:nvPr/>
          </p:nvSpPr>
          <p:spPr bwMode="auto">
            <a:xfrm>
              <a:off x="5901623" y="2087070"/>
              <a:ext cx="298410" cy="115897"/>
            </a:xfrm>
            <a:custGeom>
              <a:avLst/>
              <a:gdLst>
                <a:gd name="T0" fmla="*/ 0 w 138"/>
                <a:gd name="T1" fmla="*/ 0 h 54"/>
                <a:gd name="T2" fmla="*/ 6 w 138"/>
                <a:gd name="T3" fmla="*/ 2 h 54"/>
                <a:gd name="T4" fmla="*/ 21 w 138"/>
                <a:gd name="T5" fmla="*/ 7 h 54"/>
                <a:gd name="T6" fmla="*/ 70 w 138"/>
                <a:gd name="T7" fmla="*/ 25 h 54"/>
                <a:gd name="T8" fmla="*/ 118 w 138"/>
                <a:gd name="T9" fmla="*/ 44 h 54"/>
                <a:gd name="T10" fmla="*/ 138 w 138"/>
                <a:gd name="T11" fmla="*/ 53 h 54"/>
                <a:gd name="T12" fmla="*/ 132 w 138"/>
                <a:gd name="T13" fmla="*/ 52 h 54"/>
                <a:gd name="T14" fmla="*/ 118 w 138"/>
                <a:gd name="T15" fmla="*/ 46 h 54"/>
                <a:gd name="T16" fmla="*/ 69 w 138"/>
                <a:gd name="T17" fmla="*/ 28 h 54"/>
                <a:gd name="T18" fmla="*/ 20 w 138"/>
                <a:gd name="T19" fmla="*/ 9 h 54"/>
                <a:gd name="T20" fmla="*/ 5 w 138"/>
                <a:gd name="T21" fmla="*/ 3 h 54"/>
                <a:gd name="T22" fmla="*/ 0 w 138"/>
                <a:gd name="T23" fmla="*/ 0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38" h="54">
                  <a:moveTo>
                    <a:pt x="0" y="0"/>
                  </a:moveTo>
                  <a:cubicBezTo>
                    <a:pt x="0" y="0"/>
                    <a:pt x="2" y="1"/>
                    <a:pt x="6" y="2"/>
                  </a:cubicBezTo>
                  <a:cubicBezTo>
                    <a:pt x="9" y="3"/>
                    <a:pt x="14" y="5"/>
                    <a:pt x="21" y="7"/>
                  </a:cubicBezTo>
                  <a:cubicBezTo>
                    <a:pt x="33" y="12"/>
                    <a:pt x="51" y="18"/>
                    <a:pt x="70" y="25"/>
                  </a:cubicBezTo>
                  <a:cubicBezTo>
                    <a:pt x="89" y="32"/>
                    <a:pt x="106" y="39"/>
                    <a:pt x="118" y="44"/>
                  </a:cubicBezTo>
                  <a:cubicBezTo>
                    <a:pt x="131" y="49"/>
                    <a:pt x="138" y="53"/>
                    <a:pt x="138" y="53"/>
                  </a:cubicBezTo>
                  <a:cubicBezTo>
                    <a:pt x="138" y="54"/>
                    <a:pt x="136" y="53"/>
                    <a:pt x="132" y="52"/>
                  </a:cubicBezTo>
                  <a:cubicBezTo>
                    <a:pt x="129" y="50"/>
                    <a:pt x="124" y="48"/>
                    <a:pt x="118" y="46"/>
                  </a:cubicBezTo>
                  <a:cubicBezTo>
                    <a:pt x="105" y="41"/>
                    <a:pt x="88" y="35"/>
                    <a:pt x="69" y="28"/>
                  </a:cubicBezTo>
                  <a:cubicBezTo>
                    <a:pt x="50" y="21"/>
                    <a:pt x="32" y="14"/>
                    <a:pt x="20" y="9"/>
                  </a:cubicBezTo>
                  <a:cubicBezTo>
                    <a:pt x="14" y="7"/>
                    <a:pt x="9" y="5"/>
                    <a:pt x="5" y="3"/>
                  </a:cubicBezTo>
                  <a:cubicBezTo>
                    <a:pt x="2" y="1"/>
                    <a:pt x="0" y="0"/>
                    <a:pt x="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7" name="íŝlîdé">
              <a:extLst>
                <a:ext uri="{FF2B5EF4-FFF2-40B4-BE49-F238E27FC236}">
                  <a16:creationId xmlns:a16="http://schemas.microsoft.com/office/drawing/2014/main" xmlns="" id="{65CD471C-097B-494A-A581-8E446CF67FAF}"/>
                </a:ext>
              </a:extLst>
            </p:cNvPr>
            <p:cNvSpPr/>
            <p:nvPr/>
          </p:nvSpPr>
          <p:spPr bwMode="auto">
            <a:xfrm>
              <a:off x="5832268" y="2259544"/>
              <a:ext cx="300235" cy="114071"/>
            </a:xfrm>
            <a:custGeom>
              <a:avLst/>
              <a:gdLst>
                <a:gd name="T0" fmla="*/ 0 w 139"/>
                <a:gd name="T1" fmla="*/ 0 h 53"/>
                <a:gd name="T2" fmla="*/ 6 w 139"/>
                <a:gd name="T3" fmla="*/ 2 h 53"/>
                <a:gd name="T4" fmla="*/ 21 w 139"/>
                <a:gd name="T5" fmla="*/ 7 h 53"/>
                <a:gd name="T6" fmla="*/ 70 w 139"/>
                <a:gd name="T7" fmla="*/ 25 h 53"/>
                <a:gd name="T8" fmla="*/ 119 w 139"/>
                <a:gd name="T9" fmla="*/ 44 h 53"/>
                <a:gd name="T10" fmla="*/ 134 w 139"/>
                <a:gd name="T11" fmla="*/ 50 h 53"/>
                <a:gd name="T12" fmla="*/ 139 w 139"/>
                <a:gd name="T13" fmla="*/ 53 h 53"/>
                <a:gd name="T14" fmla="*/ 134 w 139"/>
                <a:gd name="T15" fmla="*/ 51 h 53"/>
                <a:gd name="T16" fmla="*/ 118 w 139"/>
                <a:gd name="T17" fmla="*/ 46 h 53"/>
                <a:gd name="T18" fmla="*/ 69 w 139"/>
                <a:gd name="T19" fmla="*/ 28 h 53"/>
                <a:gd name="T20" fmla="*/ 20 w 139"/>
                <a:gd name="T21" fmla="*/ 9 h 53"/>
                <a:gd name="T22" fmla="*/ 5 w 139"/>
                <a:gd name="T23" fmla="*/ 3 h 53"/>
                <a:gd name="T24" fmla="*/ 0 w 139"/>
                <a:gd name="T25"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9" h="53">
                  <a:moveTo>
                    <a:pt x="0" y="0"/>
                  </a:moveTo>
                  <a:cubicBezTo>
                    <a:pt x="0" y="0"/>
                    <a:pt x="2" y="0"/>
                    <a:pt x="6" y="2"/>
                  </a:cubicBezTo>
                  <a:cubicBezTo>
                    <a:pt x="9" y="3"/>
                    <a:pt x="14" y="5"/>
                    <a:pt x="21" y="7"/>
                  </a:cubicBezTo>
                  <a:cubicBezTo>
                    <a:pt x="33" y="12"/>
                    <a:pt x="51" y="18"/>
                    <a:pt x="70" y="25"/>
                  </a:cubicBezTo>
                  <a:cubicBezTo>
                    <a:pt x="89" y="32"/>
                    <a:pt x="107" y="39"/>
                    <a:pt x="119" y="44"/>
                  </a:cubicBezTo>
                  <a:cubicBezTo>
                    <a:pt x="125" y="46"/>
                    <a:pt x="131" y="48"/>
                    <a:pt x="134" y="50"/>
                  </a:cubicBezTo>
                  <a:cubicBezTo>
                    <a:pt x="137" y="51"/>
                    <a:pt x="139" y="52"/>
                    <a:pt x="139" y="53"/>
                  </a:cubicBezTo>
                  <a:cubicBezTo>
                    <a:pt x="139" y="53"/>
                    <a:pt x="137" y="52"/>
                    <a:pt x="134" y="51"/>
                  </a:cubicBezTo>
                  <a:cubicBezTo>
                    <a:pt x="130" y="50"/>
                    <a:pt x="125" y="48"/>
                    <a:pt x="118" y="46"/>
                  </a:cubicBezTo>
                  <a:cubicBezTo>
                    <a:pt x="106" y="41"/>
                    <a:pt x="88" y="35"/>
                    <a:pt x="69" y="28"/>
                  </a:cubicBezTo>
                  <a:cubicBezTo>
                    <a:pt x="50" y="21"/>
                    <a:pt x="32" y="14"/>
                    <a:pt x="20" y="9"/>
                  </a:cubicBezTo>
                  <a:cubicBezTo>
                    <a:pt x="14" y="7"/>
                    <a:pt x="9" y="4"/>
                    <a:pt x="5" y="3"/>
                  </a:cubicBezTo>
                  <a:cubicBezTo>
                    <a:pt x="2" y="1"/>
                    <a:pt x="0" y="0"/>
                    <a:pt x="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8" name="íṧļïḑé">
              <a:extLst>
                <a:ext uri="{FF2B5EF4-FFF2-40B4-BE49-F238E27FC236}">
                  <a16:creationId xmlns:a16="http://schemas.microsoft.com/office/drawing/2014/main" xmlns="" id="{FA3F66E0-6022-4056-A80B-51C3525E826B}"/>
                </a:ext>
              </a:extLst>
            </p:cNvPr>
            <p:cNvSpPr/>
            <p:nvPr/>
          </p:nvSpPr>
          <p:spPr bwMode="auto">
            <a:xfrm>
              <a:off x="6132502" y="2202965"/>
              <a:ext cx="73918" cy="170650"/>
            </a:xfrm>
            <a:custGeom>
              <a:avLst/>
              <a:gdLst>
                <a:gd name="T0" fmla="*/ 34 w 34"/>
                <a:gd name="T1" fmla="*/ 0 h 79"/>
                <a:gd name="T2" fmla="*/ 30 w 34"/>
                <a:gd name="T3" fmla="*/ 12 h 79"/>
                <a:gd name="T4" fmla="*/ 19 w 34"/>
                <a:gd name="T5" fmla="*/ 40 h 79"/>
                <a:gd name="T6" fmla="*/ 0 w 34"/>
                <a:gd name="T7" fmla="*/ 79 h 79"/>
                <a:gd name="T8" fmla="*/ 4 w 34"/>
                <a:gd name="T9" fmla="*/ 67 h 79"/>
                <a:gd name="T10" fmla="*/ 16 w 34"/>
                <a:gd name="T11" fmla="*/ 39 h 79"/>
                <a:gd name="T12" fmla="*/ 34 w 34"/>
                <a:gd name="T13" fmla="*/ 0 h 79"/>
              </a:gdLst>
              <a:ahLst/>
              <a:cxnLst>
                <a:cxn ang="0">
                  <a:pos x="T0" y="T1"/>
                </a:cxn>
                <a:cxn ang="0">
                  <a:pos x="T2" y="T3"/>
                </a:cxn>
                <a:cxn ang="0">
                  <a:pos x="T4" y="T5"/>
                </a:cxn>
                <a:cxn ang="0">
                  <a:pos x="T6" y="T7"/>
                </a:cxn>
                <a:cxn ang="0">
                  <a:pos x="T8" y="T9"/>
                </a:cxn>
                <a:cxn ang="0">
                  <a:pos x="T10" y="T11"/>
                </a:cxn>
                <a:cxn ang="0">
                  <a:pos x="T12" y="T13"/>
                </a:cxn>
              </a:cxnLst>
              <a:rect l="0" t="0" r="r" b="b"/>
              <a:pathLst>
                <a:path w="34" h="79">
                  <a:moveTo>
                    <a:pt x="34" y="0"/>
                  </a:moveTo>
                  <a:cubicBezTo>
                    <a:pt x="34" y="0"/>
                    <a:pt x="32" y="5"/>
                    <a:pt x="30" y="12"/>
                  </a:cubicBezTo>
                  <a:cubicBezTo>
                    <a:pt x="27" y="19"/>
                    <a:pt x="23" y="29"/>
                    <a:pt x="19" y="40"/>
                  </a:cubicBezTo>
                  <a:cubicBezTo>
                    <a:pt x="10" y="62"/>
                    <a:pt x="1" y="79"/>
                    <a:pt x="0" y="79"/>
                  </a:cubicBezTo>
                  <a:cubicBezTo>
                    <a:pt x="0" y="78"/>
                    <a:pt x="2" y="74"/>
                    <a:pt x="4" y="67"/>
                  </a:cubicBezTo>
                  <a:cubicBezTo>
                    <a:pt x="7" y="60"/>
                    <a:pt x="11" y="50"/>
                    <a:pt x="16" y="39"/>
                  </a:cubicBezTo>
                  <a:cubicBezTo>
                    <a:pt x="25" y="17"/>
                    <a:pt x="33" y="0"/>
                    <a:pt x="34"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29" name="íṡḷïḓè">
              <a:extLst>
                <a:ext uri="{FF2B5EF4-FFF2-40B4-BE49-F238E27FC236}">
                  <a16:creationId xmlns:a16="http://schemas.microsoft.com/office/drawing/2014/main" xmlns="" id="{F287D93D-5CE6-43CB-8635-FAE791E24D87}"/>
                </a:ext>
              </a:extLst>
            </p:cNvPr>
            <p:cNvSpPr/>
            <p:nvPr/>
          </p:nvSpPr>
          <p:spPr bwMode="auto">
            <a:xfrm>
              <a:off x="5832268" y="2087070"/>
              <a:ext cx="69355" cy="172476"/>
            </a:xfrm>
            <a:custGeom>
              <a:avLst/>
              <a:gdLst>
                <a:gd name="T0" fmla="*/ 32 w 32"/>
                <a:gd name="T1" fmla="*/ 0 h 80"/>
                <a:gd name="T2" fmla="*/ 27 w 32"/>
                <a:gd name="T3" fmla="*/ 12 h 80"/>
                <a:gd name="T4" fmla="*/ 17 w 32"/>
                <a:gd name="T5" fmla="*/ 40 h 80"/>
                <a:gd name="T6" fmla="*/ 6 w 32"/>
                <a:gd name="T7" fmla="*/ 69 h 80"/>
                <a:gd name="T8" fmla="*/ 1 w 32"/>
                <a:gd name="T9" fmla="*/ 80 h 80"/>
                <a:gd name="T10" fmla="*/ 4 w 32"/>
                <a:gd name="T11" fmla="*/ 68 h 80"/>
                <a:gd name="T12" fmla="*/ 14 w 32"/>
                <a:gd name="T13" fmla="*/ 39 h 80"/>
                <a:gd name="T14" fmla="*/ 26 w 32"/>
                <a:gd name="T15" fmla="*/ 11 h 80"/>
                <a:gd name="T16" fmla="*/ 32 w 32"/>
                <a:gd name="T17" fmla="*/ 0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2" h="80">
                  <a:moveTo>
                    <a:pt x="32" y="0"/>
                  </a:moveTo>
                  <a:cubicBezTo>
                    <a:pt x="32" y="0"/>
                    <a:pt x="30" y="5"/>
                    <a:pt x="27" y="12"/>
                  </a:cubicBezTo>
                  <a:cubicBezTo>
                    <a:pt x="25" y="19"/>
                    <a:pt x="21" y="29"/>
                    <a:pt x="17" y="40"/>
                  </a:cubicBezTo>
                  <a:cubicBezTo>
                    <a:pt x="12" y="51"/>
                    <a:pt x="9" y="61"/>
                    <a:pt x="6" y="69"/>
                  </a:cubicBezTo>
                  <a:cubicBezTo>
                    <a:pt x="3" y="76"/>
                    <a:pt x="1" y="80"/>
                    <a:pt x="1" y="80"/>
                  </a:cubicBezTo>
                  <a:cubicBezTo>
                    <a:pt x="0" y="80"/>
                    <a:pt x="2" y="75"/>
                    <a:pt x="4" y="68"/>
                  </a:cubicBezTo>
                  <a:cubicBezTo>
                    <a:pt x="7" y="61"/>
                    <a:pt x="10" y="51"/>
                    <a:pt x="14" y="39"/>
                  </a:cubicBezTo>
                  <a:cubicBezTo>
                    <a:pt x="19" y="28"/>
                    <a:pt x="23" y="18"/>
                    <a:pt x="26" y="11"/>
                  </a:cubicBezTo>
                  <a:cubicBezTo>
                    <a:pt x="29" y="4"/>
                    <a:pt x="31" y="0"/>
                    <a:pt x="32"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0" name="ïṣḻïḓê">
              <a:extLst>
                <a:ext uri="{FF2B5EF4-FFF2-40B4-BE49-F238E27FC236}">
                  <a16:creationId xmlns:a16="http://schemas.microsoft.com/office/drawing/2014/main" xmlns="" id="{6A025E83-5B5D-4541-B5B7-EA4EC3EC0600}"/>
                </a:ext>
              </a:extLst>
            </p:cNvPr>
            <p:cNvSpPr/>
            <p:nvPr/>
          </p:nvSpPr>
          <p:spPr bwMode="auto">
            <a:xfrm>
              <a:off x="6096000" y="2240381"/>
              <a:ext cx="45629" cy="47453"/>
            </a:xfrm>
            <a:custGeom>
              <a:avLst/>
              <a:gdLst>
                <a:gd name="T0" fmla="*/ 20 w 21"/>
                <a:gd name="T1" fmla="*/ 10 h 22"/>
                <a:gd name="T2" fmla="*/ 17 w 21"/>
                <a:gd name="T3" fmla="*/ 4 h 22"/>
                <a:gd name="T4" fmla="*/ 6 w 21"/>
                <a:gd name="T5" fmla="*/ 2 h 22"/>
                <a:gd name="T6" fmla="*/ 6 w 21"/>
                <a:gd name="T7" fmla="*/ 2 h 22"/>
                <a:gd name="T8" fmla="*/ 5 w 21"/>
                <a:gd name="T9" fmla="*/ 3 h 22"/>
                <a:gd name="T10" fmla="*/ 0 w 21"/>
                <a:gd name="T11" fmla="*/ 9 h 22"/>
                <a:gd name="T12" fmla="*/ 4 w 21"/>
                <a:gd name="T13" fmla="*/ 19 h 22"/>
                <a:gd name="T14" fmla="*/ 15 w 21"/>
                <a:gd name="T15" fmla="*/ 20 h 22"/>
                <a:gd name="T16" fmla="*/ 19 w 21"/>
                <a:gd name="T17" fmla="*/ 15 h 22"/>
                <a:gd name="T18" fmla="*/ 19 w 21"/>
                <a:gd name="T19" fmla="*/ 15 h 22"/>
                <a:gd name="T20" fmla="*/ 20 w 21"/>
                <a:gd name="T21" fmla="*/ 13 h 22"/>
                <a:gd name="T22" fmla="*/ 20 w 21"/>
                <a:gd name="T23" fmla="*/ 1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1" h="22">
                  <a:moveTo>
                    <a:pt x="20" y="10"/>
                  </a:moveTo>
                  <a:cubicBezTo>
                    <a:pt x="20" y="8"/>
                    <a:pt x="19" y="6"/>
                    <a:pt x="17" y="4"/>
                  </a:cubicBezTo>
                  <a:cubicBezTo>
                    <a:pt x="14" y="0"/>
                    <a:pt x="9" y="1"/>
                    <a:pt x="6" y="2"/>
                  </a:cubicBezTo>
                  <a:cubicBezTo>
                    <a:pt x="6" y="2"/>
                    <a:pt x="6" y="2"/>
                    <a:pt x="6" y="2"/>
                  </a:cubicBezTo>
                  <a:cubicBezTo>
                    <a:pt x="6" y="2"/>
                    <a:pt x="6" y="3"/>
                    <a:pt x="5" y="3"/>
                  </a:cubicBezTo>
                  <a:cubicBezTo>
                    <a:pt x="3" y="4"/>
                    <a:pt x="1" y="6"/>
                    <a:pt x="0" y="9"/>
                  </a:cubicBezTo>
                  <a:cubicBezTo>
                    <a:pt x="0" y="12"/>
                    <a:pt x="1" y="16"/>
                    <a:pt x="4" y="19"/>
                  </a:cubicBezTo>
                  <a:cubicBezTo>
                    <a:pt x="7" y="21"/>
                    <a:pt x="12" y="22"/>
                    <a:pt x="15" y="20"/>
                  </a:cubicBezTo>
                  <a:cubicBezTo>
                    <a:pt x="17" y="19"/>
                    <a:pt x="18" y="17"/>
                    <a:pt x="19" y="15"/>
                  </a:cubicBezTo>
                  <a:cubicBezTo>
                    <a:pt x="19" y="15"/>
                    <a:pt x="19" y="15"/>
                    <a:pt x="19" y="15"/>
                  </a:cubicBezTo>
                  <a:cubicBezTo>
                    <a:pt x="20" y="14"/>
                    <a:pt x="20" y="13"/>
                    <a:pt x="20" y="13"/>
                  </a:cubicBezTo>
                  <a:cubicBezTo>
                    <a:pt x="20" y="12"/>
                    <a:pt x="21" y="11"/>
                    <a:pt x="20" y="1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1" name="îŝļîḑè">
              <a:extLst>
                <a:ext uri="{FF2B5EF4-FFF2-40B4-BE49-F238E27FC236}">
                  <a16:creationId xmlns:a16="http://schemas.microsoft.com/office/drawing/2014/main" xmlns="" id="{1F4921FC-D447-4453-9AFC-E9B2A7C4B12F}"/>
                </a:ext>
              </a:extLst>
            </p:cNvPr>
            <p:cNvSpPr/>
            <p:nvPr/>
          </p:nvSpPr>
          <p:spPr bwMode="auto">
            <a:xfrm>
              <a:off x="5925350" y="2060605"/>
              <a:ext cx="374153" cy="287459"/>
            </a:xfrm>
            <a:custGeom>
              <a:avLst/>
              <a:gdLst>
                <a:gd name="T0" fmla="*/ 173 w 173"/>
                <a:gd name="T1" fmla="*/ 54 h 133"/>
                <a:gd name="T2" fmla="*/ 169 w 173"/>
                <a:gd name="T3" fmla="*/ 66 h 133"/>
                <a:gd name="T4" fmla="*/ 158 w 173"/>
                <a:gd name="T5" fmla="*/ 94 h 133"/>
                <a:gd name="T6" fmla="*/ 145 w 173"/>
                <a:gd name="T7" fmla="*/ 122 h 133"/>
                <a:gd name="T8" fmla="*/ 139 w 173"/>
                <a:gd name="T9" fmla="*/ 133 h 133"/>
                <a:gd name="T10" fmla="*/ 134 w 173"/>
                <a:gd name="T11" fmla="*/ 131 h 133"/>
                <a:gd name="T12" fmla="*/ 118 w 173"/>
                <a:gd name="T13" fmla="*/ 126 h 133"/>
                <a:gd name="T14" fmla="*/ 69 w 173"/>
                <a:gd name="T15" fmla="*/ 108 h 133"/>
                <a:gd name="T16" fmla="*/ 20 w 173"/>
                <a:gd name="T17" fmla="*/ 89 h 133"/>
                <a:gd name="T18" fmla="*/ 5 w 173"/>
                <a:gd name="T19" fmla="*/ 83 h 133"/>
                <a:gd name="T20" fmla="*/ 0 w 173"/>
                <a:gd name="T21" fmla="*/ 80 h 133"/>
                <a:gd name="T22" fmla="*/ 0 w 173"/>
                <a:gd name="T23" fmla="*/ 80 h 133"/>
                <a:gd name="T24" fmla="*/ 0 w 173"/>
                <a:gd name="T25" fmla="*/ 80 h 133"/>
                <a:gd name="T26" fmla="*/ 0 w 173"/>
                <a:gd name="T27" fmla="*/ 80 h 133"/>
                <a:gd name="T28" fmla="*/ 0 w 173"/>
                <a:gd name="T29" fmla="*/ 80 h 133"/>
                <a:gd name="T30" fmla="*/ 4 w 173"/>
                <a:gd name="T31" fmla="*/ 68 h 133"/>
                <a:gd name="T32" fmla="*/ 14 w 173"/>
                <a:gd name="T33" fmla="*/ 39 h 133"/>
                <a:gd name="T34" fmla="*/ 26 w 173"/>
                <a:gd name="T35" fmla="*/ 11 h 133"/>
                <a:gd name="T36" fmla="*/ 31 w 173"/>
                <a:gd name="T37" fmla="*/ 0 h 133"/>
                <a:gd name="T38" fmla="*/ 31 w 173"/>
                <a:gd name="T39" fmla="*/ 0 h 133"/>
                <a:gd name="T40" fmla="*/ 38 w 173"/>
                <a:gd name="T41" fmla="*/ 2 h 133"/>
                <a:gd name="T42" fmla="*/ 53 w 173"/>
                <a:gd name="T43" fmla="*/ 7 h 133"/>
                <a:gd name="T44" fmla="*/ 102 w 173"/>
                <a:gd name="T45" fmla="*/ 25 h 133"/>
                <a:gd name="T46" fmla="*/ 150 w 173"/>
                <a:gd name="T47" fmla="*/ 44 h 133"/>
                <a:gd name="T48" fmla="*/ 165 w 173"/>
                <a:gd name="T49" fmla="*/ 51 h 133"/>
                <a:gd name="T50" fmla="*/ 173 w 173"/>
                <a:gd name="T51" fmla="*/ 54 h 133"/>
                <a:gd name="T52" fmla="*/ 173 w 173"/>
                <a:gd name="T53" fmla="*/ 54 h 133"/>
                <a:gd name="T54" fmla="*/ 173 w 173"/>
                <a:gd name="T55" fmla="*/ 54 h 133"/>
                <a:gd name="T56" fmla="*/ 173 w 173"/>
                <a:gd name="T57" fmla="*/ 54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73" h="133">
                  <a:moveTo>
                    <a:pt x="173" y="54"/>
                  </a:moveTo>
                  <a:cubicBezTo>
                    <a:pt x="173" y="55"/>
                    <a:pt x="171" y="59"/>
                    <a:pt x="169" y="66"/>
                  </a:cubicBezTo>
                  <a:cubicBezTo>
                    <a:pt x="166" y="73"/>
                    <a:pt x="162" y="83"/>
                    <a:pt x="158" y="94"/>
                  </a:cubicBezTo>
                  <a:cubicBezTo>
                    <a:pt x="153" y="105"/>
                    <a:pt x="148" y="115"/>
                    <a:pt x="145" y="122"/>
                  </a:cubicBezTo>
                  <a:cubicBezTo>
                    <a:pt x="142" y="129"/>
                    <a:pt x="140" y="133"/>
                    <a:pt x="139" y="133"/>
                  </a:cubicBezTo>
                  <a:cubicBezTo>
                    <a:pt x="139" y="133"/>
                    <a:pt x="137" y="132"/>
                    <a:pt x="134" y="131"/>
                  </a:cubicBezTo>
                  <a:cubicBezTo>
                    <a:pt x="130" y="130"/>
                    <a:pt x="125" y="128"/>
                    <a:pt x="118" y="126"/>
                  </a:cubicBezTo>
                  <a:cubicBezTo>
                    <a:pt x="106" y="121"/>
                    <a:pt x="88" y="115"/>
                    <a:pt x="69" y="108"/>
                  </a:cubicBezTo>
                  <a:cubicBezTo>
                    <a:pt x="50" y="101"/>
                    <a:pt x="32" y="94"/>
                    <a:pt x="20" y="89"/>
                  </a:cubicBezTo>
                  <a:cubicBezTo>
                    <a:pt x="14" y="86"/>
                    <a:pt x="9" y="84"/>
                    <a:pt x="5" y="83"/>
                  </a:cubicBezTo>
                  <a:cubicBezTo>
                    <a:pt x="2" y="81"/>
                    <a:pt x="1" y="80"/>
                    <a:pt x="0" y="80"/>
                  </a:cubicBezTo>
                  <a:cubicBezTo>
                    <a:pt x="0" y="80"/>
                    <a:pt x="0" y="80"/>
                    <a:pt x="0" y="80"/>
                  </a:cubicBezTo>
                  <a:cubicBezTo>
                    <a:pt x="0" y="80"/>
                    <a:pt x="0" y="80"/>
                    <a:pt x="0" y="80"/>
                  </a:cubicBezTo>
                  <a:cubicBezTo>
                    <a:pt x="0" y="80"/>
                    <a:pt x="0" y="80"/>
                    <a:pt x="0" y="80"/>
                  </a:cubicBezTo>
                  <a:cubicBezTo>
                    <a:pt x="0" y="80"/>
                    <a:pt x="0" y="80"/>
                    <a:pt x="0" y="80"/>
                  </a:cubicBezTo>
                  <a:cubicBezTo>
                    <a:pt x="0" y="79"/>
                    <a:pt x="2" y="75"/>
                    <a:pt x="4" y="68"/>
                  </a:cubicBezTo>
                  <a:cubicBezTo>
                    <a:pt x="7" y="61"/>
                    <a:pt x="10" y="50"/>
                    <a:pt x="14" y="39"/>
                  </a:cubicBezTo>
                  <a:cubicBezTo>
                    <a:pt x="19" y="28"/>
                    <a:pt x="23" y="18"/>
                    <a:pt x="26" y="11"/>
                  </a:cubicBezTo>
                  <a:cubicBezTo>
                    <a:pt x="29" y="5"/>
                    <a:pt x="31" y="0"/>
                    <a:pt x="31" y="0"/>
                  </a:cubicBezTo>
                  <a:cubicBezTo>
                    <a:pt x="31" y="0"/>
                    <a:pt x="31" y="0"/>
                    <a:pt x="31" y="0"/>
                  </a:cubicBezTo>
                  <a:cubicBezTo>
                    <a:pt x="32" y="0"/>
                    <a:pt x="34" y="1"/>
                    <a:pt x="38" y="2"/>
                  </a:cubicBezTo>
                  <a:cubicBezTo>
                    <a:pt x="41" y="3"/>
                    <a:pt x="46" y="5"/>
                    <a:pt x="53" y="7"/>
                  </a:cubicBezTo>
                  <a:cubicBezTo>
                    <a:pt x="65" y="12"/>
                    <a:pt x="83" y="18"/>
                    <a:pt x="102" y="25"/>
                  </a:cubicBezTo>
                  <a:cubicBezTo>
                    <a:pt x="121" y="32"/>
                    <a:pt x="138" y="39"/>
                    <a:pt x="150" y="44"/>
                  </a:cubicBezTo>
                  <a:cubicBezTo>
                    <a:pt x="157" y="47"/>
                    <a:pt x="161" y="49"/>
                    <a:pt x="165" y="51"/>
                  </a:cubicBezTo>
                  <a:cubicBezTo>
                    <a:pt x="167" y="52"/>
                    <a:pt x="172" y="54"/>
                    <a:pt x="173" y="54"/>
                  </a:cubicBezTo>
                  <a:cubicBezTo>
                    <a:pt x="173" y="54"/>
                    <a:pt x="173" y="54"/>
                    <a:pt x="173" y="54"/>
                  </a:cubicBezTo>
                  <a:cubicBezTo>
                    <a:pt x="173" y="54"/>
                    <a:pt x="173" y="54"/>
                    <a:pt x="173" y="54"/>
                  </a:cubicBezTo>
                  <a:cubicBezTo>
                    <a:pt x="173" y="54"/>
                    <a:pt x="173" y="54"/>
                    <a:pt x="173" y="54"/>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2" name="îSḷïdè">
              <a:extLst>
                <a:ext uri="{FF2B5EF4-FFF2-40B4-BE49-F238E27FC236}">
                  <a16:creationId xmlns:a16="http://schemas.microsoft.com/office/drawing/2014/main" xmlns="" id="{41E4B829-622B-431A-9636-6BE51536E9DD}"/>
                </a:ext>
              </a:extLst>
            </p:cNvPr>
            <p:cNvSpPr/>
            <p:nvPr/>
          </p:nvSpPr>
          <p:spPr bwMode="auto">
            <a:xfrm>
              <a:off x="6033033" y="2125398"/>
              <a:ext cx="146923" cy="145099"/>
            </a:xfrm>
            <a:custGeom>
              <a:avLst/>
              <a:gdLst>
                <a:gd name="T0" fmla="*/ 67 w 68"/>
                <a:gd name="T1" fmla="*/ 30 h 67"/>
                <a:gd name="T2" fmla="*/ 64 w 68"/>
                <a:gd name="T3" fmla="*/ 19 h 67"/>
                <a:gd name="T4" fmla="*/ 57 w 68"/>
                <a:gd name="T5" fmla="*/ 10 h 67"/>
                <a:gd name="T6" fmla="*/ 48 w 68"/>
                <a:gd name="T7" fmla="*/ 3 h 67"/>
                <a:gd name="T8" fmla="*/ 43 w 68"/>
                <a:gd name="T9" fmla="*/ 2 h 67"/>
                <a:gd name="T10" fmla="*/ 38 w 68"/>
                <a:gd name="T11" fmla="*/ 1 h 67"/>
                <a:gd name="T12" fmla="*/ 20 w 68"/>
                <a:gd name="T13" fmla="*/ 3 h 67"/>
                <a:gd name="T14" fmla="*/ 17 w 68"/>
                <a:gd name="T15" fmla="*/ 5 h 67"/>
                <a:gd name="T16" fmla="*/ 15 w 68"/>
                <a:gd name="T17" fmla="*/ 6 h 67"/>
                <a:gd name="T18" fmla="*/ 8 w 68"/>
                <a:gd name="T19" fmla="*/ 12 h 67"/>
                <a:gd name="T20" fmla="*/ 1 w 68"/>
                <a:gd name="T21" fmla="*/ 27 h 67"/>
                <a:gd name="T22" fmla="*/ 2 w 68"/>
                <a:gd name="T23" fmla="*/ 44 h 67"/>
                <a:gd name="T24" fmla="*/ 13 w 68"/>
                <a:gd name="T25" fmla="*/ 60 h 67"/>
                <a:gd name="T26" fmla="*/ 31 w 68"/>
                <a:gd name="T27" fmla="*/ 67 h 67"/>
                <a:gd name="T28" fmla="*/ 35 w 68"/>
                <a:gd name="T29" fmla="*/ 67 h 67"/>
                <a:gd name="T30" fmla="*/ 40 w 68"/>
                <a:gd name="T31" fmla="*/ 67 h 67"/>
                <a:gd name="T32" fmla="*/ 44 w 68"/>
                <a:gd name="T33" fmla="*/ 66 h 67"/>
                <a:gd name="T34" fmla="*/ 48 w 68"/>
                <a:gd name="T35" fmla="*/ 64 h 67"/>
                <a:gd name="T36" fmla="*/ 62 w 68"/>
                <a:gd name="T37" fmla="*/ 50 h 67"/>
                <a:gd name="T38" fmla="*/ 62 w 68"/>
                <a:gd name="T39" fmla="*/ 50 h 67"/>
                <a:gd name="T40" fmla="*/ 63 w 68"/>
                <a:gd name="T41" fmla="*/ 47 h 67"/>
                <a:gd name="T42" fmla="*/ 63 w 68"/>
                <a:gd name="T43" fmla="*/ 47 h 67"/>
                <a:gd name="T44" fmla="*/ 63 w 68"/>
                <a:gd name="T45" fmla="*/ 47 h 67"/>
                <a:gd name="T46" fmla="*/ 67 w 68"/>
                <a:gd name="T47" fmla="*/ 30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 h="67">
                  <a:moveTo>
                    <a:pt x="67" y="30"/>
                  </a:moveTo>
                  <a:cubicBezTo>
                    <a:pt x="67" y="26"/>
                    <a:pt x="65" y="23"/>
                    <a:pt x="64" y="19"/>
                  </a:cubicBezTo>
                  <a:cubicBezTo>
                    <a:pt x="62" y="16"/>
                    <a:pt x="60" y="13"/>
                    <a:pt x="57" y="10"/>
                  </a:cubicBezTo>
                  <a:cubicBezTo>
                    <a:pt x="55" y="7"/>
                    <a:pt x="52" y="5"/>
                    <a:pt x="48" y="3"/>
                  </a:cubicBezTo>
                  <a:cubicBezTo>
                    <a:pt x="46" y="3"/>
                    <a:pt x="45" y="2"/>
                    <a:pt x="43" y="2"/>
                  </a:cubicBezTo>
                  <a:cubicBezTo>
                    <a:pt x="41" y="1"/>
                    <a:pt x="39" y="1"/>
                    <a:pt x="38" y="1"/>
                  </a:cubicBezTo>
                  <a:cubicBezTo>
                    <a:pt x="31" y="0"/>
                    <a:pt x="25" y="1"/>
                    <a:pt x="20" y="3"/>
                  </a:cubicBezTo>
                  <a:cubicBezTo>
                    <a:pt x="19" y="4"/>
                    <a:pt x="18" y="4"/>
                    <a:pt x="17" y="5"/>
                  </a:cubicBezTo>
                  <a:cubicBezTo>
                    <a:pt x="16" y="5"/>
                    <a:pt x="16" y="6"/>
                    <a:pt x="15" y="6"/>
                  </a:cubicBezTo>
                  <a:cubicBezTo>
                    <a:pt x="13" y="8"/>
                    <a:pt x="10" y="10"/>
                    <a:pt x="8" y="12"/>
                  </a:cubicBezTo>
                  <a:cubicBezTo>
                    <a:pt x="4" y="16"/>
                    <a:pt x="1" y="21"/>
                    <a:pt x="1" y="27"/>
                  </a:cubicBezTo>
                  <a:cubicBezTo>
                    <a:pt x="0" y="32"/>
                    <a:pt x="0" y="38"/>
                    <a:pt x="2" y="44"/>
                  </a:cubicBezTo>
                  <a:cubicBezTo>
                    <a:pt x="4" y="50"/>
                    <a:pt x="8" y="55"/>
                    <a:pt x="13" y="60"/>
                  </a:cubicBezTo>
                  <a:cubicBezTo>
                    <a:pt x="18" y="64"/>
                    <a:pt x="25" y="66"/>
                    <a:pt x="31" y="67"/>
                  </a:cubicBezTo>
                  <a:cubicBezTo>
                    <a:pt x="32" y="67"/>
                    <a:pt x="34" y="67"/>
                    <a:pt x="35" y="67"/>
                  </a:cubicBezTo>
                  <a:cubicBezTo>
                    <a:pt x="37" y="67"/>
                    <a:pt x="38" y="67"/>
                    <a:pt x="40" y="67"/>
                  </a:cubicBezTo>
                  <a:cubicBezTo>
                    <a:pt x="41" y="67"/>
                    <a:pt x="43" y="66"/>
                    <a:pt x="44" y="66"/>
                  </a:cubicBezTo>
                  <a:cubicBezTo>
                    <a:pt x="46" y="65"/>
                    <a:pt x="47" y="64"/>
                    <a:pt x="48" y="64"/>
                  </a:cubicBezTo>
                  <a:cubicBezTo>
                    <a:pt x="54" y="60"/>
                    <a:pt x="58" y="55"/>
                    <a:pt x="62" y="50"/>
                  </a:cubicBezTo>
                  <a:cubicBezTo>
                    <a:pt x="62" y="50"/>
                    <a:pt x="62" y="50"/>
                    <a:pt x="62" y="50"/>
                  </a:cubicBezTo>
                  <a:cubicBezTo>
                    <a:pt x="62" y="49"/>
                    <a:pt x="63" y="48"/>
                    <a:pt x="63" y="47"/>
                  </a:cubicBezTo>
                  <a:cubicBezTo>
                    <a:pt x="63" y="47"/>
                    <a:pt x="63" y="47"/>
                    <a:pt x="63" y="47"/>
                  </a:cubicBezTo>
                  <a:cubicBezTo>
                    <a:pt x="63" y="47"/>
                    <a:pt x="63" y="47"/>
                    <a:pt x="63" y="47"/>
                  </a:cubicBezTo>
                  <a:cubicBezTo>
                    <a:pt x="66" y="42"/>
                    <a:pt x="68" y="36"/>
                    <a:pt x="67" y="3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3" name="ïślíḋè">
              <a:extLst>
                <a:ext uri="{FF2B5EF4-FFF2-40B4-BE49-F238E27FC236}">
                  <a16:creationId xmlns:a16="http://schemas.microsoft.com/office/drawing/2014/main" xmlns="" id="{1D152734-0F17-4637-894F-1137FAFC1F52}"/>
                </a:ext>
              </a:extLst>
            </p:cNvPr>
            <p:cNvSpPr/>
            <p:nvPr/>
          </p:nvSpPr>
          <p:spPr bwMode="auto">
            <a:xfrm>
              <a:off x="5886109" y="2019540"/>
              <a:ext cx="453546" cy="371415"/>
            </a:xfrm>
            <a:custGeom>
              <a:avLst/>
              <a:gdLst>
                <a:gd name="T0" fmla="*/ 209 w 210"/>
                <a:gd name="T1" fmla="*/ 63 h 172"/>
                <a:gd name="T2" fmla="*/ 203 w 210"/>
                <a:gd name="T3" fmla="*/ 60 h 172"/>
                <a:gd name="T4" fmla="*/ 185 w 210"/>
                <a:gd name="T5" fmla="*/ 52 h 172"/>
                <a:gd name="T6" fmla="*/ 125 w 210"/>
                <a:gd name="T7" fmla="*/ 30 h 172"/>
                <a:gd name="T8" fmla="*/ 64 w 210"/>
                <a:gd name="T9" fmla="*/ 8 h 172"/>
                <a:gd name="T10" fmla="*/ 45 w 210"/>
                <a:gd name="T11" fmla="*/ 2 h 172"/>
                <a:gd name="T12" fmla="*/ 39 w 210"/>
                <a:gd name="T13" fmla="*/ 0 h 172"/>
                <a:gd name="T14" fmla="*/ 39 w 210"/>
                <a:gd name="T15" fmla="*/ 0 h 172"/>
                <a:gd name="T16" fmla="*/ 39 w 210"/>
                <a:gd name="T17" fmla="*/ 0 h 172"/>
                <a:gd name="T18" fmla="*/ 38 w 210"/>
                <a:gd name="T19" fmla="*/ 0 h 172"/>
                <a:gd name="T20" fmla="*/ 39 w 210"/>
                <a:gd name="T21" fmla="*/ 0 h 172"/>
                <a:gd name="T22" fmla="*/ 32 w 210"/>
                <a:gd name="T23" fmla="*/ 16 h 172"/>
                <a:gd name="T24" fmla="*/ 17 w 210"/>
                <a:gd name="T25" fmla="*/ 54 h 172"/>
                <a:gd name="T26" fmla="*/ 5 w 210"/>
                <a:gd name="T27" fmla="*/ 93 h 172"/>
                <a:gd name="T28" fmla="*/ 0 w 210"/>
                <a:gd name="T29" fmla="*/ 109 h 172"/>
                <a:gd name="T30" fmla="*/ 0 w 210"/>
                <a:gd name="T31" fmla="*/ 110 h 172"/>
                <a:gd name="T32" fmla="*/ 1 w 210"/>
                <a:gd name="T33" fmla="*/ 110 h 172"/>
                <a:gd name="T34" fmla="*/ 25 w 210"/>
                <a:gd name="T35" fmla="*/ 120 h 172"/>
                <a:gd name="T36" fmla="*/ 37 w 210"/>
                <a:gd name="T37" fmla="*/ 125 h 172"/>
                <a:gd name="T38" fmla="*/ 52 w 210"/>
                <a:gd name="T39" fmla="*/ 131 h 172"/>
                <a:gd name="T40" fmla="*/ 85 w 210"/>
                <a:gd name="T41" fmla="*/ 143 h 172"/>
                <a:gd name="T42" fmla="*/ 144 w 210"/>
                <a:gd name="T43" fmla="*/ 164 h 172"/>
                <a:gd name="T44" fmla="*/ 170 w 210"/>
                <a:gd name="T45" fmla="*/ 171 h 172"/>
                <a:gd name="T46" fmla="*/ 170 w 210"/>
                <a:gd name="T47" fmla="*/ 172 h 172"/>
                <a:gd name="T48" fmla="*/ 172 w 210"/>
                <a:gd name="T49" fmla="*/ 168 h 172"/>
                <a:gd name="T50" fmla="*/ 178 w 210"/>
                <a:gd name="T51" fmla="*/ 157 h 172"/>
                <a:gd name="T52" fmla="*/ 192 w 210"/>
                <a:gd name="T53" fmla="*/ 119 h 172"/>
                <a:gd name="T54" fmla="*/ 205 w 210"/>
                <a:gd name="T55" fmla="*/ 80 h 172"/>
                <a:gd name="T56" fmla="*/ 209 w 210"/>
                <a:gd name="T57" fmla="*/ 63 h 172"/>
                <a:gd name="T58" fmla="*/ 163 w 210"/>
                <a:gd name="T59" fmla="*/ 141 h 172"/>
                <a:gd name="T60" fmla="*/ 157 w 210"/>
                <a:gd name="T61" fmla="*/ 152 h 172"/>
                <a:gd name="T62" fmla="*/ 152 w 210"/>
                <a:gd name="T63" fmla="*/ 150 h 172"/>
                <a:gd name="T64" fmla="*/ 136 w 210"/>
                <a:gd name="T65" fmla="*/ 145 h 172"/>
                <a:gd name="T66" fmla="*/ 87 w 210"/>
                <a:gd name="T67" fmla="*/ 127 h 172"/>
                <a:gd name="T68" fmla="*/ 38 w 210"/>
                <a:gd name="T69" fmla="*/ 108 h 172"/>
                <a:gd name="T70" fmla="*/ 23 w 210"/>
                <a:gd name="T71" fmla="*/ 102 h 172"/>
                <a:gd name="T72" fmla="*/ 18 w 210"/>
                <a:gd name="T73" fmla="*/ 99 h 172"/>
                <a:gd name="T74" fmla="*/ 18 w 210"/>
                <a:gd name="T75" fmla="*/ 99 h 172"/>
                <a:gd name="T76" fmla="*/ 18 w 210"/>
                <a:gd name="T77" fmla="*/ 99 h 172"/>
                <a:gd name="T78" fmla="*/ 18 w 210"/>
                <a:gd name="T79" fmla="*/ 99 h 172"/>
                <a:gd name="T80" fmla="*/ 18 w 210"/>
                <a:gd name="T81" fmla="*/ 99 h 172"/>
                <a:gd name="T82" fmla="*/ 22 w 210"/>
                <a:gd name="T83" fmla="*/ 87 h 172"/>
                <a:gd name="T84" fmla="*/ 32 w 210"/>
                <a:gd name="T85" fmla="*/ 58 h 172"/>
                <a:gd name="T86" fmla="*/ 44 w 210"/>
                <a:gd name="T87" fmla="*/ 30 h 172"/>
                <a:gd name="T88" fmla="*/ 49 w 210"/>
                <a:gd name="T89" fmla="*/ 19 h 172"/>
                <a:gd name="T90" fmla="*/ 49 w 210"/>
                <a:gd name="T91" fmla="*/ 19 h 172"/>
                <a:gd name="T92" fmla="*/ 56 w 210"/>
                <a:gd name="T93" fmla="*/ 21 h 172"/>
                <a:gd name="T94" fmla="*/ 71 w 210"/>
                <a:gd name="T95" fmla="*/ 26 h 172"/>
                <a:gd name="T96" fmla="*/ 120 w 210"/>
                <a:gd name="T97" fmla="*/ 44 h 172"/>
                <a:gd name="T98" fmla="*/ 168 w 210"/>
                <a:gd name="T99" fmla="*/ 63 h 172"/>
                <a:gd name="T100" fmla="*/ 183 w 210"/>
                <a:gd name="T101" fmla="*/ 70 h 172"/>
                <a:gd name="T102" fmla="*/ 191 w 210"/>
                <a:gd name="T103" fmla="*/ 73 h 172"/>
                <a:gd name="T104" fmla="*/ 191 w 210"/>
                <a:gd name="T105" fmla="*/ 73 h 172"/>
                <a:gd name="T106" fmla="*/ 191 w 210"/>
                <a:gd name="T107" fmla="*/ 73 h 172"/>
                <a:gd name="T108" fmla="*/ 191 w 210"/>
                <a:gd name="T109" fmla="*/ 73 h 172"/>
                <a:gd name="T110" fmla="*/ 187 w 210"/>
                <a:gd name="T111" fmla="*/ 85 h 172"/>
                <a:gd name="T112" fmla="*/ 176 w 210"/>
                <a:gd name="T113" fmla="*/ 113 h 172"/>
                <a:gd name="T114" fmla="*/ 163 w 210"/>
                <a:gd name="T115" fmla="*/ 141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10" h="172">
                  <a:moveTo>
                    <a:pt x="209" y="63"/>
                  </a:moveTo>
                  <a:cubicBezTo>
                    <a:pt x="209" y="63"/>
                    <a:pt x="207" y="62"/>
                    <a:pt x="203" y="60"/>
                  </a:cubicBezTo>
                  <a:cubicBezTo>
                    <a:pt x="199" y="58"/>
                    <a:pt x="193" y="55"/>
                    <a:pt x="185" y="52"/>
                  </a:cubicBezTo>
                  <a:cubicBezTo>
                    <a:pt x="170" y="46"/>
                    <a:pt x="148" y="38"/>
                    <a:pt x="125" y="30"/>
                  </a:cubicBezTo>
                  <a:cubicBezTo>
                    <a:pt x="101" y="21"/>
                    <a:pt x="79" y="14"/>
                    <a:pt x="64" y="8"/>
                  </a:cubicBezTo>
                  <a:cubicBezTo>
                    <a:pt x="56" y="5"/>
                    <a:pt x="50" y="3"/>
                    <a:pt x="45" y="2"/>
                  </a:cubicBezTo>
                  <a:cubicBezTo>
                    <a:pt x="42" y="1"/>
                    <a:pt x="40" y="0"/>
                    <a:pt x="39" y="0"/>
                  </a:cubicBezTo>
                  <a:cubicBezTo>
                    <a:pt x="39" y="0"/>
                    <a:pt x="39" y="0"/>
                    <a:pt x="39" y="0"/>
                  </a:cubicBezTo>
                  <a:cubicBezTo>
                    <a:pt x="39" y="0"/>
                    <a:pt x="39" y="0"/>
                    <a:pt x="39" y="0"/>
                  </a:cubicBezTo>
                  <a:cubicBezTo>
                    <a:pt x="38" y="0"/>
                    <a:pt x="38" y="0"/>
                    <a:pt x="38" y="0"/>
                  </a:cubicBezTo>
                  <a:cubicBezTo>
                    <a:pt x="38" y="0"/>
                    <a:pt x="38" y="0"/>
                    <a:pt x="39" y="0"/>
                  </a:cubicBezTo>
                  <a:cubicBezTo>
                    <a:pt x="38" y="1"/>
                    <a:pt x="35" y="7"/>
                    <a:pt x="32" y="16"/>
                  </a:cubicBezTo>
                  <a:cubicBezTo>
                    <a:pt x="28" y="26"/>
                    <a:pt x="23" y="39"/>
                    <a:pt x="17" y="54"/>
                  </a:cubicBezTo>
                  <a:cubicBezTo>
                    <a:pt x="12" y="69"/>
                    <a:pt x="7" y="83"/>
                    <a:pt x="5" y="93"/>
                  </a:cubicBezTo>
                  <a:cubicBezTo>
                    <a:pt x="2" y="102"/>
                    <a:pt x="0" y="108"/>
                    <a:pt x="0" y="109"/>
                  </a:cubicBezTo>
                  <a:cubicBezTo>
                    <a:pt x="0" y="110"/>
                    <a:pt x="0" y="110"/>
                    <a:pt x="0" y="110"/>
                  </a:cubicBezTo>
                  <a:cubicBezTo>
                    <a:pt x="0" y="110"/>
                    <a:pt x="0" y="110"/>
                    <a:pt x="1" y="110"/>
                  </a:cubicBezTo>
                  <a:cubicBezTo>
                    <a:pt x="2" y="111"/>
                    <a:pt x="11" y="115"/>
                    <a:pt x="25" y="120"/>
                  </a:cubicBezTo>
                  <a:cubicBezTo>
                    <a:pt x="29" y="122"/>
                    <a:pt x="33" y="124"/>
                    <a:pt x="37" y="125"/>
                  </a:cubicBezTo>
                  <a:cubicBezTo>
                    <a:pt x="42" y="127"/>
                    <a:pt x="47" y="129"/>
                    <a:pt x="52" y="131"/>
                  </a:cubicBezTo>
                  <a:cubicBezTo>
                    <a:pt x="62" y="134"/>
                    <a:pt x="73" y="139"/>
                    <a:pt x="85" y="143"/>
                  </a:cubicBezTo>
                  <a:cubicBezTo>
                    <a:pt x="108" y="151"/>
                    <a:pt x="129" y="158"/>
                    <a:pt x="144" y="164"/>
                  </a:cubicBezTo>
                  <a:cubicBezTo>
                    <a:pt x="160" y="169"/>
                    <a:pt x="169" y="172"/>
                    <a:pt x="170" y="171"/>
                  </a:cubicBezTo>
                  <a:cubicBezTo>
                    <a:pt x="170" y="172"/>
                    <a:pt x="170" y="172"/>
                    <a:pt x="170" y="172"/>
                  </a:cubicBezTo>
                  <a:cubicBezTo>
                    <a:pt x="170" y="172"/>
                    <a:pt x="171" y="171"/>
                    <a:pt x="172" y="168"/>
                  </a:cubicBezTo>
                  <a:cubicBezTo>
                    <a:pt x="174" y="166"/>
                    <a:pt x="176" y="162"/>
                    <a:pt x="178" y="157"/>
                  </a:cubicBezTo>
                  <a:cubicBezTo>
                    <a:pt x="182" y="147"/>
                    <a:pt x="187" y="134"/>
                    <a:pt x="192" y="119"/>
                  </a:cubicBezTo>
                  <a:cubicBezTo>
                    <a:pt x="198" y="104"/>
                    <a:pt x="202" y="90"/>
                    <a:pt x="205" y="80"/>
                  </a:cubicBezTo>
                  <a:cubicBezTo>
                    <a:pt x="208" y="70"/>
                    <a:pt x="210" y="63"/>
                    <a:pt x="209" y="63"/>
                  </a:cubicBezTo>
                  <a:close/>
                  <a:moveTo>
                    <a:pt x="163" y="141"/>
                  </a:moveTo>
                  <a:cubicBezTo>
                    <a:pt x="160" y="148"/>
                    <a:pt x="158" y="152"/>
                    <a:pt x="157" y="152"/>
                  </a:cubicBezTo>
                  <a:cubicBezTo>
                    <a:pt x="157" y="152"/>
                    <a:pt x="155" y="151"/>
                    <a:pt x="152" y="150"/>
                  </a:cubicBezTo>
                  <a:cubicBezTo>
                    <a:pt x="148" y="149"/>
                    <a:pt x="143" y="147"/>
                    <a:pt x="136" y="145"/>
                  </a:cubicBezTo>
                  <a:cubicBezTo>
                    <a:pt x="124" y="140"/>
                    <a:pt x="106" y="134"/>
                    <a:pt x="87" y="127"/>
                  </a:cubicBezTo>
                  <a:cubicBezTo>
                    <a:pt x="68" y="120"/>
                    <a:pt x="50" y="113"/>
                    <a:pt x="38" y="108"/>
                  </a:cubicBezTo>
                  <a:cubicBezTo>
                    <a:pt x="32" y="105"/>
                    <a:pt x="27" y="103"/>
                    <a:pt x="23" y="102"/>
                  </a:cubicBezTo>
                  <a:cubicBezTo>
                    <a:pt x="20" y="100"/>
                    <a:pt x="19" y="99"/>
                    <a:pt x="18" y="99"/>
                  </a:cubicBezTo>
                  <a:cubicBezTo>
                    <a:pt x="18" y="99"/>
                    <a:pt x="18" y="99"/>
                    <a:pt x="18" y="99"/>
                  </a:cubicBezTo>
                  <a:cubicBezTo>
                    <a:pt x="18" y="99"/>
                    <a:pt x="18" y="99"/>
                    <a:pt x="18" y="99"/>
                  </a:cubicBezTo>
                  <a:cubicBezTo>
                    <a:pt x="18" y="99"/>
                    <a:pt x="18" y="99"/>
                    <a:pt x="18" y="99"/>
                  </a:cubicBezTo>
                  <a:cubicBezTo>
                    <a:pt x="18" y="99"/>
                    <a:pt x="18" y="99"/>
                    <a:pt x="18" y="99"/>
                  </a:cubicBezTo>
                  <a:cubicBezTo>
                    <a:pt x="18" y="98"/>
                    <a:pt x="20" y="94"/>
                    <a:pt x="22" y="87"/>
                  </a:cubicBezTo>
                  <a:cubicBezTo>
                    <a:pt x="25" y="80"/>
                    <a:pt x="28" y="69"/>
                    <a:pt x="32" y="58"/>
                  </a:cubicBezTo>
                  <a:cubicBezTo>
                    <a:pt x="37" y="47"/>
                    <a:pt x="41" y="37"/>
                    <a:pt x="44" y="30"/>
                  </a:cubicBezTo>
                  <a:cubicBezTo>
                    <a:pt x="47" y="24"/>
                    <a:pt x="49" y="19"/>
                    <a:pt x="49" y="19"/>
                  </a:cubicBezTo>
                  <a:cubicBezTo>
                    <a:pt x="49" y="19"/>
                    <a:pt x="49" y="19"/>
                    <a:pt x="49" y="19"/>
                  </a:cubicBezTo>
                  <a:cubicBezTo>
                    <a:pt x="50" y="19"/>
                    <a:pt x="52" y="20"/>
                    <a:pt x="56" y="21"/>
                  </a:cubicBezTo>
                  <a:cubicBezTo>
                    <a:pt x="59" y="22"/>
                    <a:pt x="64" y="24"/>
                    <a:pt x="71" y="26"/>
                  </a:cubicBezTo>
                  <a:cubicBezTo>
                    <a:pt x="83" y="31"/>
                    <a:pt x="101" y="37"/>
                    <a:pt x="120" y="44"/>
                  </a:cubicBezTo>
                  <a:cubicBezTo>
                    <a:pt x="139" y="51"/>
                    <a:pt x="156" y="58"/>
                    <a:pt x="168" y="63"/>
                  </a:cubicBezTo>
                  <a:cubicBezTo>
                    <a:pt x="175" y="66"/>
                    <a:pt x="179" y="68"/>
                    <a:pt x="183" y="70"/>
                  </a:cubicBezTo>
                  <a:cubicBezTo>
                    <a:pt x="185" y="71"/>
                    <a:pt x="190" y="73"/>
                    <a:pt x="191" y="73"/>
                  </a:cubicBezTo>
                  <a:cubicBezTo>
                    <a:pt x="191" y="73"/>
                    <a:pt x="191" y="73"/>
                    <a:pt x="191" y="73"/>
                  </a:cubicBezTo>
                  <a:cubicBezTo>
                    <a:pt x="191" y="73"/>
                    <a:pt x="191" y="73"/>
                    <a:pt x="191" y="73"/>
                  </a:cubicBezTo>
                  <a:cubicBezTo>
                    <a:pt x="191" y="73"/>
                    <a:pt x="191" y="73"/>
                    <a:pt x="191" y="73"/>
                  </a:cubicBezTo>
                  <a:cubicBezTo>
                    <a:pt x="191" y="74"/>
                    <a:pt x="189" y="78"/>
                    <a:pt x="187" y="85"/>
                  </a:cubicBezTo>
                  <a:cubicBezTo>
                    <a:pt x="184" y="92"/>
                    <a:pt x="180" y="102"/>
                    <a:pt x="176" y="113"/>
                  </a:cubicBezTo>
                  <a:cubicBezTo>
                    <a:pt x="171" y="124"/>
                    <a:pt x="166" y="134"/>
                    <a:pt x="163" y="141"/>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4" name="isḷîḍê">
              <a:extLst>
                <a:ext uri="{FF2B5EF4-FFF2-40B4-BE49-F238E27FC236}">
                  <a16:creationId xmlns:a16="http://schemas.microsoft.com/office/drawing/2014/main" xmlns="" id="{CD96E551-3B66-4BA0-AFC8-3BD6F796E662}"/>
                </a:ext>
              </a:extLst>
            </p:cNvPr>
            <p:cNvSpPr/>
            <p:nvPr/>
          </p:nvSpPr>
          <p:spPr bwMode="auto">
            <a:xfrm>
              <a:off x="5975541" y="2140911"/>
              <a:ext cx="44716" cy="47453"/>
            </a:xfrm>
            <a:custGeom>
              <a:avLst/>
              <a:gdLst>
                <a:gd name="T0" fmla="*/ 20 w 21"/>
                <a:gd name="T1" fmla="*/ 10 h 22"/>
                <a:gd name="T2" fmla="*/ 18 w 21"/>
                <a:gd name="T3" fmla="*/ 4 h 22"/>
                <a:gd name="T4" fmla="*/ 7 w 21"/>
                <a:gd name="T5" fmla="*/ 2 h 22"/>
                <a:gd name="T6" fmla="*/ 6 w 21"/>
                <a:gd name="T7" fmla="*/ 2 h 22"/>
                <a:gd name="T8" fmla="*/ 6 w 21"/>
                <a:gd name="T9" fmla="*/ 2 h 22"/>
                <a:gd name="T10" fmla="*/ 1 w 21"/>
                <a:gd name="T11" fmla="*/ 9 h 22"/>
                <a:gd name="T12" fmla="*/ 4 w 21"/>
                <a:gd name="T13" fmla="*/ 19 h 22"/>
                <a:gd name="T14" fmla="*/ 15 w 21"/>
                <a:gd name="T15" fmla="*/ 20 h 22"/>
                <a:gd name="T16" fmla="*/ 19 w 21"/>
                <a:gd name="T17" fmla="*/ 15 h 22"/>
                <a:gd name="T18" fmla="*/ 20 w 21"/>
                <a:gd name="T19" fmla="*/ 14 h 22"/>
                <a:gd name="T20" fmla="*/ 20 w 21"/>
                <a:gd name="T21" fmla="*/ 12 h 22"/>
                <a:gd name="T22" fmla="*/ 20 w 21"/>
                <a:gd name="T23" fmla="*/ 1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1" h="22">
                  <a:moveTo>
                    <a:pt x="20" y="10"/>
                  </a:moveTo>
                  <a:cubicBezTo>
                    <a:pt x="20" y="7"/>
                    <a:pt x="19" y="5"/>
                    <a:pt x="18" y="4"/>
                  </a:cubicBezTo>
                  <a:cubicBezTo>
                    <a:pt x="14" y="0"/>
                    <a:pt x="9" y="0"/>
                    <a:pt x="7" y="2"/>
                  </a:cubicBezTo>
                  <a:cubicBezTo>
                    <a:pt x="6" y="2"/>
                    <a:pt x="6" y="2"/>
                    <a:pt x="6" y="2"/>
                  </a:cubicBezTo>
                  <a:cubicBezTo>
                    <a:pt x="6" y="2"/>
                    <a:pt x="6" y="2"/>
                    <a:pt x="6" y="2"/>
                  </a:cubicBezTo>
                  <a:cubicBezTo>
                    <a:pt x="4" y="3"/>
                    <a:pt x="1" y="5"/>
                    <a:pt x="1" y="9"/>
                  </a:cubicBezTo>
                  <a:cubicBezTo>
                    <a:pt x="0" y="12"/>
                    <a:pt x="1" y="16"/>
                    <a:pt x="4" y="19"/>
                  </a:cubicBezTo>
                  <a:cubicBezTo>
                    <a:pt x="7" y="21"/>
                    <a:pt x="12" y="22"/>
                    <a:pt x="15" y="20"/>
                  </a:cubicBezTo>
                  <a:cubicBezTo>
                    <a:pt x="17" y="18"/>
                    <a:pt x="18" y="17"/>
                    <a:pt x="19" y="15"/>
                  </a:cubicBezTo>
                  <a:cubicBezTo>
                    <a:pt x="19" y="15"/>
                    <a:pt x="19" y="14"/>
                    <a:pt x="20" y="14"/>
                  </a:cubicBezTo>
                  <a:cubicBezTo>
                    <a:pt x="20" y="14"/>
                    <a:pt x="20" y="13"/>
                    <a:pt x="20" y="12"/>
                  </a:cubicBezTo>
                  <a:cubicBezTo>
                    <a:pt x="20" y="12"/>
                    <a:pt x="21" y="11"/>
                    <a:pt x="20" y="1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5" name="ïṩļide">
              <a:extLst>
                <a:ext uri="{FF2B5EF4-FFF2-40B4-BE49-F238E27FC236}">
                  <a16:creationId xmlns:a16="http://schemas.microsoft.com/office/drawing/2014/main" xmlns="" id="{189CD1C7-B711-4D8A-8411-1B3D81373AED}"/>
                </a:ext>
              </a:extLst>
            </p:cNvPr>
            <p:cNvSpPr/>
            <p:nvPr/>
          </p:nvSpPr>
          <p:spPr bwMode="auto">
            <a:xfrm>
              <a:off x="5968240" y="2017715"/>
              <a:ext cx="371415" cy="140535"/>
            </a:xfrm>
            <a:custGeom>
              <a:avLst/>
              <a:gdLst>
                <a:gd name="T0" fmla="*/ 0 w 172"/>
                <a:gd name="T1" fmla="*/ 1 h 65"/>
                <a:gd name="T2" fmla="*/ 26 w 172"/>
                <a:gd name="T3" fmla="*/ 9 h 65"/>
                <a:gd name="T4" fmla="*/ 87 w 172"/>
                <a:gd name="T5" fmla="*/ 31 h 65"/>
                <a:gd name="T6" fmla="*/ 147 w 172"/>
                <a:gd name="T7" fmla="*/ 53 h 65"/>
                <a:gd name="T8" fmla="*/ 171 w 172"/>
                <a:gd name="T9" fmla="*/ 64 h 65"/>
                <a:gd name="T10" fmla="*/ 164 w 172"/>
                <a:gd name="T11" fmla="*/ 62 h 65"/>
                <a:gd name="T12" fmla="*/ 146 w 172"/>
                <a:gd name="T13" fmla="*/ 56 h 65"/>
                <a:gd name="T14" fmla="*/ 85 w 172"/>
                <a:gd name="T15" fmla="*/ 34 h 65"/>
                <a:gd name="T16" fmla="*/ 25 w 172"/>
                <a:gd name="T17" fmla="*/ 12 h 65"/>
                <a:gd name="T18" fmla="*/ 7 w 172"/>
                <a:gd name="T19" fmla="*/ 4 h 65"/>
                <a:gd name="T20" fmla="*/ 0 w 172"/>
                <a:gd name="T21" fmla="*/ 1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2" h="65">
                  <a:moveTo>
                    <a:pt x="0" y="1"/>
                  </a:moveTo>
                  <a:cubicBezTo>
                    <a:pt x="1" y="0"/>
                    <a:pt x="10" y="4"/>
                    <a:pt x="26" y="9"/>
                  </a:cubicBezTo>
                  <a:cubicBezTo>
                    <a:pt x="41" y="15"/>
                    <a:pt x="63" y="22"/>
                    <a:pt x="87" y="31"/>
                  </a:cubicBezTo>
                  <a:cubicBezTo>
                    <a:pt x="110" y="39"/>
                    <a:pt x="132" y="47"/>
                    <a:pt x="147" y="53"/>
                  </a:cubicBezTo>
                  <a:cubicBezTo>
                    <a:pt x="162" y="59"/>
                    <a:pt x="172" y="64"/>
                    <a:pt x="171" y="64"/>
                  </a:cubicBezTo>
                  <a:cubicBezTo>
                    <a:pt x="171" y="65"/>
                    <a:pt x="169" y="64"/>
                    <a:pt x="164" y="62"/>
                  </a:cubicBezTo>
                  <a:cubicBezTo>
                    <a:pt x="160" y="61"/>
                    <a:pt x="154" y="58"/>
                    <a:pt x="146" y="56"/>
                  </a:cubicBezTo>
                  <a:cubicBezTo>
                    <a:pt x="130" y="50"/>
                    <a:pt x="109" y="43"/>
                    <a:pt x="85" y="34"/>
                  </a:cubicBezTo>
                  <a:cubicBezTo>
                    <a:pt x="62" y="26"/>
                    <a:pt x="40" y="18"/>
                    <a:pt x="25" y="12"/>
                  </a:cubicBezTo>
                  <a:cubicBezTo>
                    <a:pt x="17" y="9"/>
                    <a:pt x="11" y="6"/>
                    <a:pt x="7" y="4"/>
                  </a:cubicBezTo>
                  <a:cubicBezTo>
                    <a:pt x="3" y="2"/>
                    <a:pt x="0" y="1"/>
                    <a:pt x="0"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6" name="íṥ1íďè">
              <a:extLst>
                <a:ext uri="{FF2B5EF4-FFF2-40B4-BE49-F238E27FC236}">
                  <a16:creationId xmlns:a16="http://schemas.microsoft.com/office/drawing/2014/main" xmlns="" id="{BCA43E07-88AC-4429-9F90-28BE01F03A35}"/>
                </a:ext>
              </a:extLst>
            </p:cNvPr>
            <p:cNvSpPr/>
            <p:nvPr/>
          </p:nvSpPr>
          <p:spPr bwMode="auto">
            <a:xfrm>
              <a:off x="5888847" y="2254982"/>
              <a:ext cx="365027" cy="135973"/>
            </a:xfrm>
            <a:custGeom>
              <a:avLst/>
              <a:gdLst>
                <a:gd name="T0" fmla="*/ 0 w 169"/>
                <a:gd name="T1" fmla="*/ 1 h 63"/>
                <a:gd name="T2" fmla="*/ 25 w 169"/>
                <a:gd name="T3" fmla="*/ 9 h 63"/>
                <a:gd name="T4" fmla="*/ 85 w 169"/>
                <a:gd name="T5" fmla="*/ 30 h 63"/>
                <a:gd name="T6" fmla="*/ 144 w 169"/>
                <a:gd name="T7" fmla="*/ 52 h 63"/>
                <a:gd name="T8" fmla="*/ 169 w 169"/>
                <a:gd name="T9" fmla="*/ 62 h 63"/>
                <a:gd name="T10" fmla="*/ 162 w 169"/>
                <a:gd name="T11" fmla="*/ 61 h 63"/>
                <a:gd name="T12" fmla="*/ 144 w 169"/>
                <a:gd name="T13" fmla="*/ 54 h 63"/>
                <a:gd name="T14" fmla="*/ 84 w 169"/>
                <a:gd name="T15" fmla="*/ 34 h 63"/>
                <a:gd name="T16" fmla="*/ 24 w 169"/>
                <a:gd name="T17" fmla="*/ 12 h 63"/>
                <a:gd name="T18" fmla="*/ 6 w 169"/>
                <a:gd name="T19" fmla="*/ 4 h 63"/>
                <a:gd name="T20" fmla="*/ 0 w 169"/>
                <a:gd name="T21" fmla="*/ 1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69" h="63">
                  <a:moveTo>
                    <a:pt x="0" y="1"/>
                  </a:moveTo>
                  <a:cubicBezTo>
                    <a:pt x="0" y="0"/>
                    <a:pt x="10" y="4"/>
                    <a:pt x="25" y="9"/>
                  </a:cubicBezTo>
                  <a:cubicBezTo>
                    <a:pt x="40" y="14"/>
                    <a:pt x="61" y="22"/>
                    <a:pt x="85" y="30"/>
                  </a:cubicBezTo>
                  <a:cubicBezTo>
                    <a:pt x="108" y="38"/>
                    <a:pt x="129" y="46"/>
                    <a:pt x="144" y="52"/>
                  </a:cubicBezTo>
                  <a:cubicBezTo>
                    <a:pt x="160" y="58"/>
                    <a:pt x="169" y="62"/>
                    <a:pt x="169" y="62"/>
                  </a:cubicBezTo>
                  <a:cubicBezTo>
                    <a:pt x="169" y="63"/>
                    <a:pt x="166" y="62"/>
                    <a:pt x="162" y="61"/>
                  </a:cubicBezTo>
                  <a:cubicBezTo>
                    <a:pt x="157" y="59"/>
                    <a:pt x="151" y="57"/>
                    <a:pt x="144" y="54"/>
                  </a:cubicBezTo>
                  <a:cubicBezTo>
                    <a:pt x="128" y="49"/>
                    <a:pt x="107" y="42"/>
                    <a:pt x="84" y="34"/>
                  </a:cubicBezTo>
                  <a:cubicBezTo>
                    <a:pt x="60" y="25"/>
                    <a:pt x="39" y="18"/>
                    <a:pt x="24" y="12"/>
                  </a:cubicBezTo>
                  <a:cubicBezTo>
                    <a:pt x="16" y="9"/>
                    <a:pt x="10" y="6"/>
                    <a:pt x="6" y="4"/>
                  </a:cubicBezTo>
                  <a:cubicBezTo>
                    <a:pt x="2" y="2"/>
                    <a:pt x="0" y="1"/>
                    <a:pt x="0"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7" name="išliḋé">
              <a:extLst>
                <a:ext uri="{FF2B5EF4-FFF2-40B4-BE49-F238E27FC236}">
                  <a16:creationId xmlns:a16="http://schemas.microsoft.com/office/drawing/2014/main" xmlns="" id="{580EEA52-C373-4218-A085-E1203AFB2020}"/>
                </a:ext>
              </a:extLst>
            </p:cNvPr>
            <p:cNvSpPr/>
            <p:nvPr/>
          </p:nvSpPr>
          <p:spPr bwMode="auto">
            <a:xfrm>
              <a:off x="6251136" y="2155512"/>
              <a:ext cx="88519" cy="235442"/>
            </a:xfrm>
            <a:custGeom>
              <a:avLst/>
              <a:gdLst>
                <a:gd name="T0" fmla="*/ 40 w 41"/>
                <a:gd name="T1" fmla="*/ 0 h 109"/>
                <a:gd name="T2" fmla="*/ 36 w 41"/>
                <a:gd name="T3" fmla="*/ 17 h 109"/>
                <a:gd name="T4" fmla="*/ 23 w 41"/>
                <a:gd name="T5" fmla="*/ 56 h 109"/>
                <a:gd name="T6" fmla="*/ 9 w 41"/>
                <a:gd name="T7" fmla="*/ 94 h 109"/>
                <a:gd name="T8" fmla="*/ 1 w 41"/>
                <a:gd name="T9" fmla="*/ 109 h 109"/>
                <a:gd name="T10" fmla="*/ 6 w 41"/>
                <a:gd name="T11" fmla="*/ 93 h 109"/>
                <a:gd name="T12" fmla="*/ 20 w 41"/>
                <a:gd name="T13" fmla="*/ 54 h 109"/>
                <a:gd name="T14" fmla="*/ 40 w 41"/>
                <a:gd name="T15" fmla="*/ 0 h 10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1" h="109">
                  <a:moveTo>
                    <a:pt x="40" y="0"/>
                  </a:moveTo>
                  <a:cubicBezTo>
                    <a:pt x="41" y="0"/>
                    <a:pt x="39" y="7"/>
                    <a:pt x="36" y="17"/>
                  </a:cubicBezTo>
                  <a:cubicBezTo>
                    <a:pt x="33" y="27"/>
                    <a:pt x="29" y="41"/>
                    <a:pt x="23" y="56"/>
                  </a:cubicBezTo>
                  <a:cubicBezTo>
                    <a:pt x="18" y="71"/>
                    <a:pt x="13" y="84"/>
                    <a:pt x="9" y="94"/>
                  </a:cubicBezTo>
                  <a:cubicBezTo>
                    <a:pt x="5" y="104"/>
                    <a:pt x="1" y="109"/>
                    <a:pt x="1" y="109"/>
                  </a:cubicBezTo>
                  <a:cubicBezTo>
                    <a:pt x="0" y="109"/>
                    <a:pt x="3" y="103"/>
                    <a:pt x="6" y="93"/>
                  </a:cubicBezTo>
                  <a:cubicBezTo>
                    <a:pt x="10" y="83"/>
                    <a:pt x="14" y="69"/>
                    <a:pt x="20" y="54"/>
                  </a:cubicBezTo>
                  <a:cubicBezTo>
                    <a:pt x="30" y="24"/>
                    <a:pt x="39" y="0"/>
                    <a:pt x="4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8" name="ïŝlídè">
              <a:extLst>
                <a:ext uri="{FF2B5EF4-FFF2-40B4-BE49-F238E27FC236}">
                  <a16:creationId xmlns:a16="http://schemas.microsoft.com/office/drawing/2014/main" xmlns="" id="{6265D658-5BAF-4B39-837D-31C06F3F8CF5}"/>
                </a:ext>
              </a:extLst>
            </p:cNvPr>
            <p:cNvSpPr/>
            <p:nvPr/>
          </p:nvSpPr>
          <p:spPr bwMode="auto">
            <a:xfrm>
              <a:off x="5886109" y="2019540"/>
              <a:ext cx="84869" cy="238181"/>
            </a:xfrm>
            <a:custGeom>
              <a:avLst/>
              <a:gdLst>
                <a:gd name="T0" fmla="*/ 39 w 39"/>
                <a:gd name="T1" fmla="*/ 0 h 110"/>
                <a:gd name="T2" fmla="*/ 34 w 39"/>
                <a:gd name="T3" fmla="*/ 17 h 110"/>
                <a:gd name="T4" fmla="*/ 20 w 39"/>
                <a:gd name="T5" fmla="*/ 55 h 110"/>
                <a:gd name="T6" fmla="*/ 7 w 39"/>
                <a:gd name="T7" fmla="*/ 94 h 110"/>
                <a:gd name="T8" fmla="*/ 0 w 39"/>
                <a:gd name="T9" fmla="*/ 110 h 110"/>
                <a:gd name="T10" fmla="*/ 5 w 39"/>
                <a:gd name="T11" fmla="*/ 93 h 110"/>
                <a:gd name="T12" fmla="*/ 17 w 39"/>
                <a:gd name="T13" fmla="*/ 54 h 110"/>
                <a:gd name="T14" fmla="*/ 39 w 39"/>
                <a:gd name="T15" fmla="*/ 0 h 1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9" h="110">
                  <a:moveTo>
                    <a:pt x="39" y="0"/>
                  </a:moveTo>
                  <a:cubicBezTo>
                    <a:pt x="39" y="1"/>
                    <a:pt x="37" y="7"/>
                    <a:pt x="34" y="17"/>
                  </a:cubicBezTo>
                  <a:cubicBezTo>
                    <a:pt x="30" y="27"/>
                    <a:pt x="25" y="40"/>
                    <a:pt x="20" y="55"/>
                  </a:cubicBezTo>
                  <a:cubicBezTo>
                    <a:pt x="15" y="70"/>
                    <a:pt x="10" y="84"/>
                    <a:pt x="7" y="94"/>
                  </a:cubicBezTo>
                  <a:cubicBezTo>
                    <a:pt x="3" y="104"/>
                    <a:pt x="1" y="110"/>
                    <a:pt x="0" y="110"/>
                  </a:cubicBezTo>
                  <a:cubicBezTo>
                    <a:pt x="0" y="110"/>
                    <a:pt x="1" y="103"/>
                    <a:pt x="5" y="93"/>
                  </a:cubicBezTo>
                  <a:cubicBezTo>
                    <a:pt x="8" y="83"/>
                    <a:pt x="12" y="69"/>
                    <a:pt x="17" y="54"/>
                  </a:cubicBezTo>
                  <a:cubicBezTo>
                    <a:pt x="28" y="24"/>
                    <a:pt x="38" y="0"/>
                    <a:pt x="39"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39" name="iṣľîďé">
              <a:extLst>
                <a:ext uri="{FF2B5EF4-FFF2-40B4-BE49-F238E27FC236}">
                  <a16:creationId xmlns:a16="http://schemas.microsoft.com/office/drawing/2014/main" xmlns="" id="{F67AA9CA-1505-4A6C-BA96-F870AFC6C738}"/>
                </a:ext>
              </a:extLst>
            </p:cNvPr>
            <p:cNvSpPr/>
            <p:nvPr/>
          </p:nvSpPr>
          <p:spPr bwMode="auto">
            <a:xfrm>
              <a:off x="5994705" y="2060605"/>
              <a:ext cx="297497" cy="116809"/>
            </a:xfrm>
            <a:custGeom>
              <a:avLst/>
              <a:gdLst>
                <a:gd name="T0" fmla="*/ 0 w 138"/>
                <a:gd name="T1" fmla="*/ 0 h 54"/>
                <a:gd name="T2" fmla="*/ 6 w 138"/>
                <a:gd name="T3" fmla="*/ 2 h 54"/>
                <a:gd name="T4" fmla="*/ 21 w 138"/>
                <a:gd name="T5" fmla="*/ 7 h 54"/>
                <a:gd name="T6" fmla="*/ 70 w 138"/>
                <a:gd name="T7" fmla="*/ 25 h 54"/>
                <a:gd name="T8" fmla="*/ 118 w 138"/>
                <a:gd name="T9" fmla="*/ 44 h 54"/>
                <a:gd name="T10" fmla="*/ 138 w 138"/>
                <a:gd name="T11" fmla="*/ 53 h 54"/>
                <a:gd name="T12" fmla="*/ 132 w 138"/>
                <a:gd name="T13" fmla="*/ 51 h 54"/>
                <a:gd name="T14" fmla="*/ 118 w 138"/>
                <a:gd name="T15" fmla="*/ 46 h 54"/>
                <a:gd name="T16" fmla="*/ 69 w 138"/>
                <a:gd name="T17" fmla="*/ 28 h 54"/>
                <a:gd name="T18" fmla="*/ 20 w 138"/>
                <a:gd name="T19" fmla="*/ 9 h 54"/>
                <a:gd name="T20" fmla="*/ 5 w 138"/>
                <a:gd name="T21" fmla="*/ 3 h 54"/>
                <a:gd name="T22" fmla="*/ 0 w 138"/>
                <a:gd name="T23" fmla="*/ 0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38" h="54">
                  <a:moveTo>
                    <a:pt x="0" y="0"/>
                  </a:moveTo>
                  <a:cubicBezTo>
                    <a:pt x="0" y="0"/>
                    <a:pt x="2" y="1"/>
                    <a:pt x="6" y="2"/>
                  </a:cubicBezTo>
                  <a:cubicBezTo>
                    <a:pt x="9" y="3"/>
                    <a:pt x="14" y="5"/>
                    <a:pt x="21" y="7"/>
                  </a:cubicBezTo>
                  <a:cubicBezTo>
                    <a:pt x="33" y="12"/>
                    <a:pt x="51" y="18"/>
                    <a:pt x="70" y="25"/>
                  </a:cubicBezTo>
                  <a:cubicBezTo>
                    <a:pt x="89" y="32"/>
                    <a:pt x="106" y="39"/>
                    <a:pt x="118" y="44"/>
                  </a:cubicBezTo>
                  <a:cubicBezTo>
                    <a:pt x="131" y="49"/>
                    <a:pt x="138" y="53"/>
                    <a:pt x="138" y="53"/>
                  </a:cubicBezTo>
                  <a:cubicBezTo>
                    <a:pt x="138" y="54"/>
                    <a:pt x="136" y="53"/>
                    <a:pt x="132" y="51"/>
                  </a:cubicBezTo>
                  <a:cubicBezTo>
                    <a:pt x="129" y="50"/>
                    <a:pt x="124" y="48"/>
                    <a:pt x="118" y="46"/>
                  </a:cubicBezTo>
                  <a:cubicBezTo>
                    <a:pt x="105" y="41"/>
                    <a:pt x="88" y="35"/>
                    <a:pt x="69" y="28"/>
                  </a:cubicBezTo>
                  <a:cubicBezTo>
                    <a:pt x="50" y="21"/>
                    <a:pt x="32" y="14"/>
                    <a:pt x="20" y="9"/>
                  </a:cubicBezTo>
                  <a:cubicBezTo>
                    <a:pt x="14" y="7"/>
                    <a:pt x="9" y="4"/>
                    <a:pt x="5" y="3"/>
                  </a:cubicBezTo>
                  <a:cubicBezTo>
                    <a:pt x="2" y="1"/>
                    <a:pt x="0" y="0"/>
                    <a:pt x="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0" name="işlïḑe">
              <a:extLst>
                <a:ext uri="{FF2B5EF4-FFF2-40B4-BE49-F238E27FC236}">
                  <a16:creationId xmlns:a16="http://schemas.microsoft.com/office/drawing/2014/main" xmlns="" id="{B0C41212-30D8-4F0B-84F2-4F3640C44647}"/>
                </a:ext>
              </a:extLst>
            </p:cNvPr>
            <p:cNvSpPr/>
            <p:nvPr/>
          </p:nvSpPr>
          <p:spPr bwMode="auto">
            <a:xfrm>
              <a:off x="5925350" y="2233993"/>
              <a:ext cx="300235" cy="114071"/>
            </a:xfrm>
            <a:custGeom>
              <a:avLst/>
              <a:gdLst>
                <a:gd name="T0" fmla="*/ 0 w 139"/>
                <a:gd name="T1" fmla="*/ 0 h 53"/>
                <a:gd name="T2" fmla="*/ 6 w 139"/>
                <a:gd name="T3" fmla="*/ 2 h 53"/>
                <a:gd name="T4" fmla="*/ 21 w 139"/>
                <a:gd name="T5" fmla="*/ 7 h 53"/>
                <a:gd name="T6" fmla="*/ 70 w 139"/>
                <a:gd name="T7" fmla="*/ 25 h 53"/>
                <a:gd name="T8" fmla="*/ 119 w 139"/>
                <a:gd name="T9" fmla="*/ 44 h 53"/>
                <a:gd name="T10" fmla="*/ 134 w 139"/>
                <a:gd name="T11" fmla="*/ 50 h 53"/>
                <a:gd name="T12" fmla="*/ 139 w 139"/>
                <a:gd name="T13" fmla="*/ 53 h 53"/>
                <a:gd name="T14" fmla="*/ 134 w 139"/>
                <a:gd name="T15" fmla="*/ 51 h 53"/>
                <a:gd name="T16" fmla="*/ 118 w 139"/>
                <a:gd name="T17" fmla="*/ 46 h 53"/>
                <a:gd name="T18" fmla="*/ 69 w 139"/>
                <a:gd name="T19" fmla="*/ 28 h 53"/>
                <a:gd name="T20" fmla="*/ 20 w 139"/>
                <a:gd name="T21" fmla="*/ 9 h 53"/>
                <a:gd name="T22" fmla="*/ 5 w 139"/>
                <a:gd name="T23" fmla="*/ 3 h 53"/>
                <a:gd name="T24" fmla="*/ 0 w 139"/>
                <a:gd name="T25"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9" h="53">
                  <a:moveTo>
                    <a:pt x="0" y="0"/>
                  </a:moveTo>
                  <a:cubicBezTo>
                    <a:pt x="0" y="0"/>
                    <a:pt x="2" y="0"/>
                    <a:pt x="6" y="2"/>
                  </a:cubicBezTo>
                  <a:cubicBezTo>
                    <a:pt x="9" y="3"/>
                    <a:pt x="14" y="5"/>
                    <a:pt x="21" y="7"/>
                  </a:cubicBezTo>
                  <a:cubicBezTo>
                    <a:pt x="33" y="12"/>
                    <a:pt x="51" y="18"/>
                    <a:pt x="70" y="25"/>
                  </a:cubicBezTo>
                  <a:cubicBezTo>
                    <a:pt x="89" y="32"/>
                    <a:pt x="107" y="39"/>
                    <a:pt x="119" y="44"/>
                  </a:cubicBezTo>
                  <a:cubicBezTo>
                    <a:pt x="125" y="46"/>
                    <a:pt x="131" y="48"/>
                    <a:pt x="134" y="50"/>
                  </a:cubicBezTo>
                  <a:cubicBezTo>
                    <a:pt x="137" y="51"/>
                    <a:pt x="139" y="52"/>
                    <a:pt x="139" y="53"/>
                  </a:cubicBezTo>
                  <a:cubicBezTo>
                    <a:pt x="139" y="53"/>
                    <a:pt x="137" y="52"/>
                    <a:pt x="134" y="51"/>
                  </a:cubicBezTo>
                  <a:cubicBezTo>
                    <a:pt x="130" y="50"/>
                    <a:pt x="125" y="48"/>
                    <a:pt x="118" y="46"/>
                  </a:cubicBezTo>
                  <a:cubicBezTo>
                    <a:pt x="106" y="41"/>
                    <a:pt x="88" y="35"/>
                    <a:pt x="69" y="28"/>
                  </a:cubicBezTo>
                  <a:cubicBezTo>
                    <a:pt x="50" y="21"/>
                    <a:pt x="32" y="14"/>
                    <a:pt x="20" y="9"/>
                  </a:cubicBezTo>
                  <a:cubicBezTo>
                    <a:pt x="14" y="7"/>
                    <a:pt x="9" y="4"/>
                    <a:pt x="5" y="3"/>
                  </a:cubicBezTo>
                  <a:cubicBezTo>
                    <a:pt x="2" y="1"/>
                    <a:pt x="0" y="0"/>
                    <a:pt x="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1" name="ïṩḻîḋé">
              <a:extLst>
                <a:ext uri="{FF2B5EF4-FFF2-40B4-BE49-F238E27FC236}">
                  <a16:creationId xmlns:a16="http://schemas.microsoft.com/office/drawing/2014/main" xmlns="" id="{FD5D139D-3283-4496-A1D7-330026059032}"/>
                </a:ext>
              </a:extLst>
            </p:cNvPr>
            <p:cNvSpPr/>
            <p:nvPr/>
          </p:nvSpPr>
          <p:spPr bwMode="auto">
            <a:xfrm>
              <a:off x="6225584" y="2177414"/>
              <a:ext cx="73918" cy="170650"/>
            </a:xfrm>
            <a:custGeom>
              <a:avLst/>
              <a:gdLst>
                <a:gd name="T0" fmla="*/ 34 w 34"/>
                <a:gd name="T1" fmla="*/ 0 h 79"/>
                <a:gd name="T2" fmla="*/ 30 w 34"/>
                <a:gd name="T3" fmla="*/ 12 h 79"/>
                <a:gd name="T4" fmla="*/ 19 w 34"/>
                <a:gd name="T5" fmla="*/ 40 h 79"/>
                <a:gd name="T6" fmla="*/ 0 w 34"/>
                <a:gd name="T7" fmla="*/ 79 h 79"/>
                <a:gd name="T8" fmla="*/ 5 w 34"/>
                <a:gd name="T9" fmla="*/ 67 h 79"/>
                <a:gd name="T10" fmla="*/ 16 w 34"/>
                <a:gd name="T11" fmla="*/ 39 h 79"/>
                <a:gd name="T12" fmla="*/ 34 w 34"/>
                <a:gd name="T13" fmla="*/ 0 h 79"/>
              </a:gdLst>
              <a:ahLst/>
              <a:cxnLst>
                <a:cxn ang="0">
                  <a:pos x="T0" y="T1"/>
                </a:cxn>
                <a:cxn ang="0">
                  <a:pos x="T2" y="T3"/>
                </a:cxn>
                <a:cxn ang="0">
                  <a:pos x="T4" y="T5"/>
                </a:cxn>
                <a:cxn ang="0">
                  <a:pos x="T6" y="T7"/>
                </a:cxn>
                <a:cxn ang="0">
                  <a:pos x="T8" y="T9"/>
                </a:cxn>
                <a:cxn ang="0">
                  <a:pos x="T10" y="T11"/>
                </a:cxn>
                <a:cxn ang="0">
                  <a:pos x="T12" y="T13"/>
                </a:cxn>
              </a:cxnLst>
              <a:rect l="0" t="0" r="r" b="b"/>
              <a:pathLst>
                <a:path w="34" h="79">
                  <a:moveTo>
                    <a:pt x="34" y="0"/>
                  </a:moveTo>
                  <a:cubicBezTo>
                    <a:pt x="34" y="0"/>
                    <a:pt x="32" y="5"/>
                    <a:pt x="30" y="12"/>
                  </a:cubicBezTo>
                  <a:cubicBezTo>
                    <a:pt x="27" y="19"/>
                    <a:pt x="23" y="29"/>
                    <a:pt x="19" y="40"/>
                  </a:cubicBezTo>
                  <a:cubicBezTo>
                    <a:pt x="10" y="62"/>
                    <a:pt x="1" y="79"/>
                    <a:pt x="0" y="79"/>
                  </a:cubicBezTo>
                  <a:cubicBezTo>
                    <a:pt x="0" y="78"/>
                    <a:pt x="2" y="74"/>
                    <a:pt x="5" y="67"/>
                  </a:cubicBezTo>
                  <a:cubicBezTo>
                    <a:pt x="7" y="60"/>
                    <a:pt x="11" y="50"/>
                    <a:pt x="16" y="39"/>
                  </a:cubicBezTo>
                  <a:cubicBezTo>
                    <a:pt x="25" y="17"/>
                    <a:pt x="33" y="0"/>
                    <a:pt x="34"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2" name="íṥľïḋè">
              <a:extLst>
                <a:ext uri="{FF2B5EF4-FFF2-40B4-BE49-F238E27FC236}">
                  <a16:creationId xmlns:a16="http://schemas.microsoft.com/office/drawing/2014/main" xmlns="" id="{0A8350B6-860F-4AEC-A991-E6FFA3E8CB44}"/>
                </a:ext>
              </a:extLst>
            </p:cNvPr>
            <p:cNvSpPr/>
            <p:nvPr/>
          </p:nvSpPr>
          <p:spPr bwMode="auto">
            <a:xfrm>
              <a:off x="5925350" y="2060605"/>
              <a:ext cx="69355" cy="173388"/>
            </a:xfrm>
            <a:custGeom>
              <a:avLst/>
              <a:gdLst>
                <a:gd name="T0" fmla="*/ 32 w 32"/>
                <a:gd name="T1" fmla="*/ 0 h 80"/>
                <a:gd name="T2" fmla="*/ 27 w 32"/>
                <a:gd name="T3" fmla="*/ 12 h 80"/>
                <a:gd name="T4" fmla="*/ 17 w 32"/>
                <a:gd name="T5" fmla="*/ 40 h 80"/>
                <a:gd name="T6" fmla="*/ 6 w 32"/>
                <a:gd name="T7" fmla="*/ 68 h 80"/>
                <a:gd name="T8" fmla="*/ 1 w 32"/>
                <a:gd name="T9" fmla="*/ 80 h 80"/>
                <a:gd name="T10" fmla="*/ 4 w 32"/>
                <a:gd name="T11" fmla="*/ 68 h 80"/>
                <a:gd name="T12" fmla="*/ 14 w 32"/>
                <a:gd name="T13" fmla="*/ 39 h 80"/>
                <a:gd name="T14" fmla="*/ 26 w 32"/>
                <a:gd name="T15" fmla="*/ 11 h 80"/>
                <a:gd name="T16" fmla="*/ 32 w 32"/>
                <a:gd name="T17" fmla="*/ 0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2" h="80">
                  <a:moveTo>
                    <a:pt x="32" y="0"/>
                  </a:moveTo>
                  <a:cubicBezTo>
                    <a:pt x="32" y="0"/>
                    <a:pt x="30" y="5"/>
                    <a:pt x="27" y="12"/>
                  </a:cubicBezTo>
                  <a:cubicBezTo>
                    <a:pt x="25" y="19"/>
                    <a:pt x="21" y="29"/>
                    <a:pt x="17" y="40"/>
                  </a:cubicBezTo>
                  <a:cubicBezTo>
                    <a:pt x="12" y="51"/>
                    <a:pt x="9" y="61"/>
                    <a:pt x="6" y="68"/>
                  </a:cubicBezTo>
                  <a:cubicBezTo>
                    <a:pt x="3" y="76"/>
                    <a:pt x="1" y="80"/>
                    <a:pt x="1" y="80"/>
                  </a:cubicBezTo>
                  <a:cubicBezTo>
                    <a:pt x="0" y="80"/>
                    <a:pt x="2" y="75"/>
                    <a:pt x="4" y="68"/>
                  </a:cubicBezTo>
                  <a:cubicBezTo>
                    <a:pt x="7" y="61"/>
                    <a:pt x="10" y="50"/>
                    <a:pt x="14" y="39"/>
                  </a:cubicBezTo>
                  <a:cubicBezTo>
                    <a:pt x="19" y="28"/>
                    <a:pt x="23" y="18"/>
                    <a:pt x="26" y="11"/>
                  </a:cubicBezTo>
                  <a:cubicBezTo>
                    <a:pt x="29" y="4"/>
                    <a:pt x="31" y="0"/>
                    <a:pt x="32"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3" name="išḷíḓé">
              <a:extLst>
                <a:ext uri="{FF2B5EF4-FFF2-40B4-BE49-F238E27FC236}">
                  <a16:creationId xmlns:a16="http://schemas.microsoft.com/office/drawing/2014/main" xmlns="" id="{CE472198-8CB6-4668-95D4-B6638EE2FEF8}"/>
                </a:ext>
              </a:extLst>
            </p:cNvPr>
            <p:cNvSpPr/>
            <p:nvPr/>
          </p:nvSpPr>
          <p:spPr bwMode="auto">
            <a:xfrm>
              <a:off x="6189081" y="2213917"/>
              <a:ext cx="45629" cy="47453"/>
            </a:xfrm>
            <a:custGeom>
              <a:avLst/>
              <a:gdLst>
                <a:gd name="T0" fmla="*/ 20 w 21"/>
                <a:gd name="T1" fmla="*/ 10 h 22"/>
                <a:gd name="T2" fmla="*/ 18 w 21"/>
                <a:gd name="T3" fmla="*/ 4 h 22"/>
                <a:gd name="T4" fmla="*/ 6 w 21"/>
                <a:gd name="T5" fmla="*/ 2 h 22"/>
                <a:gd name="T6" fmla="*/ 6 w 21"/>
                <a:gd name="T7" fmla="*/ 2 h 22"/>
                <a:gd name="T8" fmla="*/ 6 w 21"/>
                <a:gd name="T9" fmla="*/ 3 h 22"/>
                <a:gd name="T10" fmla="*/ 0 w 21"/>
                <a:gd name="T11" fmla="*/ 9 h 22"/>
                <a:gd name="T12" fmla="*/ 4 w 21"/>
                <a:gd name="T13" fmla="*/ 19 h 22"/>
                <a:gd name="T14" fmla="*/ 15 w 21"/>
                <a:gd name="T15" fmla="*/ 20 h 22"/>
                <a:gd name="T16" fmla="*/ 19 w 21"/>
                <a:gd name="T17" fmla="*/ 15 h 22"/>
                <a:gd name="T18" fmla="*/ 19 w 21"/>
                <a:gd name="T19" fmla="*/ 15 h 22"/>
                <a:gd name="T20" fmla="*/ 20 w 21"/>
                <a:gd name="T21" fmla="*/ 13 h 22"/>
                <a:gd name="T22" fmla="*/ 20 w 21"/>
                <a:gd name="T23" fmla="*/ 1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1" h="22">
                  <a:moveTo>
                    <a:pt x="20" y="10"/>
                  </a:moveTo>
                  <a:cubicBezTo>
                    <a:pt x="20" y="8"/>
                    <a:pt x="19" y="6"/>
                    <a:pt x="18" y="4"/>
                  </a:cubicBezTo>
                  <a:cubicBezTo>
                    <a:pt x="14" y="0"/>
                    <a:pt x="9" y="1"/>
                    <a:pt x="6" y="2"/>
                  </a:cubicBezTo>
                  <a:cubicBezTo>
                    <a:pt x="6" y="2"/>
                    <a:pt x="6" y="2"/>
                    <a:pt x="6" y="2"/>
                  </a:cubicBezTo>
                  <a:cubicBezTo>
                    <a:pt x="6" y="2"/>
                    <a:pt x="6" y="2"/>
                    <a:pt x="6" y="3"/>
                  </a:cubicBezTo>
                  <a:cubicBezTo>
                    <a:pt x="3" y="4"/>
                    <a:pt x="1" y="6"/>
                    <a:pt x="0" y="9"/>
                  </a:cubicBezTo>
                  <a:cubicBezTo>
                    <a:pt x="0" y="12"/>
                    <a:pt x="1" y="16"/>
                    <a:pt x="4" y="19"/>
                  </a:cubicBezTo>
                  <a:cubicBezTo>
                    <a:pt x="7" y="21"/>
                    <a:pt x="12" y="22"/>
                    <a:pt x="15" y="20"/>
                  </a:cubicBezTo>
                  <a:cubicBezTo>
                    <a:pt x="17" y="19"/>
                    <a:pt x="18" y="17"/>
                    <a:pt x="19" y="15"/>
                  </a:cubicBezTo>
                  <a:cubicBezTo>
                    <a:pt x="19" y="15"/>
                    <a:pt x="19" y="15"/>
                    <a:pt x="19" y="15"/>
                  </a:cubicBezTo>
                  <a:cubicBezTo>
                    <a:pt x="20" y="14"/>
                    <a:pt x="20" y="13"/>
                    <a:pt x="20" y="13"/>
                  </a:cubicBezTo>
                  <a:cubicBezTo>
                    <a:pt x="20" y="12"/>
                    <a:pt x="21" y="11"/>
                    <a:pt x="20" y="1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4" name="îṣľidé">
              <a:extLst>
                <a:ext uri="{FF2B5EF4-FFF2-40B4-BE49-F238E27FC236}">
                  <a16:creationId xmlns:a16="http://schemas.microsoft.com/office/drawing/2014/main" xmlns="" id="{386297D4-F992-459D-B35D-D5C7E660C564}"/>
                </a:ext>
              </a:extLst>
            </p:cNvPr>
            <p:cNvSpPr/>
            <p:nvPr/>
          </p:nvSpPr>
          <p:spPr bwMode="auto">
            <a:xfrm>
              <a:off x="5897060" y="2164638"/>
              <a:ext cx="548453" cy="543890"/>
            </a:xfrm>
            <a:custGeom>
              <a:avLst/>
              <a:gdLst>
                <a:gd name="T0" fmla="*/ 252 w 254"/>
                <a:gd name="T1" fmla="*/ 121 h 252"/>
                <a:gd name="T2" fmla="*/ 243 w 254"/>
                <a:gd name="T3" fmla="*/ 97 h 252"/>
                <a:gd name="T4" fmla="*/ 213 w 254"/>
                <a:gd name="T5" fmla="*/ 54 h 252"/>
                <a:gd name="T6" fmla="*/ 176 w 254"/>
                <a:gd name="T7" fmla="*/ 16 h 252"/>
                <a:gd name="T8" fmla="*/ 167 w 254"/>
                <a:gd name="T9" fmla="*/ 8 h 252"/>
                <a:gd name="T10" fmla="*/ 155 w 254"/>
                <a:gd name="T11" fmla="*/ 2 h 252"/>
                <a:gd name="T12" fmla="*/ 130 w 254"/>
                <a:gd name="T13" fmla="*/ 5 h 252"/>
                <a:gd name="T14" fmla="*/ 91 w 254"/>
                <a:gd name="T15" fmla="*/ 27 h 252"/>
                <a:gd name="T16" fmla="*/ 61 w 254"/>
                <a:gd name="T17" fmla="*/ 51 h 252"/>
                <a:gd name="T18" fmla="*/ 33 w 254"/>
                <a:gd name="T19" fmla="*/ 76 h 252"/>
                <a:gd name="T20" fmla="*/ 32 w 254"/>
                <a:gd name="T21" fmla="*/ 76 h 252"/>
                <a:gd name="T22" fmla="*/ 28 w 254"/>
                <a:gd name="T23" fmla="*/ 80 h 252"/>
                <a:gd name="T24" fmla="*/ 6 w 254"/>
                <a:gd name="T25" fmla="*/ 100 h 252"/>
                <a:gd name="T26" fmla="*/ 1 w 254"/>
                <a:gd name="T27" fmla="*/ 107 h 252"/>
                <a:gd name="T28" fmla="*/ 1 w 254"/>
                <a:gd name="T29" fmla="*/ 117 h 252"/>
                <a:gd name="T30" fmla="*/ 8 w 254"/>
                <a:gd name="T31" fmla="*/ 133 h 252"/>
                <a:gd name="T32" fmla="*/ 54 w 254"/>
                <a:gd name="T33" fmla="*/ 195 h 252"/>
                <a:gd name="T34" fmla="*/ 80 w 254"/>
                <a:gd name="T35" fmla="*/ 225 h 252"/>
                <a:gd name="T36" fmla="*/ 94 w 254"/>
                <a:gd name="T37" fmla="*/ 238 h 252"/>
                <a:gd name="T38" fmla="*/ 109 w 254"/>
                <a:gd name="T39" fmla="*/ 249 h 252"/>
                <a:gd name="T40" fmla="*/ 114 w 254"/>
                <a:gd name="T41" fmla="*/ 251 h 252"/>
                <a:gd name="T42" fmla="*/ 118 w 254"/>
                <a:gd name="T43" fmla="*/ 252 h 252"/>
                <a:gd name="T44" fmla="*/ 123 w 254"/>
                <a:gd name="T45" fmla="*/ 252 h 252"/>
                <a:gd name="T46" fmla="*/ 125 w 254"/>
                <a:gd name="T47" fmla="*/ 252 h 252"/>
                <a:gd name="T48" fmla="*/ 128 w 254"/>
                <a:gd name="T49" fmla="*/ 251 h 252"/>
                <a:gd name="T50" fmla="*/ 143 w 254"/>
                <a:gd name="T51" fmla="*/ 245 h 252"/>
                <a:gd name="T52" fmla="*/ 168 w 254"/>
                <a:gd name="T53" fmla="*/ 229 h 252"/>
                <a:gd name="T54" fmla="*/ 200 w 254"/>
                <a:gd name="T55" fmla="*/ 201 h 252"/>
                <a:gd name="T56" fmla="*/ 201 w 254"/>
                <a:gd name="T57" fmla="*/ 200 h 252"/>
                <a:gd name="T58" fmla="*/ 201 w 254"/>
                <a:gd name="T59" fmla="*/ 200 h 252"/>
                <a:gd name="T60" fmla="*/ 222 w 254"/>
                <a:gd name="T61" fmla="*/ 181 h 252"/>
                <a:gd name="T62" fmla="*/ 237 w 254"/>
                <a:gd name="T63" fmla="*/ 165 h 252"/>
                <a:gd name="T64" fmla="*/ 250 w 254"/>
                <a:gd name="T65" fmla="*/ 146 h 252"/>
                <a:gd name="T66" fmla="*/ 253 w 254"/>
                <a:gd name="T67" fmla="*/ 134 h 252"/>
                <a:gd name="T68" fmla="*/ 252 w 254"/>
                <a:gd name="T69" fmla="*/ 121 h 2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254" h="252">
                  <a:moveTo>
                    <a:pt x="252" y="121"/>
                  </a:moveTo>
                  <a:cubicBezTo>
                    <a:pt x="251" y="113"/>
                    <a:pt x="247" y="105"/>
                    <a:pt x="243" y="97"/>
                  </a:cubicBezTo>
                  <a:cubicBezTo>
                    <a:pt x="235" y="82"/>
                    <a:pt x="225" y="67"/>
                    <a:pt x="213" y="54"/>
                  </a:cubicBezTo>
                  <a:cubicBezTo>
                    <a:pt x="201" y="40"/>
                    <a:pt x="189" y="28"/>
                    <a:pt x="176" y="16"/>
                  </a:cubicBezTo>
                  <a:cubicBezTo>
                    <a:pt x="173" y="13"/>
                    <a:pt x="170" y="10"/>
                    <a:pt x="167" y="8"/>
                  </a:cubicBezTo>
                  <a:cubicBezTo>
                    <a:pt x="163" y="5"/>
                    <a:pt x="159" y="3"/>
                    <a:pt x="155" y="2"/>
                  </a:cubicBezTo>
                  <a:cubicBezTo>
                    <a:pt x="146" y="0"/>
                    <a:pt x="137" y="2"/>
                    <a:pt x="130" y="5"/>
                  </a:cubicBezTo>
                  <a:cubicBezTo>
                    <a:pt x="115" y="10"/>
                    <a:pt x="102" y="19"/>
                    <a:pt x="91" y="27"/>
                  </a:cubicBezTo>
                  <a:cubicBezTo>
                    <a:pt x="80" y="35"/>
                    <a:pt x="70" y="43"/>
                    <a:pt x="61" y="51"/>
                  </a:cubicBezTo>
                  <a:cubicBezTo>
                    <a:pt x="50" y="60"/>
                    <a:pt x="41" y="69"/>
                    <a:pt x="33" y="76"/>
                  </a:cubicBezTo>
                  <a:cubicBezTo>
                    <a:pt x="33" y="76"/>
                    <a:pt x="32" y="76"/>
                    <a:pt x="32" y="76"/>
                  </a:cubicBezTo>
                  <a:cubicBezTo>
                    <a:pt x="31" y="78"/>
                    <a:pt x="29" y="79"/>
                    <a:pt x="28" y="80"/>
                  </a:cubicBezTo>
                  <a:cubicBezTo>
                    <a:pt x="21" y="86"/>
                    <a:pt x="13" y="91"/>
                    <a:pt x="6" y="100"/>
                  </a:cubicBezTo>
                  <a:cubicBezTo>
                    <a:pt x="4" y="102"/>
                    <a:pt x="2" y="105"/>
                    <a:pt x="1" y="107"/>
                  </a:cubicBezTo>
                  <a:cubicBezTo>
                    <a:pt x="0" y="110"/>
                    <a:pt x="0" y="114"/>
                    <a:pt x="1" y="117"/>
                  </a:cubicBezTo>
                  <a:cubicBezTo>
                    <a:pt x="2" y="123"/>
                    <a:pt x="5" y="128"/>
                    <a:pt x="8" y="133"/>
                  </a:cubicBezTo>
                  <a:cubicBezTo>
                    <a:pt x="20" y="154"/>
                    <a:pt x="36" y="174"/>
                    <a:pt x="54" y="195"/>
                  </a:cubicBezTo>
                  <a:cubicBezTo>
                    <a:pt x="62" y="206"/>
                    <a:pt x="71" y="216"/>
                    <a:pt x="80" y="225"/>
                  </a:cubicBezTo>
                  <a:cubicBezTo>
                    <a:pt x="85" y="230"/>
                    <a:pt x="89" y="234"/>
                    <a:pt x="94" y="238"/>
                  </a:cubicBezTo>
                  <a:cubicBezTo>
                    <a:pt x="99" y="242"/>
                    <a:pt x="103" y="246"/>
                    <a:pt x="109" y="249"/>
                  </a:cubicBezTo>
                  <a:cubicBezTo>
                    <a:pt x="110" y="250"/>
                    <a:pt x="112" y="251"/>
                    <a:pt x="114" y="251"/>
                  </a:cubicBezTo>
                  <a:cubicBezTo>
                    <a:pt x="115" y="252"/>
                    <a:pt x="117" y="252"/>
                    <a:pt x="118" y="252"/>
                  </a:cubicBezTo>
                  <a:cubicBezTo>
                    <a:pt x="120" y="252"/>
                    <a:pt x="122" y="252"/>
                    <a:pt x="123" y="252"/>
                  </a:cubicBezTo>
                  <a:cubicBezTo>
                    <a:pt x="124" y="252"/>
                    <a:pt x="125" y="252"/>
                    <a:pt x="125" y="252"/>
                  </a:cubicBezTo>
                  <a:cubicBezTo>
                    <a:pt x="128" y="251"/>
                    <a:pt x="128" y="251"/>
                    <a:pt x="128" y="251"/>
                  </a:cubicBezTo>
                  <a:cubicBezTo>
                    <a:pt x="133" y="250"/>
                    <a:pt x="138" y="248"/>
                    <a:pt x="143" y="245"/>
                  </a:cubicBezTo>
                  <a:cubicBezTo>
                    <a:pt x="153" y="240"/>
                    <a:pt x="161" y="234"/>
                    <a:pt x="168" y="229"/>
                  </a:cubicBezTo>
                  <a:cubicBezTo>
                    <a:pt x="182" y="218"/>
                    <a:pt x="193" y="208"/>
                    <a:pt x="200" y="201"/>
                  </a:cubicBezTo>
                  <a:cubicBezTo>
                    <a:pt x="200" y="201"/>
                    <a:pt x="201" y="200"/>
                    <a:pt x="201" y="200"/>
                  </a:cubicBezTo>
                  <a:cubicBezTo>
                    <a:pt x="201" y="200"/>
                    <a:pt x="201" y="200"/>
                    <a:pt x="201" y="200"/>
                  </a:cubicBezTo>
                  <a:cubicBezTo>
                    <a:pt x="208" y="194"/>
                    <a:pt x="215" y="188"/>
                    <a:pt x="222" y="181"/>
                  </a:cubicBezTo>
                  <a:cubicBezTo>
                    <a:pt x="227" y="176"/>
                    <a:pt x="232" y="171"/>
                    <a:pt x="237" y="165"/>
                  </a:cubicBezTo>
                  <a:cubicBezTo>
                    <a:pt x="242" y="159"/>
                    <a:pt x="247" y="153"/>
                    <a:pt x="250" y="146"/>
                  </a:cubicBezTo>
                  <a:cubicBezTo>
                    <a:pt x="252" y="142"/>
                    <a:pt x="253" y="138"/>
                    <a:pt x="253" y="134"/>
                  </a:cubicBezTo>
                  <a:cubicBezTo>
                    <a:pt x="254" y="129"/>
                    <a:pt x="253" y="125"/>
                    <a:pt x="252" y="121"/>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5" name="ïşļíḍê">
              <a:extLst>
                <a:ext uri="{FF2B5EF4-FFF2-40B4-BE49-F238E27FC236}">
                  <a16:creationId xmlns:a16="http://schemas.microsoft.com/office/drawing/2014/main" xmlns="" id="{1B600340-00F0-469F-BA39-2FD666DAD327}"/>
                </a:ext>
              </a:extLst>
            </p:cNvPr>
            <p:cNvSpPr/>
            <p:nvPr/>
          </p:nvSpPr>
          <p:spPr bwMode="auto">
            <a:xfrm>
              <a:off x="5934476" y="2376353"/>
              <a:ext cx="19164" cy="17339"/>
            </a:xfrm>
            <a:custGeom>
              <a:avLst/>
              <a:gdLst>
                <a:gd name="T0" fmla="*/ 9 w 9"/>
                <a:gd name="T1" fmla="*/ 0 h 8"/>
                <a:gd name="T2" fmla="*/ 5 w 9"/>
                <a:gd name="T3" fmla="*/ 5 h 8"/>
                <a:gd name="T4" fmla="*/ 0 w 9"/>
                <a:gd name="T5" fmla="*/ 8 h 8"/>
                <a:gd name="T6" fmla="*/ 3 w 9"/>
                <a:gd name="T7" fmla="*/ 3 h 8"/>
                <a:gd name="T8" fmla="*/ 9 w 9"/>
                <a:gd name="T9" fmla="*/ 0 h 8"/>
              </a:gdLst>
              <a:ahLst/>
              <a:cxnLst>
                <a:cxn ang="0">
                  <a:pos x="T0" y="T1"/>
                </a:cxn>
                <a:cxn ang="0">
                  <a:pos x="T2" y="T3"/>
                </a:cxn>
                <a:cxn ang="0">
                  <a:pos x="T4" y="T5"/>
                </a:cxn>
                <a:cxn ang="0">
                  <a:pos x="T6" y="T7"/>
                </a:cxn>
                <a:cxn ang="0">
                  <a:pos x="T8" y="T9"/>
                </a:cxn>
              </a:cxnLst>
              <a:rect l="0" t="0" r="r" b="b"/>
              <a:pathLst>
                <a:path w="9" h="8">
                  <a:moveTo>
                    <a:pt x="9" y="0"/>
                  </a:moveTo>
                  <a:cubicBezTo>
                    <a:pt x="9" y="1"/>
                    <a:pt x="8" y="3"/>
                    <a:pt x="5" y="5"/>
                  </a:cubicBezTo>
                  <a:cubicBezTo>
                    <a:pt x="3" y="7"/>
                    <a:pt x="1" y="8"/>
                    <a:pt x="0" y="8"/>
                  </a:cubicBezTo>
                  <a:cubicBezTo>
                    <a:pt x="0" y="7"/>
                    <a:pt x="1" y="5"/>
                    <a:pt x="3" y="3"/>
                  </a:cubicBezTo>
                  <a:cubicBezTo>
                    <a:pt x="6" y="1"/>
                    <a:pt x="8" y="0"/>
                    <a:pt x="9"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6" name="i$liḋê">
              <a:extLst>
                <a:ext uri="{FF2B5EF4-FFF2-40B4-BE49-F238E27FC236}">
                  <a16:creationId xmlns:a16="http://schemas.microsoft.com/office/drawing/2014/main" xmlns="" id="{9D9CC032-2A4C-471E-9C5B-87ADC7022D17}"/>
                </a:ext>
              </a:extLst>
            </p:cNvPr>
            <p:cNvSpPr/>
            <p:nvPr/>
          </p:nvSpPr>
          <p:spPr bwMode="auto">
            <a:xfrm>
              <a:off x="5988317" y="2311562"/>
              <a:ext cx="41066" cy="34677"/>
            </a:xfrm>
            <a:custGeom>
              <a:avLst/>
              <a:gdLst>
                <a:gd name="T0" fmla="*/ 19 w 19"/>
                <a:gd name="T1" fmla="*/ 1 h 16"/>
                <a:gd name="T2" fmla="*/ 11 w 19"/>
                <a:gd name="T3" fmla="*/ 10 h 16"/>
                <a:gd name="T4" fmla="*/ 1 w 19"/>
                <a:gd name="T5" fmla="*/ 16 h 16"/>
                <a:gd name="T6" fmla="*/ 9 w 19"/>
                <a:gd name="T7" fmla="*/ 7 h 16"/>
                <a:gd name="T8" fmla="*/ 19 w 19"/>
                <a:gd name="T9" fmla="*/ 1 h 16"/>
              </a:gdLst>
              <a:ahLst/>
              <a:cxnLst>
                <a:cxn ang="0">
                  <a:pos x="T0" y="T1"/>
                </a:cxn>
                <a:cxn ang="0">
                  <a:pos x="T2" y="T3"/>
                </a:cxn>
                <a:cxn ang="0">
                  <a:pos x="T4" y="T5"/>
                </a:cxn>
                <a:cxn ang="0">
                  <a:pos x="T6" y="T7"/>
                </a:cxn>
                <a:cxn ang="0">
                  <a:pos x="T8" y="T9"/>
                </a:cxn>
              </a:cxnLst>
              <a:rect l="0" t="0" r="r" b="b"/>
              <a:pathLst>
                <a:path w="19" h="16">
                  <a:moveTo>
                    <a:pt x="19" y="1"/>
                  </a:moveTo>
                  <a:cubicBezTo>
                    <a:pt x="19" y="2"/>
                    <a:pt x="16" y="6"/>
                    <a:pt x="11" y="10"/>
                  </a:cubicBezTo>
                  <a:cubicBezTo>
                    <a:pt x="6" y="14"/>
                    <a:pt x="2" y="16"/>
                    <a:pt x="1" y="16"/>
                  </a:cubicBezTo>
                  <a:cubicBezTo>
                    <a:pt x="0" y="15"/>
                    <a:pt x="4" y="11"/>
                    <a:pt x="9" y="7"/>
                  </a:cubicBezTo>
                  <a:cubicBezTo>
                    <a:pt x="14" y="3"/>
                    <a:pt x="18" y="0"/>
                    <a:pt x="19"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7" name="îśľîďé">
              <a:extLst>
                <a:ext uri="{FF2B5EF4-FFF2-40B4-BE49-F238E27FC236}">
                  <a16:creationId xmlns:a16="http://schemas.microsoft.com/office/drawing/2014/main" xmlns="" id="{296B324E-62E5-4C8D-8725-C9EA5CD59C19}"/>
                </a:ext>
              </a:extLst>
            </p:cNvPr>
            <p:cNvSpPr/>
            <p:nvPr/>
          </p:nvSpPr>
          <p:spPr bwMode="auto">
            <a:xfrm>
              <a:off x="6065885" y="2253157"/>
              <a:ext cx="42891" cy="31940"/>
            </a:xfrm>
            <a:custGeom>
              <a:avLst/>
              <a:gdLst>
                <a:gd name="T0" fmla="*/ 19 w 20"/>
                <a:gd name="T1" fmla="*/ 0 h 15"/>
                <a:gd name="T2" fmla="*/ 11 w 20"/>
                <a:gd name="T3" fmla="*/ 9 h 15"/>
                <a:gd name="T4" fmla="*/ 1 w 20"/>
                <a:gd name="T5" fmla="*/ 14 h 15"/>
                <a:gd name="T6" fmla="*/ 9 w 20"/>
                <a:gd name="T7" fmla="*/ 6 h 15"/>
                <a:gd name="T8" fmla="*/ 19 w 20"/>
                <a:gd name="T9" fmla="*/ 0 h 15"/>
              </a:gdLst>
              <a:ahLst/>
              <a:cxnLst>
                <a:cxn ang="0">
                  <a:pos x="T0" y="T1"/>
                </a:cxn>
                <a:cxn ang="0">
                  <a:pos x="T2" y="T3"/>
                </a:cxn>
                <a:cxn ang="0">
                  <a:pos x="T4" y="T5"/>
                </a:cxn>
                <a:cxn ang="0">
                  <a:pos x="T6" y="T7"/>
                </a:cxn>
                <a:cxn ang="0">
                  <a:pos x="T8" y="T9"/>
                </a:cxn>
              </a:cxnLst>
              <a:rect l="0" t="0" r="r" b="b"/>
              <a:pathLst>
                <a:path w="20" h="15">
                  <a:moveTo>
                    <a:pt x="19" y="0"/>
                  </a:moveTo>
                  <a:cubicBezTo>
                    <a:pt x="20" y="1"/>
                    <a:pt x="16" y="5"/>
                    <a:pt x="11" y="9"/>
                  </a:cubicBezTo>
                  <a:cubicBezTo>
                    <a:pt x="6" y="12"/>
                    <a:pt x="2" y="15"/>
                    <a:pt x="1" y="14"/>
                  </a:cubicBezTo>
                  <a:cubicBezTo>
                    <a:pt x="0" y="13"/>
                    <a:pt x="4" y="10"/>
                    <a:pt x="9" y="6"/>
                  </a:cubicBezTo>
                  <a:cubicBezTo>
                    <a:pt x="14" y="2"/>
                    <a:pt x="19" y="0"/>
                    <a:pt x="19"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8" name="iśľiḍê">
              <a:extLst>
                <a:ext uri="{FF2B5EF4-FFF2-40B4-BE49-F238E27FC236}">
                  <a16:creationId xmlns:a16="http://schemas.microsoft.com/office/drawing/2014/main" xmlns="" id="{D6EF8477-F216-4DEC-8AB1-170CB3DA1582}"/>
                </a:ext>
              </a:extLst>
            </p:cNvPr>
            <p:cNvSpPr/>
            <p:nvPr/>
          </p:nvSpPr>
          <p:spPr bwMode="auto">
            <a:xfrm>
              <a:off x="6148017" y="2201140"/>
              <a:ext cx="45629" cy="25552"/>
            </a:xfrm>
            <a:custGeom>
              <a:avLst/>
              <a:gdLst>
                <a:gd name="T0" fmla="*/ 21 w 21"/>
                <a:gd name="T1" fmla="*/ 1 h 12"/>
                <a:gd name="T2" fmla="*/ 11 w 21"/>
                <a:gd name="T3" fmla="*/ 7 h 12"/>
                <a:gd name="T4" fmla="*/ 4 w 21"/>
                <a:gd name="T5" fmla="*/ 10 h 12"/>
                <a:gd name="T6" fmla="*/ 0 w 21"/>
                <a:gd name="T7" fmla="*/ 11 h 12"/>
                <a:gd name="T8" fmla="*/ 2 w 21"/>
                <a:gd name="T9" fmla="*/ 9 h 12"/>
                <a:gd name="T10" fmla="*/ 9 w 21"/>
                <a:gd name="T11" fmla="*/ 4 h 12"/>
                <a:gd name="T12" fmla="*/ 21 w 21"/>
                <a:gd name="T13" fmla="*/ 1 h 12"/>
              </a:gdLst>
              <a:ahLst/>
              <a:cxnLst>
                <a:cxn ang="0">
                  <a:pos x="T0" y="T1"/>
                </a:cxn>
                <a:cxn ang="0">
                  <a:pos x="T2" y="T3"/>
                </a:cxn>
                <a:cxn ang="0">
                  <a:pos x="T4" y="T5"/>
                </a:cxn>
                <a:cxn ang="0">
                  <a:pos x="T6" y="T7"/>
                </a:cxn>
                <a:cxn ang="0">
                  <a:pos x="T8" y="T9"/>
                </a:cxn>
                <a:cxn ang="0">
                  <a:pos x="T10" y="T11"/>
                </a:cxn>
                <a:cxn ang="0">
                  <a:pos x="T12" y="T13"/>
                </a:cxn>
              </a:cxnLst>
              <a:rect l="0" t="0" r="r" b="b"/>
              <a:pathLst>
                <a:path w="21" h="12">
                  <a:moveTo>
                    <a:pt x="21" y="1"/>
                  </a:moveTo>
                  <a:cubicBezTo>
                    <a:pt x="21" y="2"/>
                    <a:pt x="16" y="4"/>
                    <a:pt x="11" y="7"/>
                  </a:cubicBezTo>
                  <a:cubicBezTo>
                    <a:pt x="8" y="8"/>
                    <a:pt x="6" y="10"/>
                    <a:pt x="4" y="10"/>
                  </a:cubicBezTo>
                  <a:cubicBezTo>
                    <a:pt x="2" y="11"/>
                    <a:pt x="0" y="12"/>
                    <a:pt x="0" y="11"/>
                  </a:cubicBezTo>
                  <a:cubicBezTo>
                    <a:pt x="0" y="11"/>
                    <a:pt x="1" y="10"/>
                    <a:pt x="2" y="9"/>
                  </a:cubicBezTo>
                  <a:cubicBezTo>
                    <a:pt x="4" y="7"/>
                    <a:pt x="6" y="5"/>
                    <a:pt x="9" y="4"/>
                  </a:cubicBezTo>
                  <a:cubicBezTo>
                    <a:pt x="15" y="0"/>
                    <a:pt x="21" y="0"/>
                    <a:pt x="21"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49" name="ïŝ1îde">
              <a:extLst>
                <a:ext uri="{FF2B5EF4-FFF2-40B4-BE49-F238E27FC236}">
                  <a16:creationId xmlns:a16="http://schemas.microsoft.com/office/drawing/2014/main" xmlns="" id="{18D2C51C-E1FA-4772-8A41-B53B71D93813}"/>
                </a:ext>
              </a:extLst>
            </p:cNvPr>
            <p:cNvSpPr/>
            <p:nvPr/>
          </p:nvSpPr>
          <p:spPr bwMode="auto">
            <a:xfrm>
              <a:off x="6236535" y="2220305"/>
              <a:ext cx="38328" cy="37416"/>
            </a:xfrm>
            <a:custGeom>
              <a:avLst/>
              <a:gdLst>
                <a:gd name="T0" fmla="*/ 17 w 18"/>
                <a:gd name="T1" fmla="*/ 16 h 17"/>
                <a:gd name="T2" fmla="*/ 7 w 18"/>
                <a:gd name="T3" fmla="*/ 10 h 17"/>
                <a:gd name="T4" fmla="*/ 0 w 18"/>
                <a:gd name="T5" fmla="*/ 1 h 17"/>
                <a:gd name="T6" fmla="*/ 10 w 18"/>
                <a:gd name="T7" fmla="*/ 7 h 17"/>
                <a:gd name="T8" fmla="*/ 17 w 18"/>
                <a:gd name="T9" fmla="*/ 16 h 17"/>
              </a:gdLst>
              <a:ahLst/>
              <a:cxnLst>
                <a:cxn ang="0">
                  <a:pos x="T0" y="T1"/>
                </a:cxn>
                <a:cxn ang="0">
                  <a:pos x="T2" y="T3"/>
                </a:cxn>
                <a:cxn ang="0">
                  <a:pos x="T4" y="T5"/>
                </a:cxn>
                <a:cxn ang="0">
                  <a:pos x="T6" y="T7"/>
                </a:cxn>
                <a:cxn ang="0">
                  <a:pos x="T8" y="T9"/>
                </a:cxn>
              </a:cxnLst>
              <a:rect l="0" t="0" r="r" b="b"/>
              <a:pathLst>
                <a:path w="18" h="17">
                  <a:moveTo>
                    <a:pt x="17" y="16"/>
                  </a:moveTo>
                  <a:cubicBezTo>
                    <a:pt x="16" y="17"/>
                    <a:pt x="12" y="14"/>
                    <a:pt x="7" y="10"/>
                  </a:cubicBezTo>
                  <a:cubicBezTo>
                    <a:pt x="3" y="5"/>
                    <a:pt x="0" y="1"/>
                    <a:pt x="0" y="1"/>
                  </a:cubicBezTo>
                  <a:cubicBezTo>
                    <a:pt x="1" y="0"/>
                    <a:pt x="5" y="3"/>
                    <a:pt x="10" y="7"/>
                  </a:cubicBezTo>
                  <a:cubicBezTo>
                    <a:pt x="14" y="11"/>
                    <a:pt x="18" y="15"/>
                    <a:pt x="17" y="1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0" name="ïṧlíḓè">
              <a:extLst>
                <a:ext uri="{FF2B5EF4-FFF2-40B4-BE49-F238E27FC236}">
                  <a16:creationId xmlns:a16="http://schemas.microsoft.com/office/drawing/2014/main" xmlns="" id="{2A9BB0C0-466A-4236-BF29-D0DE5BCC2B44}"/>
                </a:ext>
              </a:extLst>
            </p:cNvPr>
            <p:cNvSpPr/>
            <p:nvPr/>
          </p:nvSpPr>
          <p:spPr bwMode="auto">
            <a:xfrm>
              <a:off x="6307715" y="2287834"/>
              <a:ext cx="36503" cy="38328"/>
            </a:xfrm>
            <a:custGeom>
              <a:avLst/>
              <a:gdLst>
                <a:gd name="T0" fmla="*/ 16 w 17"/>
                <a:gd name="T1" fmla="*/ 18 h 18"/>
                <a:gd name="T2" fmla="*/ 8 w 17"/>
                <a:gd name="T3" fmla="*/ 10 h 18"/>
                <a:gd name="T4" fmla="*/ 1 w 17"/>
                <a:gd name="T5" fmla="*/ 0 h 18"/>
                <a:gd name="T6" fmla="*/ 10 w 17"/>
                <a:gd name="T7" fmla="*/ 8 h 18"/>
                <a:gd name="T8" fmla="*/ 16 w 17"/>
                <a:gd name="T9" fmla="*/ 18 h 18"/>
              </a:gdLst>
              <a:ahLst/>
              <a:cxnLst>
                <a:cxn ang="0">
                  <a:pos x="T0" y="T1"/>
                </a:cxn>
                <a:cxn ang="0">
                  <a:pos x="T2" y="T3"/>
                </a:cxn>
                <a:cxn ang="0">
                  <a:pos x="T4" y="T5"/>
                </a:cxn>
                <a:cxn ang="0">
                  <a:pos x="T6" y="T7"/>
                </a:cxn>
                <a:cxn ang="0">
                  <a:pos x="T8" y="T9"/>
                </a:cxn>
              </a:cxnLst>
              <a:rect l="0" t="0" r="r" b="b"/>
              <a:pathLst>
                <a:path w="17" h="18">
                  <a:moveTo>
                    <a:pt x="16" y="18"/>
                  </a:moveTo>
                  <a:cubicBezTo>
                    <a:pt x="16" y="18"/>
                    <a:pt x="12" y="15"/>
                    <a:pt x="8" y="10"/>
                  </a:cubicBezTo>
                  <a:cubicBezTo>
                    <a:pt x="4" y="5"/>
                    <a:pt x="0" y="1"/>
                    <a:pt x="1" y="0"/>
                  </a:cubicBezTo>
                  <a:cubicBezTo>
                    <a:pt x="2" y="0"/>
                    <a:pt x="6" y="3"/>
                    <a:pt x="10" y="8"/>
                  </a:cubicBezTo>
                  <a:cubicBezTo>
                    <a:pt x="14" y="12"/>
                    <a:pt x="17" y="17"/>
                    <a:pt x="16" y="1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1" name="iş1íḑê">
              <a:extLst>
                <a:ext uri="{FF2B5EF4-FFF2-40B4-BE49-F238E27FC236}">
                  <a16:creationId xmlns:a16="http://schemas.microsoft.com/office/drawing/2014/main" xmlns="" id="{B4EC9F83-AB0F-46DC-A57F-F57B22882622}"/>
                </a:ext>
              </a:extLst>
            </p:cNvPr>
            <p:cNvSpPr/>
            <p:nvPr/>
          </p:nvSpPr>
          <p:spPr bwMode="auto">
            <a:xfrm>
              <a:off x="6370683" y="2365403"/>
              <a:ext cx="23727" cy="45629"/>
            </a:xfrm>
            <a:custGeom>
              <a:avLst/>
              <a:gdLst>
                <a:gd name="T0" fmla="*/ 10 w 11"/>
                <a:gd name="T1" fmla="*/ 21 h 21"/>
                <a:gd name="T2" fmla="*/ 4 w 11"/>
                <a:gd name="T3" fmla="*/ 11 h 21"/>
                <a:gd name="T4" fmla="*/ 0 w 11"/>
                <a:gd name="T5" fmla="*/ 0 h 21"/>
                <a:gd name="T6" fmla="*/ 7 w 11"/>
                <a:gd name="T7" fmla="*/ 10 h 21"/>
                <a:gd name="T8" fmla="*/ 10 w 11"/>
                <a:gd name="T9" fmla="*/ 21 h 21"/>
              </a:gdLst>
              <a:ahLst/>
              <a:cxnLst>
                <a:cxn ang="0">
                  <a:pos x="T0" y="T1"/>
                </a:cxn>
                <a:cxn ang="0">
                  <a:pos x="T2" y="T3"/>
                </a:cxn>
                <a:cxn ang="0">
                  <a:pos x="T4" y="T5"/>
                </a:cxn>
                <a:cxn ang="0">
                  <a:pos x="T6" y="T7"/>
                </a:cxn>
                <a:cxn ang="0">
                  <a:pos x="T8" y="T9"/>
                </a:cxn>
              </a:cxnLst>
              <a:rect l="0" t="0" r="r" b="b"/>
              <a:pathLst>
                <a:path w="11" h="21">
                  <a:moveTo>
                    <a:pt x="10" y="21"/>
                  </a:moveTo>
                  <a:cubicBezTo>
                    <a:pt x="9" y="21"/>
                    <a:pt x="7" y="17"/>
                    <a:pt x="4" y="11"/>
                  </a:cubicBezTo>
                  <a:cubicBezTo>
                    <a:pt x="2" y="6"/>
                    <a:pt x="0" y="1"/>
                    <a:pt x="0" y="0"/>
                  </a:cubicBezTo>
                  <a:cubicBezTo>
                    <a:pt x="1" y="0"/>
                    <a:pt x="5" y="4"/>
                    <a:pt x="7" y="10"/>
                  </a:cubicBezTo>
                  <a:cubicBezTo>
                    <a:pt x="10" y="15"/>
                    <a:pt x="11" y="21"/>
                    <a:pt x="10" y="2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2" name="isḷïḓé">
              <a:extLst>
                <a:ext uri="{FF2B5EF4-FFF2-40B4-BE49-F238E27FC236}">
                  <a16:creationId xmlns:a16="http://schemas.microsoft.com/office/drawing/2014/main" xmlns="" id="{1ABF5EB9-02D4-4BC7-85B8-BD631B073CFE}"/>
                </a:ext>
              </a:extLst>
            </p:cNvPr>
            <p:cNvSpPr/>
            <p:nvPr/>
          </p:nvSpPr>
          <p:spPr bwMode="auto">
            <a:xfrm>
              <a:off x="6378896" y="2458484"/>
              <a:ext cx="23727" cy="47453"/>
            </a:xfrm>
            <a:custGeom>
              <a:avLst/>
              <a:gdLst>
                <a:gd name="T0" fmla="*/ 0 w 11"/>
                <a:gd name="T1" fmla="*/ 21 h 22"/>
                <a:gd name="T2" fmla="*/ 5 w 11"/>
                <a:gd name="T3" fmla="*/ 11 h 22"/>
                <a:gd name="T4" fmla="*/ 10 w 11"/>
                <a:gd name="T5" fmla="*/ 0 h 22"/>
                <a:gd name="T6" fmla="*/ 8 w 11"/>
                <a:gd name="T7" fmla="*/ 12 h 22"/>
                <a:gd name="T8" fmla="*/ 0 w 11"/>
                <a:gd name="T9" fmla="*/ 21 h 22"/>
              </a:gdLst>
              <a:ahLst/>
              <a:cxnLst>
                <a:cxn ang="0">
                  <a:pos x="T0" y="T1"/>
                </a:cxn>
                <a:cxn ang="0">
                  <a:pos x="T2" y="T3"/>
                </a:cxn>
                <a:cxn ang="0">
                  <a:pos x="T4" y="T5"/>
                </a:cxn>
                <a:cxn ang="0">
                  <a:pos x="T6" y="T7"/>
                </a:cxn>
                <a:cxn ang="0">
                  <a:pos x="T8" y="T9"/>
                </a:cxn>
              </a:cxnLst>
              <a:rect l="0" t="0" r="r" b="b"/>
              <a:pathLst>
                <a:path w="11" h="22">
                  <a:moveTo>
                    <a:pt x="0" y="21"/>
                  </a:moveTo>
                  <a:cubicBezTo>
                    <a:pt x="0" y="21"/>
                    <a:pt x="2" y="16"/>
                    <a:pt x="5" y="11"/>
                  </a:cubicBezTo>
                  <a:cubicBezTo>
                    <a:pt x="7" y="5"/>
                    <a:pt x="9" y="0"/>
                    <a:pt x="10" y="0"/>
                  </a:cubicBezTo>
                  <a:cubicBezTo>
                    <a:pt x="10" y="0"/>
                    <a:pt x="11" y="6"/>
                    <a:pt x="8" y="12"/>
                  </a:cubicBezTo>
                  <a:cubicBezTo>
                    <a:pt x="5" y="18"/>
                    <a:pt x="1" y="22"/>
                    <a:pt x="0" y="2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3" name="ísḷïdê">
              <a:extLst>
                <a:ext uri="{FF2B5EF4-FFF2-40B4-BE49-F238E27FC236}">
                  <a16:creationId xmlns:a16="http://schemas.microsoft.com/office/drawing/2014/main" xmlns="" id="{1C42AD4E-7EE7-4806-A8DE-D6A1BF0D94E4}"/>
                </a:ext>
              </a:extLst>
            </p:cNvPr>
            <p:cNvSpPr/>
            <p:nvPr/>
          </p:nvSpPr>
          <p:spPr bwMode="auto">
            <a:xfrm>
              <a:off x="6307715" y="2540615"/>
              <a:ext cx="41066" cy="34677"/>
            </a:xfrm>
            <a:custGeom>
              <a:avLst/>
              <a:gdLst>
                <a:gd name="T0" fmla="*/ 1 w 19"/>
                <a:gd name="T1" fmla="*/ 16 h 16"/>
                <a:gd name="T2" fmla="*/ 9 w 19"/>
                <a:gd name="T3" fmla="*/ 7 h 16"/>
                <a:gd name="T4" fmla="*/ 18 w 19"/>
                <a:gd name="T5" fmla="*/ 0 h 16"/>
                <a:gd name="T6" fmla="*/ 11 w 19"/>
                <a:gd name="T7" fmla="*/ 9 h 16"/>
                <a:gd name="T8" fmla="*/ 1 w 19"/>
                <a:gd name="T9" fmla="*/ 16 h 16"/>
              </a:gdLst>
              <a:ahLst/>
              <a:cxnLst>
                <a:cxn ang="0">
                  <a:pos x="T0" y="T1"/>
                </a:cxn>
                <a:cxn ang="0">
                  <a:pos x="T2" y="T3"/>
                </a:cxn>
                <a:cxn ang="0">
                  <a:pos x="T4" y="T5"/>
                </a:cxn>
                <a:cxn ang="0">
                  <a:pos x="T6" y="T7"/>
                </a:cxn>
                <a:cxn ang="0">
                  <a:pos x="T8" y="T9"/>
                </a:cxn>
              </a:cxnLst>
              <a:rect l="0" t="0" r="r" b="b"/>
              <a:pathLst>
                <a:path w="19" h="16">
                  <a:moveTo>
                    <a:pt x="1" y="16"/>
                  </a:moveTo>
                  <a:cubicBezTo>
                    <a:pt x="0" y="15"/>
                    <a:pt x="4" y="11"/>
                    <a:pt x="9" y="7"/>
                  </a:cubicBezTo>
                  <a:cubicBezTo>
                    <a:pt x="13" y="3"/>
                    <a:pt x="18" y="0"/>
                    <a:pt x="18" y="0"/>
                  </a:cubicBezTo>
                  <a:cubicBezTo>
                    <a:pt x="19" y="1"/>
                    <a:pt x="16" y="5"/>
                    <a:pt x="11" y="9"/>
                  </a:cubicBezTo>
                  <a:cubicBezTo>
                    <a:pt x="6" y="13"/>
                    <a:pt x="2" y="16"/>
                    <a:pt x="1" y="1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4" name="iṣļîḑé">
              <a:extLst>
                <a:ext uri="{FF2B5EF4-FFF2-40B4-BE49-F238E27FC236}">
                  <a16:creationId xmlns:a16="http://schemas.microsoft.com/office/drawing/2014/main" xmlns="" id="{2F2BA415-0150-44C6-80E8-6AD4AF92517F}"/>
                </a:ext>
              </a:extLst>
            </p:cNvPr>
            <p:cNvSpPr/>
            <p:nvPr/>
          </p:nvSpPr>
          <p:spPr bwMode="auto">
            <a:xfrm>
              <a:off x="6227410" y="2602670"/>
              <a:ext cx="43803" cy="30115"/>
            </a:xfrm>
            <a:custGeom>
              <a:avLst/>
              <a:gdLst>
                <a:gd name="T0" fmla="*/ 1 w 20"/>
                <a:gd name="T1" fmla="*/ 13 h 14"/>
                <a:gd name="T2" fmla="*/ 9 w 20"/>
                <a:gd name="T3" fmla="*/ 5 h 14"/>
                <a:gd name="T4" fmla="*/ 20 w 20"/>
                <a:gd name="T5" fmla="*/ 0 h 14"/>
                <a:gd name="T6" fmla="*/ 11 w 20"/>
                <a:gd name="T7" fmla="*/ 8 h 14"/>
                <a:gd name="T8" fmla="*/ 1 w 20"/>
                <a:gd name="T9" fmla="*/ 13 h 14"/>
              </a:gdLst>
              <a:ahLst/>
              <a:cxnLst>
                <a:cxn ang="0">
                  <a:pos x="T0" y="T1"/>
                </a:cxn>
                <a:cxn ang="0">
                  <a:pos x="T2" y="T3"/>
                </a:cxn>
                <a:cxn ang="0">
                  <a:pos x="T4" y="T5"/>
                </a:cxn>
                <a:cxn ang="0">
                  <a:pos x="T6" y="T7"/>
                </a:cxn>
                <a:cxn ang="0">
                  <a:pos x="T8" y="T9"/>
                </a:cxn>
              </a:cxnLst>
              <a:rect l="0" t="0" r="r" b="b"/>
              <a:pathLst>
                <a:path w="20" h="14">
                  <a:moveTo>
                    <a:pt x="1" y="13"/>
                  </a:moveTo>
                  <a:cubicBezTo>
                    <a:pt x="0" y="12"/>
                    <a:pt x="4" y="9"/>
                    <a:pt x="9" y="5"/>
                  </a:cubicBezTo>
                  <a:cubicBezTo>
                    <a:pt x="14" y="2"/>
                    <a:pt x="19" y="0"/>
                    <a:pt x="20" y="0"/>
                  </a:cubicBezTo>
                  <a:cubicBezTo>
                    <a:pt x="20" y="1"/>
                    <a:pt x="16" y="5"/>
                    <a:pt x="11" y="8"/>
                  </a:cubicBezTo>
                  <a:cubicBezTo>
                    <a:pt x="6" y="12"/>
                    <a:pt x="1" y="14"/>
                    <a:pt x="1" y="1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5" name="ïŝ1íḋè">
              <a:extLst>
                <a:ext uri="{FF2B5EF4-FFF2-40B4-BE49-F238E27FC236}">
                  <a16:creationId xmlns:a16="http://schemas.microsoft.com/office/drawing/2014/main" xmlns="" id="{CD1DF596-2441-45B1-9F7F-6A129F2832D0}"/>
                </a:ext>
              </a:extLst>
            </p:cNvPr>
            <p:cNvSpPr/>
            <p:nvPr/>
          </p:nvSpPr>
          <p:spPr bwMode="auto">
            <a:xfrm>
              <a:off x="6167180" y="2657424"/>
              <a:ext cx="21902" cy="14601"/>
            </a:xfrm>
            <a:custGeom>
              <a:avLst/>
              <a:gdLst>
                <a:gd name="T0" fmla="*/ 0 w 10"/>
                <a:gd name="T1" fmla="*/ 7 h 7"/>
                <a:gd name="T2" fmla="*/ 4 w 10"/>
                <a:gd name="T3" fmla="*/ 2 h 7"/>
                <a:gd name="T4" fmla="*/ 9 w 10"/>
                <a:gd name="T5" fmla="*/ 1 h 7"/>
                <a:gd name="T6" fmla="*/ 6 w 10"/>
                <a:gd name="T7" fmla="*/ 5 h 7"/>
                <a:gd name="T8" fmla="*/ 0 w 10"/>
                <a:gd name="T9" fmla="*/ 7 h 7"/>
              </a:gdLst>
              <a:ahLst/>
              <a:cxnLst>
                <a:cxn ang="0">
                  <a:pos x="T0" y="T1"/>
                </a:cxn>
                <a:cxn ang="0">
                  <a:pos x="T2" y="T3"/>
                </a:cxn>
                <a:cxn ang="0">
                  <a:pos x="T4" y="T5"/>
                </a:cxn>
                <a:cxn ang="0">
                  <a:pos x="T6" y="T7"/>
                </a:cxn>
                <a:cxn ang="0">
                  <a:pos x="T8" y="T9"/>
                </a:cxn>
              </a:cxnLst>
              <a:rect l="0" t="0" r="r" b="b"/>
              <a:pathLst>
                <a:path w="10" h="7">
                  <a:moveTo>
                    <a:pt x="0" y="7"/>
                  </a:moveTo>
                  <a:cubicBezTo>
                    <a:pt x="0" y="6"/>
                    <a:pt x="1" y="4"/>
                    <a:pt x="4" y="2"/>
                  </a:cubicBezTo>
                  <a:cubicBezTo>
                    <a:pt x="6" y="1"/>
                    <a:pt x="9" y="0"/>
                    <a:pt x="9" y="1"/>
                  </a:cubicBezTo>
                  <a:cubicBezTo>
                    <a:pt x="10" y="1"/>
                    <a:pt x="8" y="3"/>
                    <a:pt x="6" y="5"/>
                  </a:cubicBezTo>
                  <a:cubicBezTo>
                    <a:pt x="3" y="7"/>
                    <a:pt x="1" y="7"/>
                    <a:pt x="0" y="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6" name="î$ļiḑê">
              <a:extLst>
                <a:ext uri="{FF2B5EF4-FFF2-40B4-BE49-F238E27FC236}">
                  <a16:creationId xmlns:a16="http://schemas.microsoft.com/office/drawing/2014/main" xmlns="" id="{CD287B81-272E-4399-9753-A04E1FD8C35C}"/>
                </a:ext>
              </a:extLst>
            </p:cNvPr>
            <p:cNvSpPr/>
            <p:nvPr/>
          </p:nvSpPr>
          <p:spPr bwMode="auto">
            <a:xfrm>
              <a:off x="5906186" y="2164638"/>
              <a:ext cx="539327" cy="531114"/>
            </a:xfrm>
            <a:custGeom>
              <a:avLst/>
              <a:gdLst>
                <a:gd name="T0" fmla="*/ 125 w 250"/>
                <a:gd name="T1" fmla="*/ 246 h 246"/>
                <a:gd name="T2" fmla="*/ 130 w 250"/>
                <a:gd name="T3" fmla="*/ 244 h 246"/>
                <a:gd name="T4" fmla="*/ 143 w 250"/>
                <a:gd name="T5" fmla="*/ 236 h 246"/>
                <a:gd name="T6" fmla="*/ 187 w 250"/>
                <a:gd name="T7" fmla="*/ 203 h 246"/>
                <a:gd name="T8" fmla="*/ 215 w 250"/>
                <a:gd name="T9" fmla="*/ 177 h 246"/>
                <a:gd name="T10" fmla="*/ 229 w 250"/>
                <a:gd name="T11" fmla="*/ 162 h 246"/>
                <a:gd name="T12" fmla="*/ 242 w 250"/>
                <a:gd name="T13" fmla="*/ 144 h 246"/>
                <a:gd name="T14" fmla="*/ 244 w 250"/>
                <a:gd name="T15" fmla="*/ 133 h 246"/>
                <a:gd name="T16" fmla="*/ 243 w 250"/>
                <a:gd name="T17" fmla="*/ 122 h 246"/>
                <a:gd name="T18" fmla="*/ 234 w 250"/>
                <a:gd name="T19" fmla="*/ 100 h 246"/>
                <a:gd name="T20" fmla="*/ 204 w 250"/>
                <a:gd name="T21" fmla="*/ 58 h 246"/>
                <a:gd name="T22" fmla="*/ 168 w 250"/>
                <a:gd name="T23" fmla="*/ 20 h 246"/>
                <a:gd name="T24" fmla="*/ 159 w 250"/>
                <a:gd name="T25" fmla="*/ 12 h 246"/>
                <a:gd name="T26" fmla="*/ 149 w 250"/>
                <a:gd name="T27" fmla="*/ 8 h 246"/>
                <a:gd name="T28" fmla="*/ 127 w 250"/>
                <a:gd name="T29" fmla="*/ 10 h 246"/>
                <a:gd name="T30" fmla="*/ 90 w 250"/>
                <a:gd name="T31" fmla="*/ 31 h 246"/>
                <a:gd name="T32" fmla="*/ 60 w 250"/>
                <a:gd name="T33" fmla="*/ 54 h 246"/>
                <a:gd name="T34" fmla="*/ 17 w 250"/>
                <a:gd name="T35" fmla="*/ 90 h 246"/>
                <a:gd name="T36" fmla="*/ 5 w 250"/>
                <a:gd name="T37" fmla="*/ 99 h 246"/>
                <a:gd name="T38" fmla="*/ 1 w 250"/>
                <a:gd name="T39" fmla="*/ 102 h 246"/>
                <a:gd name="T40" fmla="*/ 16 w 250"/>
                <a:gd name="T41" fmla="*/ 88 h 246"/>
                <a:gd name="T42" fmla="*/ 57 w 250"/>
                <a:gd name="T43" fmla="*/ 51 h 246"/>
                <a:gd name="T44" fmla="*/ 87 w 250"/>
                <a:gd name="T45" fmla="*/ 27 h 246"/>
                <a:gd name="T46" fmla="*/ 126 w 250"/>
                <a:gd name="T47" fmla="*/ 5 h 246"/>
                <a:gd name="T48" fmla="*/ 151 w 250"/>
                <a:gd name="T49" fmla="*/ 2 h 246"/>
                <a:gd name="T50" fmla="*/ 163 w 250"/>
                <a:gd name="T51" fmla="*/ 8 h 246"/>
                <a:gd name="T52" fmla="*/ 172 w 250"/>
                <a:gd name="T53" fmla="*/ 16 h 246"/>
                <a:gd name="T54" fmla="*/ 209 w 250"/>
                <a:gd name="T55" fmla="*/ 54 h 246"/>
                <a:gd name="T56" fmla="*/ 239 w 250"/>
                <a:gd name="T57" fmla="*/ 97 h 246"/>
                <a:gd name="T58" fmla="*/ 248 w 250"/>
                <a:gd name="T59" fmla="*/ 121 h 246"/>
                <a:gd name="T60" fmla="*/ 249 w 250"/>
                <a:gd name="T61" fmla="*/ 134 h 246"/>
                <a:gd name="T62" fmla="*/ 246 w 250"/>
                <a:gd name="T63" fmla="*/ 146 h 246"/>
                <a:gd name="T64" fmla="*/ 233 w 250"/>
                <a:gd name="T65" fmla="*/ 165 h 246"/>
                <a:gd name="T66" fmla="*/ 218 w 250"/>
                <a:gd name="T67" fmla="*/ 181 h 246"/>
                <a:gd name="T68" fmla="*/ 190 w 250"/>
                <a:gd name="T69" fmla="*/ 206 h 246"/>
                <a:gd name="T70" fmla="*/ 144 w 250"/>
                <a:gd name="T71" fmla="*/ 238 h 246"/>
                <a:gd name="T72" fmla="*/ 130 w 250"/>
                <a:gd name="T73" fmla="*/ 245 h 246"/>
                <a:gd name="T74" fmla="*/ 125 w 250"/>
                <a:gd name="T75" fmla="*/ 246 h 2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50" h="246">
                  <a:moveTo>
                    <a:pt x="125" y="246"/>
                  </a:moveTo>
                  <a:cubicBezTo>
                    <a:pt x="125" y="246"/>
                    <a:pt x="127" y="245"/>
                    <a:pt x="130" y="244"/>
                  </a:cubicBezTo>
                  <a:cubicBezTo>
                    <a:pt x="133" y="242"/>
                    <a:pt x="137" y="240"/>
                    <a:pt x="143" y="236"/>
                  </a:cubicBezTo>
                  <a:cubicBezTo>
                    <a:pt x="154" y="229"/>
                    <a:pt x="169" y="218"/>
                    <a:pt x="187" y="203"/>
                  </a:cubicBezTo>
                  <a:cubicBezTo>
                    <a:pt x="196" y="196"/>
                    <a:pt x="205" y="187"/>
                    <a:pt x="215" y="177"/>
                  </a:cubicBezTo>
                  <a:cubicBezTo>
                    <a:pt x="220" y="172"/>
                    <a:pt x="225" y="167"/>
                    <a:pt x="229" y="162"/>
                  </a:cubicBezTo>
                  <a:cubicBezTo>
                    <a:pt x="234" y="156"/>
                    <a:pt x="239" y="150"/>
                    <a:pt x="242" y="144"/>
                  </a:cubicBezTo>
                  <a:cubicBezTo>
                    <a:pt x="243" y="141"/>
                    <a:pt x="244" y="137"/>
                    <a:pt x="244" y="133"/>
                  </a:cubicBezTo>
                  <a:cubicBezTo>
                    <a:pt x="244" y="130"/>
                    <a:pt x="244" y="126"/>
                    <a:pt x="243" y="122"/>
                  </a:cubicBezTo>
                  <a:cubicBezTo>
                    <a:pt x="241" y="114"/>
                    <a:pt x="238" y="107"/>
                    <a:pt x="234" y="100"/>
                  </a:cubicBezTo>
                  <a:cubicBezTo>
                    <a:pt x="226" y="85"/>
                    <a:pt x="216" y="71"/>
                    <a:pt x="204" y="58"/>
                  </a:cubicBezTo>
                  <a:cubicBezTo>
                    <a:pt x="193" y="44"/>
                    <a:pt x="181" y="32"/>
                    <a:pt x="168" y="20"/>
                  </a:cubicBezTo>
                  <a:cubicBezTo>
                    <a:pt x="165" y="18"/>
                    <a:pt x="162" y="15"/>
                    <a:pt x="159" y="12"/>
                  </a:cubicBezTo>
                  <a:cubicBezTo>
                    <a:pt x="156" y="10"/>
                    <a:pt x="153" y="8"/>
                    <a:pt x="149" y="8"/>
                  </a:cubicBezTo>
                  <a:cubicBezTo>
                    <a:pt x="142" y="6"/>
                    <a:pt x="135" y="7"/>
                    <a:pt x="127" y="10"/>
                  </a:cubicBezTo>
                  <a:cubicBezTo>
                    <a:pt x="113" y="15"/>
                    <a:pt x="101" y="23"/>
                    <a:pt x="90" y="31"/>
                  </a:cubicBezTo>
                  <a:cubicBezTo>
                    <a:pt x="79" y="39"/>
                    <a:pt x="69" y="47"/>
                    <a:pt x="60" y="54"/>
                  </a:cubicBezTo>
                  <a:cubicBezTo>
                    <a:pt x="42" y="69"/>
                    <a:pt x="27" y="81"/>
                    <a:pt x="17" y="90"/>
                  </a:cubicBezTo>
                  <a:cubicBezTo>
                    <a:pt x="12" y="94"/>
                    <a:pt x="8" y="97"/>
                    <a:pt x="5" y="99"/>
                  </a:cubicBezTo>
                  <a:cubicBezTo>
                    <a:pt x="2" y="101"/>
                    <a:pt x="1" y="102"/>
                    <a:pt x="1" y="102"/>
                  </a:cubicBezTo>
                  <a:cubicBezTo>
                    <a:pt x="0" y="102"/>
                    <a:pt x="6" y="97"/>
                    <a:pt x="16" y="88"/>
                  </a:cubicBezTo>
                  <a:cubicBezTo>
                    <a:pt x="25" y="79"/>
                    <a:pt x="39" y="66"/>
                    <a:pt x="57" y="51"/>
                  </a:cubicBezTo>
                  <a:cubicBezTo>
                    <a:pt x="66" y="43"/>
                    <a:pt x="76" y="35"/>
                    <a:pt x="87" y="27"/>
                  </a:cubicBezTo>
                  <a:cubicBezTo>
                    <a:pt x="98" y="19"/>
                    <a:pt x="111" y="10"/>
                    <a:pt x="126" y="5"/>
                  </a:cubicBezTo>
                  <a:cubicBezTo>
                    <a:pt x="133" y="2"/>
                    <a:pt x="142" y="0"/>
                    <a:pt x="151" y="2"/>
                  </a:cubicBezTo>
                  <a:cubicBezTo>
                    <a:pt x="155" y="3"/>
                    <a:pt x="159" y="5"/>
                    <a:pt x="163" y="8"/>
                  </a:cubicBezTo>
                  <a:cubicBezTo>
                    <a:pt x="166" y="10"/>
                    <a:pt x="169" y="13"/>
                    <a:pt x="172" y="16"/>
                  </a:cubicBezTo>
                  <a:cubicBezTo>
                    <a:pt x="185" y="28"/>
                    <a:pt x="197" y="40"/>
                    <a:pt x="209" y="54"/>
                  </a:cubicBezTo>
                  <a:cubicBezTo>
                    <a:pt x="221" y="67"/>
                    <a:pt x="231" y="82"/>
                    <a:pt x="239" y="97"/>
                  </a:cubicBezTo>
                  <a:cubicBezTo>
                    <a:pt x="243" y="105"/>
                    <a:pt x="247" y="113"/>
                    <a:pt x="248" y="121"/>
                  </a:cubicBezTo>
                  <a:cubicBezTo>
                    <a:pt x="249" y="125"/>
                    <a:pt x="250" y="129"/>
                    <a:pt x="249" y="134"/>
                  </a:cubicBezTo>
                  <a:cubicBezTo>
                    <a:pt x="249" y="138"/>
                    <a:pt x="248" y="142"/>
                    <a:pt x="246" y="146"/>
                  </a:cubicBezTo>
                  <a:cubicBezTo>
                    <a:pt x="243" y="153"/>
                    <a:pt x="238" y="159"/>
                    <a:pt x="233" y="165"/>
                  </a:cubicBezTo>
                  <a:cubicBezTo>
                    <a:pt x="228" y="171"/>
                    <a:pt x="223" y="176"/>
                    <a:pt x="218" y="181"/>
                  </a:cubicBezTo>
                  <a:cubicBezTo>
                    <a:pt x="208" y="190"/>
                    <a:pt x="199" y="199"/>
                    <a:pt x="190" y="206"/>
                  </a:cubicBezTo>
                  <a:cubicBezTo>
                    <a:pt x="171" y="221"/>
                    <a:pt x="155" y="232"/>
                    <a:pt x="144" y="238"/>
                  </a:cubicBezTo>
                  <a:cubicBezTo>
                    <a:pt x="138" y="242"/>
                    <a:pt x="133" y="244"/>
                    <a:pt x="130" y="245"/>
                  </a:cubicBezTo>
                  <a:cubicBezTo>
                    <a:pt x="127" y="246"/>
                    <a:pt x="125" y="246"/>
                    <a:pt x="125" y="24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7" name="íṣļídè">
              <a:extLst>
                <a:ext uri="{FF2B5EF4-FFF2-40B4-BE49-F238E27FC236}">
                  <a16:creationId xmlns:a16="http://schemas.microsoft.com/office/drawing/2014/main" xmlns="" id="{BDF9BD30-64EF-47F3-A3A9-458BD6736887}"/>
                </a:ext>
              </a:extLst>
            </p:cNvPr>
            <p:cNvSpPr/>
            <p:nvPr/>
          </p:nvSpPr>
          <p:spPr bwMode="auto">
            <a:xfrm>
              <a:off x="5897060" y="2261370"/>
              <a:ext cx="456283" cy="447158"/>
            </a:xfrm>
            <a:custGeom>
              <a:avLst/>
              <a:gdLst>
                <a:gd name="T0" fmla="*/ 211 w 211"/>
                <a:gd name="T1" fmla="*/ 145 h 207"/>
                <a:gd name="T2" fmla="*/ 200 w 211"/>
                <a:gd name="T3" fmla="*/ 156 h 207"/>
                <a:gd name="T4" fmla="*/ 168 w 211"/>
                <a:gd name="T5" fmla="*/ 184 h 207"/>
                <a:gd name="T6" fmla="*/ 143 w 211"/>
                <a:gd name="T7" fmla="*/ 200 h 207"/>
                <a:gd name="T8" fmla="*/ 128 w 211"/>
                <a:gd name="T9" fmla="*/ 206 h 207"/>
                <a:gd name="T10" fmla="*/ 125 w 211"/>
                <a:gd name="T11" fmla="*/ 207 h 207"/>
                <a:gd name="T12" fmla="*/ 123 w 211"/>
                <a:gd name="T13" fmla="*/ 207 h 207"/>
                <a:gd name="T14" fmla="*/ 118 w 211"/>
                <a:gd name="T15" fmla="*/ 207 h 207"/>
                <a:gd name="T16" fmla="*/ 114 w 211"/>
                <a:gd name="T17" fmla="*/ 206 h 207"/>
                <a:gd name="T18" fmla="*/ 109 w 211"/>
                <a:gd name="T19" fmla="*/ 204 h 207"/>
                <a:gd name="T20" fmla="*/ 94 w 211"/>
                <a:gd name="T21" fmla="*/ 193 h 207"/>
                <a:gd name="T22" fmla="*/ 80 w 211"/>
                <a:gd name="T23" fmla="*/ 180 h 207"/>
                <a:gd name="T24" fmla="*/ 54 w 211"/>
                <a:gd name="T25" fmla="*/ 150 h 207"/>
                <a:gd name="T26" fmla="*/ 8 w 211"/>
                <a:gd name="T27" fmla="*/ 88 h 207"/>
                <a:gd name="T28" fmla="*/ 1 w 211"/>
                <a:gd name="T29" fmla="*/ 72 h 207"/>
                <a:gd name="T30" fmla="*/ 1 w 211"/>
                <a:gd name="T31" fmla="*/ 62 h 207"/>
                <a:gd name="T32" fmla="*/ 6 w 211"/>
                <a:gd name="T33" fmla="*/ 55 h 207"/>
                <a:gd name="T34" fmla="*/ 28 w 211"/>
                <a:gd name="T35" fmla="*/ 35 h 207"/>
                <a:gd name="T36" fmla="*/ 61 w 211"/>
                <a:gd name="T37" fmla="*/ 9 h 207"/>
                <a:gd name="T38" fmla="*/ 74 w 211"/>
                <a:gd name="T39" fmla="*/ 0 h 207"/>
                <a:gd name="T40" fmla="*/ 62 w 211"/>
                <a:gd name="T41" fmla="*/ 11 h 207"/>
                <a:gd name="T42" fmla="*/ 30 w 211"/>
                <a:gd name="T43" fmla="*/ 38 h 207"/>
                <a:gd name="T44" fmla="*/ 9 w 211"/>
                <a:gd name="T45" fmla="*/ 58 h 207"/>
                <a:gd name="T46" fmla="*/ 6 w 211"/>
                <a:gd name="T47" fmla="*/ 64 h 207"/>
                <a:gd name="T48" fmla="*/ 6 w 211"/>
                <a:gd name="T49" fmla="*/ 71 h 207"/>
                <a:gd name="T50" fmla="*/ 13 w 211"/>
                <a:gd name="T51" fmla="*/ 85 h 207"/>
                <a:gd name="T52" fmla="*/ 58 w 211"/>
                <a:gd name="T53" fmla="*/ 147 h 207"/>
                <a:gd name="T54" fmla="*/ 84 w 211"/>
                <a:gd name="T55" fmla="*/ 176 h 207"/>
                <a:gd name="T56" fmla="*/ 98 w 211"/>
                <a:gd name="T57" fmla="*/ 189 h 207"/>
                <a:gd name="T58" fmla="*/ 112 w 211"/>
                <a:gd name="T59" fmla="*/ 200 h 207"/>
                <a:gd name="T60" fmla="*/ 126 w 211"/>
                <a:gd name="T61" fmla="*/ 201 h 207"/>
                <a:gd name="T62" fmla="*/ 141 w 211"/>
                <a:gd name="T63" fmla="*/ 196 h 207"/>
                <a:gd name="T64" fmla="*/ 165 w 211"/>
                <a:gd name="T65" fmla="*/ 181 h 207"/>
                <a:gd name="T66" fmla="*/ 198 w 211"/>
                <a:gd name="T67" fmla="*/ 155 h 207"/>
                <a:gd name="T68" fmla="*/ 211 w 211"/>
                <a:gd name="T69" fmla="*/ 145 h 2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211" h="207">
                  <a:moveTo>
                    <a:pt x="211" y="145"/>
                  </a:moveTo>
                  <a:cubicBezTo>
                    <a:pt x="211" y="145"/>
                    <a:pt x="207" y="149"/>
                    <a:pt x="200" y="156"/>
                  </a:cubicBezTo>
                  <a:cubicBezTo>
                    <a:pt x="193" y="163"/>
                    <a:pt x="182" y="173"/>
                    <a:pt x="168" y="184"/>
                  </a:cubicBezTo>
                  <a:cubicBezTo>
                    <a:pt x="161" y="189"/>
                    <a:pt x="153" y="195"/>
                    <a:pt x="143" y="200"/>
                  </a:cubicBezTo>
                  <a:cubicBezTo>
                    <a:pt x="138" y="203"/>
                    <a:pt x="133" y="205"/>
                    <a:pt x="128" y="206"/>
                  </a:cubicBezTo>
                  <a:cubicBezTo>
                    <a:pt x="125" y="207"/>
                    <a:pt x="125" y="207"/>
                    <a:pt x="125" y="207"/>
                  </a:cubicBezTo>
                  <a:cubicBezTo>
                    <a:pt x="125" y="207"/>
                    <a:pt x="124" y="207"/>
                    <a:pt x="123" y="207"/>
                  </a:cubicBezTo>
                  <a:cubicBezTo>
                    <a:pt x="122" y="207"/>
                    <a:pt x="120" y="207"/>
                    <a:pt x="118" y="207"/>
                  </a:cubicBezTo>
                  <a:cubicBezTo>
                    <a:pt x="117" y="207"/>
                    <a:pt x="115" y="207"/>
                    <a:pt x="114" y="206"/>
                  </a:cubicBezTo>
                  <a:cubicBezTo>
                    <a:pt x="112" y="206"/>
                    <a:pt x="110" y="205"/>
                    <a:pt x="109" y="204"/>
                  </a:cubicBezTo>
                  <a:cubicBezTo>
                    <a:pt x="103" y="201"/>
                    <a:pt x="99" y="197"/>
                    <a:pt x="94" y="193"/>
                  </a:cubicBezTo>
                  <a:cubicBezTo>
                    <a:pt x="89" y="189"/>
                    <a:pt x="85" y="185"/>
                    <a:pt x="80" y="180"/>
                  </a:cubicBezTo>
                  <a:cubicBezTo>
                    <a:pt x="71" y="171"/>
                    <a:pt x="62" y="161"/>
                    <a:pt x="54" y="150"/>
                  </a:cubicBezTo>
                  <a:cubicBezTo>
                    <a:pt x="36" y="129"/>
                    <a:pt x="20" y="109"/>
                    <a:pt x="8" y="88"/>
                  </a:cubicBezTo>
                  <a:cubicBezTo>
                    <a:pt x="5" y="83"/>
                    <a:pt x="2" y="78"/>
                    <a:pt x="1" y="72"/>
                  </a:cubicBezTo>
                  <a:cubicBezTo>
                    <a:pt x="0" y="69"/>
                    <a:pt x="0" y="65"/>
                    <a:pt x="1" y="62"/>
                  </a:cubicBezTo>
                  <a:cubicBezTo>
                    <a:pt x="2" y="60"/>
                    <a:pt x="4" y="57"/>
                    <a:pt x="6" y="55"/>
                  </a:cubicBezTo>
                  <a:cubicBezTo>
                    <a:pt x="13" y="46"/>
                    <a:pt x="21" y="41"/>
                    <a:pt x="28" y="35"/>
                  </a:cubicBezTo>
                  <a:cubicBezTo>
                    <a:pt x="42" y="24"/>
                    <a:pt x="53" y="15"/>
                    <a:pt x="61" y="9"/>
                  </a:cubicBezTo>
                  <a:cubicBezTo>
                    <a:pt x="69" y="3"/>
                    <a:pt x="73" y="0"/>
                    <a:pt x="74" y="0"/>
                  </a:cubicBezTo>
                  <a:cubicBezTo>
                    <a:pt x="74" y="1"/>
                    <a:pt x="70" y="4"/>
                    <a:pt x="62" y="11"/>
                  </a:cubicBezTo>
                  <a:cubicBezTo>
                    <a:pt x="55" y="18"/>
                    <a:pt x="44" y="27"/>
                    <a:pt x="30" y="38"/>
                  </a:cubicBezTo>
                  <a:cubicBezTo>
                    <a:pt x="24" y="44"/>
                    <a:pt x="16" y="50"/>
                    <a:pt x="9" y="58"/>
                  </a:cubicBezTo>
                  <a:cubicBezTo>
                    <a:pt x="8" y="60"/>
                    <a:pt x="7" y="62"/>
                    <a:pt x="6" y="64"/>
                  </a:cubicBezTo>
                  <a:cubicBezTo>
                    <a:pt x="5" y="66"/>
                    <a:pt x="5" y="69"/>
                    <a:pt x="6" y="71"/>
                  </a:cubicBezTo>
                  <a:cubicBezTo>
                    <a:pt x="7" y="75"/>
                    <a:pt x="10" y="81"/>
                    <a:pt x="13" y="85"/>
                  </a:cubicBezTo>
                  <a:cubicBezTo>
                    <a:pt x="25" y="105"/>
                    <a:pt x="41" y="126"/>
                    <a:pt x="58" y="147"/>
                  </a:cubicBezTo>
                  <a:cubicBezTo>
                    <a:pt x="67" y="157"/>
                    <a:pt x="76" y="167"/>
                    <a:pt x="84" y="176"/>
                  </a:cubicBezTo>
                  <a:cubicBezTo>
                    <a:pt x="89" y="181"/>
                    <a:pt x="93" y="185"/>
                    <a:pt x="98" y="189"/>
                  </a:cubicBezTo>
                  <a:cubicBezTo>
                    <a:pt x="102" y="193"/>
                    <a:pt x="107" y="197"/>
                    <a:pt x="112" y="200"/>
                  </a:cubicBezTo>
                  <a:cubicBezTo>
                    <a:pt x="116" y="202"/>
                    <a:pt x="121" y="202"/>
                    <a:pt x="126" y="201"/>
                  </a:cubicBezTo>
                  <a:cubicBezTo>
                    <a:pt x="132" y="200"/>
                    <a:pt x="136" y="198"/>
                    <a:pt x="141" y="196"/>
                  </a:cubicBezTo>
                  <a:cubicBezTo>
                    <a:pt x="150" y="191"/>
                    <a:pt x="158" y="186"/>
                    <a:pt x="165" y="181"/>
                  </a:cubicBezTo>
                  <a:cubicBezTo>
                    <a:pt x="180" y="170"/>
                    <a:pt x="191" y="161"/>
                    <a:pt x="198" y="155"/>
                  </a:cubicBezTo>
                  <a:cubicBezTo>
                    <a:pt x="206" y="148"/>
                    <a:pt x="210" y="145"/>
                    <a:pt x="211" y="14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8" name="íš1îde">
              <a:extLst>
                <a:ext uri="{FF2B5EF4-FFF2-40B4-BE49-F238E27FC236}">
                  <a16:creationId xmlns:a16="http://schemas.microsoft.com/office/drawing/2014/main" xmlns="" id="{DC14FF8E-250D-412B-8B6A-9747F78919FB}"/>
                </a:ext>
              </a:extLst>
            </p:cNvPr>
            <p:cNvSpPr/>
            <p:nvPr/>
          </p:nvSpPr>
          <p:spPr bwMode="auto">
            <a:xfrm>
              <a:off x="6260262" y="2190190"/>
              <a:ext cx="181601" cy="183426"/>
            </a:xfrm>
            <a:custGeom>
              <a:avLst/>
              <a:gdLst>
                <a:gd name="T0" fmla="*/ 83 w 84"/>
                <a:gd name="T1" fmla="*/ 44 h 85"/>
                <a:gd name="T2" fmla="*/ 68 w 84"/>
                <a:gd name="T3" fmla="*/ 22 h 85"/>
                <a:gd name="T4" fmla="*/ 52 w 84"/>
                <a:gd name="T5" fmla="*/ 1 h 85"/>
                <a:gd name="T6" fmla="*/ 51 w 84"/>
                <a:gd name="T7" fmla="*/ 0 h 85"/>
                <a:gd name="T8" fmla="*/ 31 w 84"/>
                <a:gd name="T9" fmla="*/ 15 h 85"/>
                <a:gd name="T10" fmla="*/ 10 w 84"/>
                <a:gd name="T11" fmla="*/ 37 h 85"/>
                <a:gd name="T12" fmla="*/ 1 w 84"/>
                <a:gd name="T13" fmla="*/ 54 h 85"/>
                <a:gd name="T14" fmla="*/ 1 w 84"/>
                <a:gd name="T15" fmla="*/ 64 h 85"/>
                <a:gd name="T16" fmla="*/ 6 w 84"/>
                <a:gd name="T17" fmla="*/ 74 h 85"/>
                <a:gd name="T18" fmla="*/ 14 w 84"/>
                <a:gd name="T19" fmla="*/ 81 h 85"/>
                <a:gd name="T20" fmla="*/ 24 w 84"/>
                <a:gd name="T21" fmla="*/ 84 h 85"/>
                <a:gd name="T22" fmla="*/ 43 w 84"/>
                <a:gd name="T23" fmla="*/ 81 h 85"/>
                <a:gd name="T24" fmla="*/ 69 w 84"/>
                <a:gd name="T25" fmla="*/ 63 h 85"/>
                <a:gd name="T26" fmla="*/ 84 w 84"/>
                <a:gd name="T27" fmla="*/ 45 h 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84" h="85">
                  <a:moveTo>
                    <a:pt x="83" y="44"/>
                  </a:moveTo>
                  <a:cubicBezTo>
                    <a:pt x="78" y="37"/>
                    <a:pt x="74" y="29"/>
                    <a:pt x="68" y="22"/>
                  </a:cubicBezTo>
                  <a:cubicBezTo>
                    <a:pt x="63" y="15"/>
                    <a:pt x="58" y="8"/>
                    <a:pt x="52" y="1"/>
                  </a:cubicBezTo>
                  <a:cubicBezTo>
                    <a:pt x="51" y="0"/>
                    <a:pt x="51" y="0"/>
                    <a:pt x="51" y="0"/>
                  </a:cubicBezTo>
                  <a:cubicBezTo>
                    <a:pt x="47" y="2"/>
                    <a:pt x="40" y="7"/>
                    <a:pt x="31" y="15"/>
                  </a:cubicBezTo>
                  <a:cubicBezTo>
                    <a:pt x="25" y="20"/>
                    <a:pt x="17" y="27"/>
                    <a:pt x="10" y="37"/>
                  </a:cubicBezTo>
                  <a:cubicBezTo>
                    <a:pt x="6" y="42"/>
                    <a:pt x="3" y="47"/>
                    <a:pt x="1" y="54"/>
                  </a:cubicBezTo>
                  <a:cubicBezTo>
                    <a:pt x="0" y="57"/>
                    <a:pt x="0" y="61"/>
                    <a:pt x="1" y="64"/>
                  </a:cubicBezTo>
                  <a:cubicBezTo>
                    <a:pt x="2" y="68"/>
                    <a:pt x="4" y="71"/>
                    <a:pt x="6" y="74"/>
                  </a:cubicBezTo>
                  <a:cubicBezTo>
                    <a:pt x="9" y="77"/>
                    <a:pt x="11" y="79"/>
                    <a:pt x="14" y="81"/>
                  </a:cubicBezTo>
                  <a:cubicBezTo>
                    <a:pt x="18" y="83"/>
                    <a:pt x="21" y="84"/>
                    <a:pt x="24" y="84"/>
                  </a:cubicBezTo>
                  <a:cubicBezTo>
                    <a:pt x="31" y="85"/>
                    <a:pt x="38" y="83"/>
                    <a:pt x="43" y="81"/>
                  </a:cubicBezTo>
                  <a:cubicBezTo>
                    <a:pt x="54" y="76"/>
                    <a:pt x="63" y="69"/>
                    <a:pt x="69" y="63"/>
                  </a:cubicBezTo>
                  <a:cubicBezTo>
                    <a:pt x="77" y="56"/>
                    <a:pt x="82" y="49"/>
                    <a:pt x="84" y="45"/>
                  </a:cubicBezTo>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59" name="íşḷíḋe">
              <a:extLst>
                <a:ext uri="{FF2B5EF4-FFF2-40B4-BE49-F238E27FC236}">
                  <a16:creationId xmlns:a16="http://schemas.microsoft.com/office/drawing/2014/main" xmlns="" id="{CD2C43E0-284E-485E-BA16-B408BEC809EC}"/>
                </a:ext>
              </a:extLst>
            </p:cNvPr>
            <p:cNvSpPr/>
            <p:nvPr/>
          </p:nvSpPr>
          <p:spPr bwMode="auto">
            <a:xfrm>
              <a:off x="6301327" y="2294222"/>
              <a:ext cx="28290" cy="31940"/>
            </a:xfrm>
            <a:custGeom>
              <a:avLst/>
              <a:gdLst>
                <a:gd name="T0" fmla="*/ 11 w 13"/>
                <a:gd name="T1" fmla="*/ 3 h 15"/>
                <a:gd name="T2" fmla="*/ 4 w 13"/>
                <a:gd name="T3" fmla="*/ 1 h 15"/>
                <a:gd name="T4" fmla="*/ 2 w 13"/>
                <a:gd name="T5" fmla="*/ 3 h 15"/>
                <a:gd name="T6" fmla="*/ 0 w 13"/>
                <a:gd name="T7" fmla="*/ 6 h 15"/>
                <a:gd name="T8" fmla="*/ 2 w 13"/>
                <a:gd name="T9" fmla="*/ 13 h 15"/>
                <a:gd name="T10" fmla="*/ 9 w 13"/>
                <a:gd name="T11" fmla="*/ 14 h 15"/>
                <a:gd name="T12" fmla="*/ 12 w 13"/>
                <a:gd name="T13" fmla="*/ 11 h 15"/>
                <a:gd name="T14" fmla="*/ 13 w 13"/>
                <a:gd name="T15" fmla="*/ 10 h 15"/>
                <a:gd name="T16" fmla="*/ 13 w 13"/>
                <a:gd name="T17" fmla="*/ 10 h 15"/>
                <a:gd name="T18" fmla="*/ 13 w 13"/>
                <a:gd name="T19" fmla="*/ 7 h 15"/>
                <a:gd name="T20" fmla="*/ 11 w 13"/>
                <a:gd name="T21" fmla="*/ 3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3" h="15">
                  <a:moveTo>
                    <a:pt x="11" y="3"/>
                  </a:moveTo>
                  <a:cubicBezTo>
                    <a:pt x="9" y="1"/>
                    <a:pt x="6" y="0"/>
                    <a:pt x="4" y="1"/>
                  </a:cubicBezTo>
                  <a:cubicBezTo>
                    <a:pt x="3" y="2"/>
                    <a:pt x="2" y="2"/>
                    <a:pt x="2" y="3"/>
                  </a:cubicBezTo>
                  <a:cubicBezTo>
                    <a:pt x="1" y="3"/>
                    <a:pt x="0" y="5"/>
                    <a:pt x="0" y="6"/>
                  </a:cubicBezTo>
                  <a:cubicBezTo>
                    <a:pt x="0" y="8"/>
                    <a:pt x="0" y="11"/>
                    <a:pt x="2" y="13"/>
                  </a:cubicBezTo>
                  <a:cubicBezTo>
                    <a:pt x="5" y="14"/>
                    <a:pt x="8" y="15"/>
                    <a:pt x="9" y="14"/>
                  </a:cubicBezTo>
                  <a:cubicBezTo>
                    <a:pt x="11" y="13"/>
                    <a:pt x="12" y="12"/>
                    <a:pt x="12" y="11"/>
                  </a:cubicBezTo>
                  <a:cubicBezTo>
                    <a:pt x="12" y="11"/>
                    <a:pt x="12" y="10"/>
                    <a:pt x="13" y="10"/>
                  </a:cubicBezTo>
                  <a:cubicBezTo>
                    <a:pt x="13" y="10"/>
                    <a:pt x="13" y="10"/>
                    <a:pt x="13" y="10"/>
                  </a:cubicBezTo>
                  <a:cubicBezTo>
                    <a:pt x="13" y="9"/>
                    <a:pt x="13" y="8"/>
                    <a:pt x="13" y="7"/>
                  </a:cubicBezTo>
                  <a:cubicBezTo>
                    <a:pt x="13" y="5"/>
                    <a:pt x="12" y="4"/>
                    <a:pt x="11" y="3"/>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0" name="ïṡľíḑê">
              <a:extLst>
                <a:ext uri="{FF2B5EF4-FFF2-40B4-BE49-F238E27FC236}">
                  <a16:creationId xmlns:a16="http://schemas.microsoft.com/office/drawing/2014/main" xmlns="" id="{5F6B8F31-B7AF-4F4F-9907-FA870E386786}"/>
                </a:ext>
              </a:extLst>
            </p:cNvPr>
            <p:cNvSpPr/>
            <p:nvPr/>
          </p:nvSpPr>
          <p:spPr bwMode="auto">
            <a:xfrm>
              <a:off x="6258437" y="2185627"/>
              <a:ext cx="189814" cy="187989"/>
            </a:xfrm>
            <a:custGeom>
              <a:avLst/>
              <a:gdLst>
                <a:gd name="T0" fmla="*/ 87 w 88"/>
                <a:gd name="T1" fmla="*/ 44 h 87"/>
                <a:gd name="T2" fmla="*/ 70 w 88"/>
                <a:gd name="T3" fmla="*/ 66 h 87"/>
                <a:gd name="T4" fmla="*/ 44 w 88"/>
                <a:gd name="T5" fmla="*/ 83 h 87"/>
                <a:gd name="T6" fmla="*/ 25 w 88"/>
                <a:gd name="T7" fmla="*/ 87 h 87"/>
                <a:gd name="T8" fmla="*/ 15 w 88"/>
                <a:gd name="T9" fmla="*/ 83 h 87"/>
                <a:gd name="T10" fmla="*/ 6 w 88"/>
                <a:gd name="T11" fmla="*/ 76 h 87"/>
                <a:gd name="T12" fmla="*/ 1 w 88"/>
                <a:gd name="T13" fmla="*/ 67 h 87"/>
                <a:gd name="T14" fmla="*/ 1 w 88"/>
                <a:gd name="T15" fmla="*/ 56 h 87"/>
                <a:gd name="T16" fmla="*/ 10 w 88"/>
                <a:gd name="T17" fmla="*/ 39 h 87"/>
                <a:gd name="T18" fmla="*/ 31 w 88"/>
                <a:gd name="T19" fmla="*/ 17 h 87"/>
                <a:gd name="T20" fmla="*/ 55 w 88"/>
                <a:gd name="T21" fmla="*/ 0 h 87"/>
                <a:gd name="T22" fmla="*/ 34 w 88"/>
                <a:gd name="T23" fmla="*/ 20 h 87"/>
                <a:gd name="T24" fmla="*/ 14 w 88"/>
                <a:gd name="T25" fmla="*/ 42 h 87"/>
                <a:gd name="T26" fmla="*/ 7 w 88"/>
                <a:gd name="T27" fmla="*/ 57 h 87"/>
                <a:gd name="T28" fmla="*/ 7 w 88"/>
                <a:gd name="T29" fmla="*/ 65 h 87"/>
                <a:gd name="T30" fmla="*/ 11 w 88"/>
                <a:gd name="T31" fmla="*/ 73 h 87"/>
                <a:gd name="T32" fmla="*/ 18 w 88"/>
                <a:gd name="T33" fmla="*/ 78 h 87"/>
                <a:gd name="T34" fmla="*/ 25 w 88"/>
                <a:gd name="T35" fmla="*/ 81 h 87"/>
                <a:gd name="T36" fmla="*/ 42 w 88"/>
                <a:gd name="T37" fmla="*/ 78 h 87"/>
                <a:gd name="T38" fmla="*/ 67 w 88"/>
                <a:gd name="T39" fmla="*/ 63 h 87"/>
                <a:gd name="T40" fmla="*/ 87 w 88"/>
                <a:gd name="T41" fmla="*/ 44 h 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88" h="87">
                  <a:moveTo>
                    <a:pt x="87" y="44"/>
                  </a:moveTo>
                  <a:cubicBezTo>
                    <a:pt x="88" y="44"/>
                    <a:pt x="83" y="54"/>
                    <a:pt x="70" y="66"/>
                  </a:cubicBezTo>
                  <a:cubicBezTo>
                    <a:pt x="63" y="72"/>
                    <a:pt x="55" y="79"/>
                    <a:pt x="44" y="83"/>
                  </a:cubicBezTo>
                  <a:cubicBezTo>
                    <a:pt x="38" y="86"/>
                    <a:pt x="32" y="87"/>
                    <a:pt x="25" y="87"/>
                  </a:cubicBezTo>
                  <a:cubicBezTo>
                    <a:pt x="21" y="86"/>
                    <a:pt x="18" y="85"/>
                    <a:pt x="15" y="83"/>
                  </a:cubicBezTo>
                  <a:cubicBezTo>
                    <a:pt x="11" y="82"/>
                    <a:pt x="9" y="79"/>
                    <a:pt x="6" y="76"/>
                  </a:cubicBezTo>
                  <a:cubicBezTo>
                    <a:pt x="4" y="74"/>
                    <a:pt x="2" y="70"/>
                    <a:pt x="1" y="67"/>
                  </a:cubicBezTo>
                  <a:cubicBezTo>
                    <a:pt x="0" y="63"/>
                    <a:pt x="0" y="59"/>
                    <a:pt x="1" y="56"/>
                  </a:cubicBezTo>
                  <a:cubicBezTo>
                    <a:pt x="3" y="49"/>
                    <a:pt x="6" y="44"/>
                    <a:pt x="10" y="39"/>
                  </a:cubicBezTo>
                  <a:cubicBezTo>
                    <a:pt x="17" y="29"/>
                    <a:pt x="25" y="22"/>
                    <a:pt x="31" y="17"/>
                  </a:cubicBezTo>
                  <a:cubicBezTo>
                    <a:pt x="45" y="5"/>
                    <a:pt x="54" y="0"/>
                    <a:pt x="55" y="0"/>
                  </a:cubicBezTo>
                  <a:cubicBezTo>
                    <a:pt x="55" y="1"/>
                    <a:pt x="47" y="8"/>
                    <a:pt x="34" y="20"/>
                  </a:cubicBezTo>
                  <a:cubicBezTo>
                    <a:pt x="28" y="26"/>
                    <a:pt x="21" y="33"/>
                    <a:pt x="14" y="42"/>
                  </a:cubicBezTo>
                  <a:cubicBezTo>
                    <a:pt x="11" y="47"/>
                    <a:pt x="8" y="52"/>
                    <a:pt x="7" y="57"/>
                  </a:cubicBezTo>
                  <a:cubicBezTo>
                    <a:pt x="6" y="60"/>
                    <a:pt x="6" y="63"/>
                    <a:pt x="7" y="65"/>
                  </a:cubicBezTo>
                  <a:cubicBezTo>
                    <a:pt x="7" y="68"/>
                    <a:pt x="9" y="70"/>
                    <a:pt x="11" y="73"/>
                  </a:cubicBezTo>
                  <a:cubicBezTo>
                    <a:pt x="13" y="75"/>
                    <a:pt x="15" y="77"/>
                    <a:pt x="18" y="78"/>
                  </a:cubicBezTo>
                  <a:cubicBezTo>
                    <a:pt x="20" y="80"/>
                    <a:pt x="23" y="80"/>
                    <a:pt x="25" y="81"/>
                  </a:cubicBezTo>
                  <a:cubicBezTo>
                    <a:pt x="31" y="82"/>
                    <a:pt x="37" y="80"/>
                    <a:pt x="42" y="78"/>
                  </a:cubicBezTo>
                  <a:cubicBezTo>
                    <a:pt x="52" y="74"/>
                    <a:pt x="60" y="68"/>
                    <a:pt x="67" y="63"/>
                  </a:cubicBezTo>
                  <a:cubicBezTo>
                    <a:pt x="80" y="52"/>
                    <a:pt x="87" y="43"/>
                    <a:pt x="87" y="4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1" name="ïṧḷíḍè">
              <a:extLst>
                <a:ext uri="{FF2B5EF4-FFF2-40B4-BE49-F238E27FC236}">
                  <a16:creationId xmlns:a16="http://schemas.microsoft.com/office/drawing/2014/main" xmlns="" id="{9C105C49-EAA4-41AF-A68C-1822571DDCC7}"/>
                </a:ext>
              </a:extLst>
            </p:cNvPr>
            <p:cNvSpPr/>
            <p:nvPr/>
          </p:nvSpPr>
          <p:spPr bwMode="auto">
            <a:xfrm>
              <a:off x="4631330" y="2747769"/>
              <a:ext cx="292021" cy="278333"/>
            </a:xfrm>
            <a:custGeom>
              <a:avLst/>
              <a:gdLst>
                <a:gd name="T0" fmla="*/ 135 w 135"/>
                <a:gd name="T1" fmla="*/ 70 h 129"/>
                <a:gd name="T2" fmla="*/ 134 w 135"/>
                <a:gd name="T3" fmla="*/ 80 h 129"/>
                <a:gd name="T4" fmla="*/ 133 w 135"/>
                <a:gd name="T5" fmla="*/ 84 h 129"/>
                <a:gd name="T6" fmla="*/ 131 w 135"/>
                <a:gd name="T7" fmla="*/ 88 h 129"/>
                <a:gd name="T8" fmla="*/ 120 w 135"/>
                <a:gd name="T9" fmla="*/ 107 h 129"/>
                <a:gd name="T10" fmla="*/ 117 w 135"/>
                <a:gd name="T11" fmla="*/ 109 h 129"/>
                <a:gd name="T12" fmla="*/ 76 w 135"/>
                <a:gd name="T13" fmla="*/ 128 h 129"/>
                <a:gd name="T14" fmla="*/ 50 w 135"/>
                <a:gd name="T15" fmla="*/ 126 h 129"/>
                <a:gd name="T16" fmla="*/ 36 w 135"/>
                <a:gd name="T17" fmla="*/ 121 h 129"/>
                <a:gd name="T18" fmla="*/ 30 w 135"/>
                <a:gd name="T19" fmla="*/ 118 h 129"/>
                <a:gd name="T20" fmla="*/ 24 w 135"/>
                <a:gd name="T21" fmla="*/ 114 h 129"/>
                <a:gd name="T22" fmla="*/ 7 w 135"/>
                <a:gd name="T23" fmla="*/ 92 h 129"/>
                <a:gd name="T24" fmla="*/ 1 w 135"/>
                <a:gd name="T25" fmla="*/ 66 h 129"/>
                <a:gd name="T26" fmla="*/ 12 w 135"/>
                <a:gd name="T27" fmla="*/ 25 h 129"/>
                <a:gd name="T28" fmla="*/ 12 w 135"/>
                <a:gd name="T29" fmla="*/ 25 h 129"/>
                <a:gd name="T30" fmla="*/ 17 w 135"/>
                <a:gd name="T31" fmla="*/ 20 h 129"/>
                <a:gd name="T32" fmla="*/ 54 w 135"/>
                <a:gd name="T33" fmla="*/ 3 h 129"/>
                <a:gd name="T34" fmla="*/ 102 w 135"/>
                <a:gd name="T35" fmla="*/ 10 h 129"/>
                <a:gd name="T36" fmla="*/ 133 w 135"/>
                <a:gd name="T37" fmla="*/ 48 h 129"/>
                <a:gd name="T38" fmla="*/ 135 w 135"/>
                <a:gd name="T39" fmla="*/ 70 h 1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35" h="129">
                  <a:moveTo>
                    <a:pt x="135" y="70"/>
                  </a:moveTo>
                  <a:cubicBezTo>
                    <a:pt x="135" y="73"/>
                    <a:pt x="135" y="77"/>
                    <a:pt x="134" y="80"/>
                  </a:cubicBezTo>
                  <a:cubicBezTo>
                    <a:pt x="133" y="81"/>
                    <a:pt x="133" y="83"/>
                    <a:pt x="133" y="84"/>
                  </a:cubicBezTo>
                  <a:cubicBezTo>
                    <a:pt x="132" y="86"/>
                    <a:pt x="132" y="87"/>
                    <a:pt x="131" y="88"/>
                  </a:cubicBezTo>
                  <a:cubicBezTo>
                    <a:pt x="128" y="96"/>
                    <a:pt x="124" y="102"/>
                    <a:pt x="120" y="107"/>
                  </a:cubicBezTo>
                  <a:cubicBezTo>
                    <a:pt x="119" y="108"/>
                    <a:pt x="118" y="108"/>
                    <a:pt x="117" y="109"/>
                  </a:cubicBezTo>
                  <a:cubicBezTo>
                    <a:pt x="107" y="118"/>
                    <a:pt x="93" y="125"/>
                    <a:pt x="76" y="128"/>
                  </a:cubicBezTo>
                  <a:cubicBezTo>
                    <a:pt x="67" y="129"/>
                    <a:pt x="59" y="128"/>
                    <a:pt x="50" y="126"/>
                  </a:cubicBezTo>
                  <a:cubicBezTo>
                    <a:pt x="45" y="125"/>
                    <a:pt x="41" y="124"/>
                    <a:pt x="36" y="121"/>
                  </a:cubicBezTo>
                  <a:cubicBezTo>
                    <a:pt x="34" y="120"/>
                    <a:pt x="32" y="119"/>
                    <a:pt x="30" y="118"/>
                  </a:cubicBezTo>
                  <a:cubicBezTo>
                    <a:pt x="28" y="116"/>
                    <a:pt x="26" y="115"/>
                    <a:pt x="24" y="114"/>
                  </a:cubicBezTo>
                  <a:cubicBezTo>
                    <a:pt x="16" y="108"/>
                    <a:pt x="10" y="100"/>
                    <a:pt x="7" y="92"/>
                  </a:cubicBezTo>
                  <a:cubicBezTo>
                    <a:pt x="3" y="84"/>
                    <a:pt x="1" y="75"/>
                    <a:pt x="1" y="66"/>
                  </a:cubicBezTo>
                  <a:cubicBezTo>
                    <a:pt x="0" y="50"/>
                    <a:pt x="5" y="36"/>
                    <a:pt x="12" y="25"/>
                  </a:cubicBezTo>
                  <a:cubicBezTo>
                    <a:pt x="12" y="25"/>
                    <a:pt x="12" y="25"/>
                    <a:pt x="12" y="25"/>
                  </a:cubicBezTo>
                  <a:cubicBezTo>
                    <a:pt x="13" y="23"/>
                    <a:pt x="15" y="22"/>
                    <a:pt x="17" y="20"/>
                  </a:cubicBezTo>
                  <a:cubicBezTo>
                    <a:pt x="26" y="12"/>
                    <a:pt x="39" y="5"/>
                    <a:pt x="54" y="3"/>
                  </a:cubicBezTo>
                  <a:cubicBezTo>
                    <a:pt x="69" y="0"/>
                    <a:pt x="87" y="2"/>
                    <a:pt x="102" y="10"/>
                  </a:cubicBezTo>
                  <a:cubicBezTo>
                    <a:pt x="118" y="19"/>
                    <a:pt x="129" y="33"/>
                    <a:pt x="133" y="48"/>
                  </a:cubicBezTo>
                  <a:cubicBezTo>
                    <a:pt x="135" y="56"/>
                    <a:pt x="135" y="63"/>
                    <a:pt x="135" y="70"/>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2" name="ïśļïḍè">
              <a:extLst>
                <a:ext uri="{FF2B5EF4-FFF2-40B4-BE49-F238E27FC236}">
                  <a16:creationId xmlns:a16="http://schemas.microsoft.com/office/drawing/2014/main" xmlns="" id="{9AAF609C-8D59-43A2-8BE7-4545A1807D57}"/>
                </a:ext>
              </a:extLst>
            </p:cNvPr>
            <p:cNvSpPr/>
            <p:nvPr/>
          </p:nvSpPr>
          <p:spPr bwMode="auto">
            <a:xfrm>
              <a:off x="4550111" y="2667462"/>
              <a:ext cx="453546" cy="429820"/>
            </a:xfrm>
            <a:custGeom>
              <a:avLst/>
              <a:gdLst>
                <a:gd name="T0" fmla="*/ 205 w 210"/>
                <a:gd name="T1" fmla="*/ 82 h 199"/>
                <a:gd name="T2" fmla="*/ 170 w 210"/>
                <a:gd name="T3" fmla="*/ 23 h 199"/>
                <a:gd name="T4" fmla="*/ 154 w 210"/>
                <a:gd name="T5" fmla="*/ 14 h 199"/>
                <a:gd name="T6" fmla="*/ 146 w 210"/>
                <a:gd name="T7" fmla="*/ 10 h 199"/>
                <a:gd name="T8" fmla="*/ 138 w 210"/>
                <a:gd name="T9" fmla="*/ 7 h 199"/>
                <a:gd name="T10" fmla="*/ 105 w 210"/>
                <a:gd name="T11" fmla="*/ 0 h 199"/>
                <a:gd name="T12" fmla="*/ 98 w 210"/>
                <a:gd name="T13" fmla="*/ 0 h 199"/>
                <a:gd name="T14" fmla="*/ 98 w 210"/>
                <a:gd name="T15" fmla="*/ 0 h 199"/>
                <a:gd name="T16" fmla="*/ 83 w 210"/>
                <a:gd name="T17" fmla="*/ 1 h 199"/>
                <a:gd name="T18" fmla="*/ 49 w 210"/>
                <a:gd name="T19" fmla="*/ 13 h 199"/>
                <a:gd name="T20" fmla="*/ 18 w 210"/>
                <a:gd name="T21" fmla="*/ 41 h 199"/>
                <a:gd name="T22" fmla="*/ 12 w 210"/>
                <a:gd name="T23" fmla="*/ 51 h 199"/>
                <a:gd name="T24" fmla="*/ 8 w 210"/>
                <a:gd name="T25" fmla="*/ 62 h 199"/>
                <a:gd name="T26" fmla="*/ 4 w 210"/>
                <a:gd name="T27" fmla="*/ 73 h 199"/>
                <a:gd name="T28" fmla="*/ 2 w 210"/>
                <a:gd name="T29" fmla="*/ 85 h 199"/>
                <a:gd name="T30" fmla="*/ 10 w 210"/>
                <a:gd name="T31" fmla="*/ 134 h 199"/>
                <a:gd name="T32" fmla="*/ 15 w 210"/>
                <a:gd name="T33" fmla="*/ 146 h 199"/>
                <a:gd name="T34" fmla="*/ 18 w 210"/>
                <a:gd name="T35" fmla="*/ 151 h 199"/>
                <a:gd name="T36" fmla="*/ 21 w 210"/>
                <a:gd name="T37" fmla="*/ 157 h 199"/>
                <a:gd name="T38" fmla="*/ 37 w 210"/>
                <a:gd name="T39" fmla="*/ 176 h 199"/>
                <a:gd name="T40" fmla="*/ 79 w 210"/>
                <a:gd name="T41" fmla="*/ 196 h 199"/>
                <a:gd name="T42" fmla="*/ 100 w 210"/>
                <a:gd name="T43" fmla="*/ 199 h 199"/>
                <a:gd name="T44" fmla="*/ 121 w 210"/>
                <a:gd name="T45" fmla="*/ 197 h 199"/>
                <a:gd name="T46" fmla="*/ 155 w 210"/>
                <a:gd name="T47" fmla="*/ 186 h 199"/>
                <a:gd name="T48" fmla="*/ 179 w 210"/>
                <a:gd name="T49" fmla="*/ 168 h 199"/>
                <a:gd name="T50" fmla="*/ 193 w 210"/>
                <a:gd name="T51" fmla="*/ 150 h 199"/>
                <a:gd name="T52" fmla="*/ 194 w 210"/>
                <a:gd name="T53" fmla="*/ 146 h 199"/>
                <a:gd name="T54" fmla="*/ 195 w 210"/>
                <a:gd name="T55" fmla="*/ 146 h 199"/>
                <a:gd name="T56" fmla="*/ 199 w 210"/>
                <a:gd name="T57" fmla="*/ 137 h 199"/>
                <a:gd name="T58" fmla="*/ 205 w 210"/>
                <a:gd name="T59" fmla="*/ 82 h 199"/>
                <a:gd name="T60" fmla="*/ 88 w 210"/>
                <a:gd name="T61" fmla="*/ 163 h 199"/>
                <a:gd name="T62" fmla="*/ 74 w 210"/>
                <a:gd name="T63" fmla="*/ 158 h 199"/>
                <a:gd name="T64" fmla="*/ 68 w 210"/>
                <a:gd name="T65" fmla="*/ 155 h 199"/>
                <a:gd name="T66" fmla="*/ 62 w 210"/>
                <a:gd name="T67" fmla="*/ 151 h 199"/>
                <a:gd name="T68" fmla="*/ 45 w 210"/>
                <a:gd name="T69" fmla="*/ 129 h 199"/>
                <a:gd name="T70" fmla="*/ 39 w 210"/>
                <a:gd name="T71" fmla="*/ 103 h 199"/>
                <a:gd name="T72" fmla="*/ 50 w 210"/>
                <a:gd name="T73" fmla="*/ 62 h 199"/>
                <a:gd name="T74" fmla="*/ 50 w 210"/>
                <a:gd name="T75" fmla="*/ 62 h 199"/>
                <a:gd name="T76" fmla="*/ 55 w 210"/>
                <a:gd name="T77" fmla="*/ 57 h 199"/>
                <a:gd name="T78" fmla="*/ 92 w 210"/>
                <a:gd name="T79" fmla="*/ 40 h 199"/>
                <a:gd name="T80" fmla="*/ 140 w 210"/>
                <a:gd name="T81" fmla="*/ 47 h 199"/>
                <a:gd name="T82" fmla="*/ 171 w 210"/>
                <a:gd name="T83" fmla="*/ 85 h 199"/>
                <a:gd name="T84" fmla="*/ 173 w 210"/>
                <a:gd name="T85" fmla="*/ 107 h 199"/>
                <a:gd name="T86" fmla="*/ 172 w 210"/>
                <a:gd name="T87" fmla="*/ 117 h 199"/>
                <a:gd name="T88" fmla="*/ 171 w 210"/>
                <a:gd name="T89" fmla="*/ 121 h 199"/>
                <a:gd name="T90" fmla="*/ 169 w 210"/>
                <a:gd name="T91" fmla="*/ 125 h 199"/>
                <a:gd name="T92" fmla="*/ 158 w 210"/>
                <a:gd name="T93" fmla="*/ 144 h 199"/>
                <a:gd name="T94" fmla="*/ 155 w 210"/>
                <a:gd name="T95" fmla="*/ 146 h 199"/>
                <a:gd name="T96" fmla="*/ 114 w 210"/>
                <a:gd name="T97" fmla="*/ 165 h 199"/>
                <a:gd name="T98" fmla="*/ 88 w 210"/>
                <a:gd name="T99" fmla="*/ 163 h 1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10" h="199">
                  <a:moveTo>
                    <a:pt x="205" y="82"/>
                  </a:moveTo>
                  <a:cubicBezTo>
                    <a:pt x="201" y="61"/>
                    <a:pt x="189" y="39"/>
                    <a:pt x="170" y="23"/>
                  </a:cubicBezTo>
                  <a:cubicBezTo>
                    <a:pt x="165" y="20"/>
                    <a:pt x="159" y="16"/>
                    <a:pt x="154" y="14"/>
                  </a:cubicBezTo>
                  <a:cubicBezTo>
                    <a:pt x="151" y="12"/>
                    <a:pt x="149" y="11"/>
                    <a:pt x="146" y="10"/>
                  </a:cubicBezTo>
                  <a:cubicBezTo>
                    <a:pt x="143" y="9"/>
                    <a:pt x="140" y="8"/>
                    <a:pt x="138" y="7"/>
                  </a:cubicBezTo>
                  <a:cubicBezTo>
                    <a:pt x="127" y="3"/>
                    <a:pt x="116" y="0"/>
                    <a:pt x="105" y="0"/>
                  </a:cubicBezTo>
                  <a:cubicBezTo>
                    <a:pt x="103" y="0"/>
                    <a:pt x="100" y="0"/>
                    <a:pt x="98" y="0"/>
                  </a:cubicBezTo>
                  <a:cubicBezTo>
                    <a:pt x="98" y="0"/>
                    <a:pt x="98" y="0"/>
                    <a:pt x="98" y="0"/>
                  </a:cubicBezTo>
                  <a:cubicBezTo>
                    <a:pt x="93" y="0"/>
                    <a:pt x="88" y="0"/>
                    <a:pt x="83" y="1"/>
                  </a:cubicBezTo>
                  <a:cubicBezTo>
                    <a:pt x="72" y="3"/>
                    <a:pt x="60" y="6"/>
                    <a:pt x="49" y="13"/>
                  </a:cubicBezTo>
                  <a:cubicBezTo>
                    <a:pt x="38" y="20"/>
                    <a:pt x="26" y="29"/>
                    <a:pt x="18" y="41"/>
                  </a:cubicBezTo>
                  <a:cubicBezTo>
                    <a:pt x="16" y="44"/>
                    <a:pt x="14" y="48"/>
                    <a:pt x="12" y="51"/>
                  </a:cubicBezTo>
                  <a:cubicBezTo>
                    <a:pt x="11" y="55"/>
                    <a:pt x="9" y="58"/>
                    <a:pt x="8" y="62"/>
                  </a:cubicBezTo>
                  <a:cubicBezTo>
                    <a:pt x="6" y="65"/>
                    <a:pt x="5" y="69"/>
                    <a:pt x="4" y="73"/>
                  </a:cubicBezTo>
                  <a:cubicBezTo>
                    <a:pt x="3" y="77"/>
                    <a:pt x="3" y="81"/>
                    <a:pt x="2" y="85"/>
                  </a:cubicBezTo>
                  <a:cubicBezTo>
                    <a:pt x="0" y="101"/>
                    <a:pt x="3" y="118"/>
                    <a:pt x="10" y="134"/>
                  </a:cubicBezTo>
                  <a:cubicBezTo>
                    <a:pt x="11" y="138"/>
                    <a:pt x="13" y="142"/>
                    <a:pt x="15" y="146"/>
                  </a:cubicBezTo>
                  <a:cubicBezTo>
                    <a:pt x="18" y="151"/>
                    <a:pt x="18" y="151"/>
                    <a:pt x="18" y="151"/>
                  </a:cubicBezTo>
                  <a:cubicBezTo>
                    <a:pt x="21" y="157"/>
                    <a:pt x="21" y="157"/>
                    <a:pt x="21" y="157"/>
                  </a:cubicBezTo>
                  <a:cubicBezTo>
                    <a:pt x="26" y="164"/>
                    <a:pt x="31" y="170"/>
                    <a:pt x="37" y="176"/>
                  </a:cubicBezTo>
                  <a:cubicBezTo>
                    <a:pt x="50" y="186"/>
                    <a:pt x="64" y="193"/>
                    <a:pt x="79" y="196"/>
                  </a:cubicBezTo>
                  <a:cubicBezTo>
                    <a:pt x="86" y="198"/>
                    <a:pt x="93" y="199"/>
                    <a:pt x="100" y="199"/>
                  </a:cubicBezTo>
                  <a:cubicBezTo>
                    <a:pt x="107" y="199"/>
                    <a:pt x="114" y="198"/>
                    <a:pt x="121" y="197"/>
                  </a:cubicBezTo>
                  <a:cubicBezTo>
                    <a:pt x="134" y="195"/>
                    <a:pt x="145" y="191"/>
                    <a:pt x="155" y="186"/>
                  </a:cubicBezTo>
                  <a:cubicBezTo>
                    <a:pt x="165" y="180"/>
                    <a:pt x="173" y="174"/>
                    <a:pt x="179" y="168"/>
                  </a:cubicBezTo>
                  <a:cubicBezTo>
                    <a:pt x="185" y="161"/>
                    <a:pt x="190" y="155"/>
                    <a:pt x="193" y="150"/>
                  </a:cubicBezTo>
                  <a:cubicBezTo>
                    <a:pt x="193" y="148"/>
                    <a:pt x="194" y="147"/>
                    <a:pt x="194" y="146"/>
                  </a:cubicBezTo>
                  <a:cubicBezTo>
                    <a:pt x="195" y="146"/>
                    <a:pt x="195" y="146"/>
                    <a:pt x="195" y="146"/>
                  </a:cubicBezTo>
                  <a:cubicBezTo>
                    <a:pt x="196" y="143"/>
                    <a:pt x="198" y="140"/>
                    <a:pt x="199" y="137"/>
                  </a:cubicBezTo>
                  <a:cubicBezTo>
                    <a:pt x="206" y="123"/>
                    <a:pt x="210" y="103"/>
                    <a:pt x="205" y="82"/>
                  </a:cubicBezTo>
                  <a:close/>
                  <a:moveTo>
                    <a:pt x="88" y="163"/>
                  </a:moveTo>
                  <a:cubicBezTo>
                    <a:pt x="83" y="162"/>
                    <a:pt x="79" y="161"/>
                    <a:pt x="74" y="158"/>
                  </a:cubicBezTo>
                  <a:cubicBezTo>
                    <a:pt x="72" y="157"/>
                    <a:pt x="70" y="156"/>
                    <a:pt x="68" y="155"/>
                  </a:cubicBezTo>
                  <a:cubicBezTo>
                    <a:pt x="66" y="153"/>
                    <a:pt x="64" y="152"/>
                    <a:pt x="62" y="151"/>
                  </a:cubicBezTo>
                  <a:cubicBezTo>
                    <a:pt x="54" y="145"/>
                    <a:pt x="48" y="137"/>
                    <a:pt x="45" y="129"/>
                  </a:cubicBezTo>
                  <a:cubicBezTo>
                    <a:pt x="41" y="121"/>
                    <a:pt x="39" y="112"/>
                    <a:pt x="39" y="103"/>
                  </a:cubicBezTo>
                  <a:cubicBezTo>
                    <a:pt x="38" y="87"/>
                    <a:pt x="43" y="73"/>
                    <a:pt x="50" y="62"/>
                  </a:cubicBezTo>
                  <a:cubicBezTo>
                    <a:pt x="50" y="62"/>
                    <a:pt x="50" y="62"/>
                    <a:pt x="50" y="62"/>
                  </a:cubicBezTo>
                  <a:cubicBezTo>
                    <a:pt x="51" y="60"/>
                    <a:pt x="53" y="59"/>
                    <a:pt x="55" y="57"/>
                  </a:cubicBezTo>
                  <a:cubicBezTo>
                    <a:pt x="64" y="49"/>
                    <a:pt x="77" y="42"/>
                    <a:pt x="92" y="40"/>
                  </a:cubicBezTo>
                  <a:cubicBezTo>
                    <a:pt x="107" y="37"/>
                    <a:pt x="125" y="39"/>
                    <a:pt x="140" y="47"/>
                  </a:cubicBezTo>
                  <a:cubicBezTo>
                    <a:pt x="156" y="56"/>
                    <a:pt x="167" y="70"/>
                    <a:pt x="171" y="85"/>
                  </a:cubicBezTo>
                  <a:cubicBezTo>
                    <a:pt x="173" y="93"/>
                    <a:pt x="173" y="100"/>
                    <a:pt x="173" y="107"/>
                  </a:cubicBezTo>
                  <a:cubicBezTo>
                    <a:pt x="173" y="110"/>
                    <a:pt x="173" y="114"/>
                    <a:pt x="172" y="117"/>
                  </a:cubicBezTo>
                  <a:cubicBezTo>
                    <a:pt x="171" y="118"/>
                    <a:pt x="171" y="120"/>
                    <a:pt x="171" y="121"/>
                  </a:cubicBezTo>
                  <a:cubicBezTo>
                    <a:pt x="170" y="123"/>
                    <a:pt x="170" y="124"/>
                    <a:pt x="169" y="125"/>
                  </a:cubicBezTo>
                  <a:cubicBezTo>
                    <a:pt x="166" y="133"/>
                    <a:pt x="162" y="139"/>
                    <a:pt x="158" y="144"/>
                  </a:cubicBezTo>
                  <a:cubicBezTo>
                    <a:pt x="157" y="145"/>
                    <a:pt x="156" y="145"/>
                    <a:pt x="155" y="146"/>
                  </a:cubicBezTo>
                  <a:cubicBezTo>
                    <a:pt x="145" y="155"/>
                    <a:pt x="131" y="162"/>
                    <a:pt x="114" y="165"/>
                  </a:cubicBezTo>
                  <a:cubicBezTo>
                    <a:pt x="105" y="166"/>
                    <a:pt x="97" y="165"/>
                    <a:pt x="88" y="163"/>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3" name="iṧļíḍé">
              <a:extLst>
                <a:ext uri="{FF2B5EF4-FFF2-40B4-BE49-F238E27FC236}">
                  <a16:creationId xmlns:a16="http://schemas.microsoft.com/office/drawing/2014/main" xmlns="" id="{BE94F299-2267-4832-879F-11EAFD6D31C6}"/>
                </a:ext>
              </a:extLst>
            </p:cNvPr>
            <p:cNvSpPr/>
            <p:nvPr/>
          </p:nvSpPr>
          <p:spPr bwMode="auto">
            <a:xfrm>
              <a:off x="4547373" y="2659249"/>
              <a:ext cx="431645" cy="442595"/>
            </a:xfrm>
            <a:custGeom>
              <a:avLst/>
              <a:gdLst>
                <a:gd name="T0" fmla="*/ 200 w 200"/>
                <a:gd name="T1" fmla="*/ 136 h 205"/>
                <a:gd name="T2" fmla="*/ 199 w 200"/>
                <a:gd name="T3" fmla="*/ 141 h 205"/>
                <a:gd name="T4" fmla="*/ 197 w 200"/>
                <a:gd name="T5" fmla="*/ 146 h 205"/>
                <a:gd name="T6" fmla="*/ 194 w 200"/>
                <a:gd name="T7" fmla="*/ 154 h 205"/>
                <a:gd name="T8" fmla="*/ 180 w 200"/>
                <a:gd name="T9" fmla="*/ 173 h 205"/>
                <a:gd name="T10" fmla="*/ 156 w 200"/>
                <a:gd name="T11" fmla="*/ 191 h 205"/>
                <a:gd name="T12" fmla="*/ 121 w 200"/>
                <a:gd name="T13" fmla="*/ 203 h 205"/>
                <a:gd name="T14" fmla="*/ 100 w 200"/>
                <a:gd name="T15" fmla="*/ 205 h 205"/>
                <a:gd name="T16" fmla="*/ 78 w 200"/>
                <a:gd name="T17" fmla="*/ 202 h 205"/>
                <a:gd name="T18" fmla="*/ 36 w 200"/>
                <a:gd name="T19" fmla="*/ 181 h 205"/>
                <a:gd name="T20" fmla="*/ 19 w 200"/>
                <a:gd name="T21" fmla="*/ 162 h 205"/>
                <a:gd name="T22" fmla="*/ 8 w 200"/>
                <a:gd name="T23" fmla="*/ 139 h 205"/>
                <a:gd name="T24" fmla="*/ 2 w 200"/>
                <a:gd name="T25" fmla="*/ 89 h 205"/>
                <a:gd name="T26" fmla="*/ 8 w 200"/>
                <a:gd name="T27" fmla="*/ 65 h 205"/>
                <a:gd name="T28" fmla="*/ 13 w 200"/>
                <a:gd name="T29" fmla="*/ 54 h 205"/>
                <a:gd name="T30" fmla="*/ 19 w 200"/>
                <a:gd name="T31" fmla="*/ 44 h 205"/>
                <a:gd name="T32" fmla="*/ 50 w 200"/>
                <a:gd name="T33" fmla="*/ 16 h 205"/>
                <a:gd name="T34" fmla="*/ 85 w 200"/>
                <a:gd name="T35" fmla="*/ 3 h 205"/>
                <a:gd name="T36" fmla="*/ 138 w 200"/>
                <a:gd name="T37" fmla="*/ 9 h 205"/>
                <a:gd name="T38" fmla="*/ 151 w 200"/>
                <a:gd name="T39" fmla="*/ 15 h 205"/>
                <a:gd name="T40" fmla="*/ 155 w 200"/>
                <a:gd name="T41" fmla="*/ 18 h 205"/>
                <a:gd name="T42" fmla="*/ 151 w 200"/>
                <a:gd name="T43" fmla="*/ 16 h 205"/>
                <a:gd name="T44" fmla="*/ 137 w 200"/>
                <a:gd name="T45" fmla="*/ 11 h 205"/>
                <a:gd name="T46" fmla="*/ 86 w 200"/>
                <a:gd name="T47" fmla="*/ 8 h 205"/>
                <a:gd name="T48" fmla="*/ 53 w 200"/>
                <a:gd name="T49" fmla="*/ 20 h 205"/>
                <a:gd name="T50" fmla="*/ 23 w 200"/>
                <a:gd name="T51" fmla="*/ 48 h 205"/>
                <a:gd name="T52" fmla="*/ 18 w 200"/>
                <a:gd name="T53" fmla="*/ 57 h 205"/>
                <a:gd name="T54" fmla="*/ 13 w 200"/>
                <a:gd name="T55" fmla="*/ 67 h 205"/>
                <a:gd name="T56" fmla="*/ 8 w 200"/>
                <a:gd name="T57" fmla="*/ 89 h 205"/>
                <a:gd name="T58" fmla="*/ 14 w 200"/>
                <a:gd name="T59" fmla="*/ 137 h 205"/>
                <a:gd name="T60" fmla="*/ 24 w 200"/>
                <a:gd name="T61" fmla="*/ 159 h 205"/>
                <a:gd name="T62" fmla="*/ 40 w 200"/>
                <a:gd name="T63" fmla="*/ 177 h 205"/>
                <a:gd name="T64" fmla="*/ 79 w 200"/>
                <a:gd name="T65" fmla="*/ 197 h 205"/>
                <a:gd name="T66" fmla="*/ 100 w 200"/>
                <a:gd name="T67" fmla="*/ 199 h 205"/>
                <a:gd name="T68" fmla="*/ 120 w 200"/>
                <a:gd name="T69" fmla="*/ 198 h 205"/>
                <a:gd name="T70" fmla="*/ 154 w 200"/>
                <a:gd name="T71" fmla="*/ 187 h 205"/>
                <a:gd name="T72" fmla="*/ 178 w 200"/>
                <a:gd name="T73" fmla="*/ 170 h 205"/>
                <a:gd name="T74" fmla="*/ 192 w 200"/>
                <a:gd name="T75" fmla="*/ 153 h 205"/>
                <a:gd name="T76" fmla="*/ 200 w 200"/>
                <a:gd name="T77" fmla="*/ 136 h 2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200" h="205">
                  <a:moveTo>
                    <a:pt x="200" y="136"/>
                  </a:moveTo>
                  <a:cubicBezTo>
                    <a:pt x="200" y="136"/>
                    <a:pt x="200" y="137"/>
                    <a:pt x="199" y="141"/>
                  </a:cubicBezTo>
                  <a:cubicBezTo>
                    <a:pt x="199" y="142"/>
                    <a:pt x="198" y="144"/>
                    <a:pt x="197" y="146"/>
                  </a:cubicBezTo>
                  <a:cubicBezTo>
                    <a:pt x="196" y="149"/>
                    <a:pt x="195" y="151"/>
                    <a:pt x="194" y="154"/>
                  </a:cubicBezTo>
                  <a:cubicBezTo>
                    <a:pt x="191" y="160"/>
                    <a:pt x="187" y="166"/>
                    <a:pt x="180" y="173"/>
                  </a:cubicBezTo>
                  <a:cubicBezTo>
                    <a:pt x="174" y="179"/>
                    <a:pt x="166" y="186"/>
                    <a:pt x="156" y="191"/>
                  </a:cubicBezTo>
                  <a:cubicBezTo>
                    <a:pt x="146" y="197"/>
                    <a:pt x="134" y="201"/>
                    <a:pt x="121" y="203"/>
                  </a:cubicBezTo>
                  <a:cubicBezTo>
                    <a:pt x="114" y="204"/>
                    <a:pt x="107" y="205"/>
                    <a:pt x="100" y="205"/>
                  </a:cubicBezTo>
                  <a:cubicBezTo>
                    <a:pt x="93" y="204"/>
                    <a:pt x="85" y="204"/>
                    <a:pt x="78" y="202"/>
                  </a:cubicBezTo>
                  <a:cubicBezTo>
                    <a:pt x="63" y="199"/>
                    <a:pt x="48" y="192"/>
                    <a:pt x="36" y="181"/>
                  </a:cubicBezTo>
                  <a:cubicBezTo>
                    <a:pt x="29" y="176"/>
                    <a:pt x="24" y="169"/>
                    <a:pt x="19" y="162"/>
                  </a:cubicBezTo>
                  <a:cubicBezTo>
                    <a:pt x="15" y="155"/>
                    <a:pt x="11" y="147"/>
                    <a:pt x="8" y="139"/>
                  </a:cubicBezTo>
                  <a:cubicBezTo>
                    <a:pt x="2" y="122"/>
                    <a:pt x="0" y="105"/>
                    <a:pt x="2" y="89"/>
                  </a:cubicBezTo>
                  <a:cubicBezTo>
                    <a:pt x="3" y="80"/>
                    <a:pt x="5" y="72"/>
                    <a:pt x="8" y="65"/>
                  </a:cubicBezTo>
                  <a:cubicBezTo>
                    <a:pt x="9" y="61"/>
                    <a:pt x="11" y="58"/>
                    <a:pt x="13" y="54"/>
                  </a:cubicBezTo>
                  <a:cubicBezTo>
                    <a:pt x="15" y="51"/>
                    <a:pt x="16" y="47"/>
                    <a:pt x="19" y="44"/>
                  </a:cubicBezTo>
                  <a:cubicBezTo>
                    <a:pt x="27" y="32"/>
                    <a:pt x="39" y="23"/>
                    <a:pt x="50" y="16"/>
                  </a:cubicBezTo>
                  <a:cubicBezTo>
                    <a:pt x="62" y="9"/>
                    <a:pt x="74" y="5"/>
                    <a:pt x="85" y="3"/>
                  </a:cubicBezTo>
                  <a:cubicBezTo>
                    <a:pt x="108" y="0"/>
                    <a:pt x="127" y="5"/>
                    <a:pt x="138" y="9"/>
                  </a:cubicBezTo>
                  <a:cubicBezTo>
                    <a:pt x="144" y="12"/>
                    <a:pt x="148" y="14"/>
                    <a:pt x="151" y="15"/>
                  </a:cubicBezTo>
                  <a:cubicBezTo>
                    <a:pt x="154" y="17"/>
                    <a:pt x="156" y="18"/>
                    <a:pt x="155" y="18"/>
                  </a:cubicBezTo>
                  <a:cubicBezTo>
                    <a:pt x="155" y="18"/>
                    <a:pt x="154" y="18"/>
                    <a:pt x="151" y="16"/>
                  </a:cubicBezTo>
                  <a:cubicBezTo>
                    <a:pt x="148" y="15"/>
                    <a:pt x="143" y="13"/>
                    <a:pt x="137" y="11"/>
                  </a:cubicBezTo>
                  <a:cubicBezTo>
                    <a:pt x="126" y="8"/>
                    <a:pt x="108" y="4"/>
                    <a:pt x="86" y="8"/>
                  </a:cubicBezTo>
                  <a:cubicBezTo>
                    <a:pt x="75" y="10"/>
                    <a:pt x="64" y="13"/>
                    <a:pt x="53" y="20"/>
                  </a:cubicBezTo>
                  <a:cubicBezTo>
                    <a:pt x="42" y="27"/>
                    <a:pt x="31" y="36"/>
                    <a:pt x="23" y="48"/>
                  </a:cubicBezTo>
                  <a:cubicBezTo>
                    <a:pt x="21" y="50"/>
                    <a:pt x="19" y="54"/>
                    <a:pt x="18" y="57"/>
                  </a:cubicBezTo>
                  <a:cubicBezTo>
                    <a:pt x="16" y="60"/>
                    <a:pt x="14" y="63"/>
                    <a:pt x="13" y="67"/>
                  </a:cubicBezTo>
                  <a:cubicBezTo>
                    <a:pt x="10" y="74"/>
                    <a:pt x="9" y="81"/>
                    <a:pt x="8" y="89"/>
                  </a:cubicBezTo>
                  <a:cubicBezTo>
                    <a:pt x="6" y="105"/>
                    <a:pt x="8" y="121"/>
                    <a:pt x="14" y="137"/>
                  </a:cubicBezTo>
                  <a:cubicBezTo>
                    <a:pt x="17" y="144"/>
                    <a:pt x="20" y="152"/>
                    <a:pt x="24" y="159"/>
                  </a:cubicBezTo>
                  <a:cubicBezTo>
                    <a:pt x="29" y="166"/>
                    <a:pt x="34" y="172"/>
                    <a:pt x="40" y="177"/>
                  </a:cubicBezTo>
                  <a:cubicBezTo>
                    <a:pt x="51" y="187"/>
                    <a:pt x="65" y="194"/>
                    <a:pt x="79" y="197"/>
                  </a:cubicBezTo>
                  <a:cubicBezTo>
                    <a:pt x="86" y="198"/>
                    <a:pt x="93" y="199"/>
                    <a:pt x="100" y="199"/>
                  </a:cubicBezTo>
                  <a:cubicBezTo>
                    <a:pt x="107" y="200"/>
                    <a:pt x="114" y="199"/>
                    <a:pt x="120" y="198"/>
                  </a:cubicBezTo>
                  <a:cubicBezTo>
                    <a:pt x="133" y="196"/>
                    <a:pt x="144" y="192"/>
                    <a:pt x="154" y="187"/>
                  </a:cubicBezTo>
                  <a:cubicBezTo>
                    <a:pt x="164" y="183"/>
                    <a:pt x="172" y="177"/>
                    <a:pt x="178" y="170"/>
                  </a:cubicBezTo>
                  <a:cubicBezTo>
                    <a:pt x="184" y="164"/>
                    <a:pt x="189" y="158"/>
                    <a:pt x="192" y="153"/>
                  </a:cubicBezTo>
                  <a:cubicBezTo>
                    <a:pt x="198" y="142"/>
                    <a:pt x="199" y="135"/>
                    <a:pt x="200" y="136"/>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4" name="îsļiďè">
              <a:extLst>
                <a:ext uri="{FF2B5EF4-FFF2-40B4-BE49-F238E27FC236}">
                  <a16:creationId xmlns:a16="http://schemas.microsoft.com/office/drawing/2014/main" xmlns="" id="{5B4F9131-B4CF-43DF-A8FD-82F012FBFF11}"/>
                </a:ext>
              </a:extLst>
            </p:cNvPr>
            <p:cNvSpPr/>
            <p:nvPr/>
          </p:nvSpPr>
          <p:spPr bwMode="auto">
            <a:xfrm>
              <a:off x="4583876" y="2661074"/>
              <a:ext cx="419781" cy="388754"/>
            </a:xfrm>
            <a:custGeom>
              <a:avLst/>
              <a:gdLst>
                <a:gd name="T0" fmla="*/ 151 w 194"/>
                <a:gd name="T1" fmla="*/ 180 h 180"/>
                <a:gd name="T2" fmla="*/ 153 w 194"/>
                <a:gd name="T3" fmla="*/ 177 h 180"/>
                <a:gd name="T4" fmla="*/ 156 w 194"/>
                <a:gd name="T5" fmla="*/ 174 h 180"/>
                <a:gd name="T6" fmla="*/ 160 w 194"/>
                <a:gd name="T7" fmla="*/ 170 h 180"/>
                <a:gd name="T8" fmla="*/ 170 w 194"/>
                <a:gd name="T9" fmla="*/ 158 h 180"/>
                <a:gd name="T10" fmla="*/ 180 w 194"/>
                <a:gd name="T11" fmla="*/ 140 h 180"/>
                <a:gd name="T12" fmla="*/ 184 w 194"/>
                <a:gd name="T13" fmla="*/ 87 h 180"/>
                <a:gd name="T14" fmla="*/ 153 w 194"/>
                <a:gd name="T15" fmla="*/ 30 h 180"/>
                <a:gd name="T16" fmla="*/ 139 w 194"/>
                <a:gd name="T17" fmla="*/ 21 h 180"/>
                <a:gd name="T18" fmla="*/ 131 w 194"/>
                <a:gd name="T19" fmla="*/ 17 h 180"/>
                <a:gd name="T20" fmla="*/ 123 w 194"/>
                <a:gd name="T21" fmla="*/ 14 h 180"/>
                <a:gd name="T22" fmla="*/ 92 w 194"/>
                <a:gd name="T23" fmla="*/ 6 h 180"/>
                <a:gd name="T24" fmla="*/ 64 w 194"/>
                <a:gd name="T25" fmla="*/ 8 h 180"/>
                <a:gd name="T26" fmla="*/ 40 w 194"/>
                <a:gd name="T27" fmla="*/ 16 h 180"/>
                <a:gd name="T28" fmla="*/ 10 w 194"/>
                <a:gd name="T29" fmla="*/ 38 h 180"/>
                <a:gd name="T30" fmla="*/ 0 w 194"/>
                <a:gd name="T31" fmla="*/ 47 h 180"/>
                <a:gd name="T32" fmla="*/ 9 w 194"/>
                <a:gd name="T33" fmla="*/ 36 h 180"/>
                <a:gd name="T34" fmla="*/ 38 w 194"/>
                <a:gd name="T35" fmla="*/ 13 h 180"/>
                <a:gd name="T36" fmla="*/ 63 w 194"/>
                <a:gd name="T37" fmla="*/ 3 h 180"/>
                <a:gd name="T38" fmla="*/ 93 w 194"/>
                <a:gd name="T39" fmla="*/ 1 h 180"/>
                <a:gd name="T40" fmla="*/ 125 w 194"/>
                <a:gd name="T41" fmla="*/ 8 h 180"/>
                <a:gd name="T42" fmla="*/ 133 w 194"/>
                <a:gd name="T43" fmla="*/ 12 h 180"/>
                <a:gd name="T44" fmla="*/ 141 w 194"/>
                <a:gd name="T45" fmla="*/ 15 h 180"/>
                <a:gd name="T46" fmla="*/ 157 w 194"/>
                <a:gd name="T47" fmla="*/ 26 h 180"/>
                <a:gd name="T48" fmla="*/ 190 w 194"/>
                <a:gd name="T49" fmla="*/ 86 h 180"/>
                <a:gd name="T50" fmla="*/ 184 w 194"/>
                <a:gd name="T51" fmla="*/ 141 h 180"/>
                <a:gd name="T52" fmla="*/ 173 w 194"/>
                <a:gd name="T53" fmla="*/ 160 h 180"/>
                <a:gd name="T54" fmla="*/ 162 w 194"/>
                <a:gd name="T55" fmla="*/ 172 h 180"/>
                <a:gd name="T56" fmla="*/ 157 w 194"/>
                <a:gd name="T57" fmla="*/ 176 h 180"/>
                <a:gd name="T58" fmla="*/ 154 w 194"/>
                <a:gd name="T59" fmla="*/ 178 h 180"/>
                <a:gd name="T60" fmla="*/ 151 w 194"/>
                <a:gd name="T61" fmla="*/ 180 h 1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94" h="180">
                  <a:moveTo>
                    <a:pt x="151" y="180"/>
                  </a:moveTo>
                  <a:cubicBezTo>
                    <a:pt x="151" y="180"/>
                    <a:pt x="151" y="179"/>
                    <a:pt x="153" y="177"/>
                  </a:cubicBezTo>
                  <a:cubicBezTo>
                    <a:pt x="154" y="176"/>
                    <a:pt x="155" y="175"/>
                    <a:pt x="156" y="174"/>
                  </a:cubicBezTo>
                  <a:cubicBezTo>
                    <a:pt x="157" y="173"/>
                    <a:pt x="159" y="172"/>
                    <a:pt x="160" y="170"/>
                  </a:cubicBezTo>
                  <a:cubicBezTo>
                    <a:pt x="163" y="167"/>
                    <a:pt x="166" y="163"/>
                    <a:pt x="170" y="158"/>
                  </a:cubicBezTo>
                  <a:cubicBezTo>
                    <a:pt x="174" y="153"/>
                    <a:pt x="177" y="147"/>
                    <a:pt x="180" y="140"/>
                  </a:cubicBezTo>
                  <a:cubicBezTo>
                    <a:pt x="186" y="125"/>
                    <a:pt x="188" y="107"/>
                    <a:pt x="184" y="87"/>
                  </a:cubicBezTo>
                  <a:cubicBezTo>
                    <a:pt x="180" y="67"/>
                    <a:pt x="170" y="45"/>
                    <a:pt x="153" y="30"/>
                  </a:cubicBezTo>
                  <a:cubicBezTo>
                    <a:pt x="148" y="26"/>
                    <a:pt x="144" y="23"/>
                    <a:pt x="139" y="21"/>
                  </a:cubicBezTo>
                  <a:cubicBezTo>
                    <a:pt x="136" y="19"/>
                    <a:pt x="134" y="18"/>
                    <a:pt x="131" y="17"/>
                  </a:cubicBezTo>
                  <a:cubicBezTo>
                    <a:pt x="128" y="16"/>
                    <a:pt x="126" y="15"/>
                    <a:pt x="123" y="14"/>
                  </a:cubicBezTo>
                  <a:cubicBezTo>
                    <a:pt x="113" y="10"/>
                    <a:pt x="102" y="7"/>
                    <a:pt x="92" y="6"/>
                  </a:cubicBezTo>
                  <a:cubicBezTo>
                    <a:pt x="82" y="5"/>
                    <a:pt x="73" y="6"/>
                    <a:pt x="64" y="8"/>
                  </a:cubicBezTo>
                  <a:cubicBezTo>
                    <a:pt x="55" y="10"/>
                    <a:pt x="47" y="13"/>
                    <a:pt x="40" y="16"/>
                  </a:cubicBezTo>
                  <a:cubicBezTo>
                    <a:pt x="26" y="24"/>
                    <a:pt x="17" y="32"/>
                    <a:pt x="10" y="38"/>
                  </a:cubicBezTo>
                  <a:cubicBezTo>
                    <a:pt x="4" y="44"/>
                    <a:pt x="1" y="48"/>
                    <a:pt x="0" y="47"/>
                  </a:cubicBezTo>
                  <a:cubicBezTo>
                    <a:pt x="0" y="47"/>
                    <a:pt x="3" y="43"/>
                    <a:pt x="9" y="36"/>
                  </a:cubicBezTo>
                  <a:cubicBezTo>
                    <a:pt x="15" y="30"/>
                    <a:pt x="24" y="21"/>
                    <a:pt x="38" y="13"/>
                  </a:cubicBezTo>
                  <a:cubicBezTo>
                    <a:pt x="45" y="9"/>
                    <a:pt x="53" y="5"/>
                    <a:pt x="63" y="3"/>
                  </a:cubicBezTo>
                  <a:cubicBezTo>
                    <a:pt x="72" y="1"/>
                    <a:pt x="82" y="0"/>
                    <a:pt x="93" y="1"/>
                  </a:cubicBezTo>
                  <a:cubicBezTo>
                    <a:pt x="103" y="1"/>
                    <a:pt x="114" y="4"/>
                    <a:pt x="125" y="8"/>
                  </a:cubicBezTo>
                  <a:cubicBezTo>
                    <a:pt x="128" y="9"/>
                    <a:pt x="131" y="10"/>
                    <a:pt x="133" y="12"/>
                  </a:cubicBezTo>
                  <a:cubicBezTo>
                    <a:pt x="136" y="13"/>
                    <a:pt x="139" y="14"/>
                    <a:pt x="141" y="15"/>
                  </a:cubicBezTo>
                  <a:cubicBezTo>
                    <a:pt x="147" y="18"/>
                    <a:pt x="152" y="21"/>
                    <a:pt x="157" y="26"/>
                  </a:cubicBezTo>
                  <a:cubicBezTo>
                    <a:pt x="175" y="42"/>
                    <a:pt x="186" y="65"/>
                    <a:pt x="190" y="86"/>
                  </a:cubicBezTo>
                  <a:cubicBezTo>
                    <a:pt x="194" y="107"/>
                    <a:pt x="190" y="126"/>
                    <a:pt x="184" y="141"/>
                  </a:cubicBezTo>
                  <a:cubicBezTo>
                    <a:pt x="181" y="149"/>
                    <a:pt x="177" y="155"/>
                    <a:pt x="173" y="160"/>
                  </a:cubicBezTo>
                  <a:cubicBezTo>
                    <a:pt x="169" y="165"/>
                    <a:pt x="165" y="169"/>
                    <a:pt x="162" y="172"/>
                  </a:cubicBezTo>
                  <a:cubicBezTo>
                    <a:pt x="160" y="173"/>
                    <a:pt x="159" y="174"/>
                    <a:pt x="157" y="176"/>
                  </a:cubicBezTo>
                  <a:cubicBezTo>
                    <a:pt x="156" y="177"/>
                    <a:pt x="155" y="177"/>
                    <a:pt x="154" y="178"/>
                  </a:cubicBezTo>
                  <a:cubicBezTo>
                    <a:pt x="152" y="179"/>
                    <a:pt x="151" y="180"/>
                    <a:pt x="151" y="18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5" name="îsḻîḋe">
              <a:extLst>
                <a:ext uri="{FF2B5EF4-FFF2-40B4-BE49-F238E27FC236}">
                  <a16:creationId xmlns:a16="http://schemas.microsoft.com/office/drawing/2014/main" xmlns="" id="{8273C84D-BEB1-4605-8CDD-AAB881B3D189}"/>
                </a:ext>
              </a:extLst>
            </p:cNvPr>
            <p:cNvSpPr/>
            <p:nvPr/>
          </p:nvSpPr>
          <p:spPr bwMode="auto">
            <a:xfrm>
              <a:off x="4623116" y="2754156"/>
              <a:ext cx="302060" cy="282896"/>
            </a:xfrm>
            <a:custGeom>
              <a:avLst/>
              <a:gdLst>
                <a:gd name="T0" fmla="*/ 140 w 140"/>
                <a:gd name="T1" fmla="*/ 69 h 131"/>
                <a:gd name="T2" fmla="*/ 140 w 140"/>
                <a:gd name="T3" fmla="*/ 72 h 131"/>
                <a:gd name="T4" fmla="*/ 138 w 140"/>
                <a:gd name="T5" fmla="*/ 81 h 131"/>
                <a:gd name="T6" fmla="*/ 122 w 140"/>
                <a:gd name="T7" fmla="*/ 107 h 131"/>
                <a:gd name="T8" fmla="*/ 80 w 140"/>
                <a:gd name="T9" fmla="*/ 129 h 131"/>
                <a:gd name="T10" fmla="*/ 52 w 140"/>
                <a:gd name="T11" fmla="*/ 129 h 131"/>
                <a:gd name="T12" fmla="*/ 45 w 140"/>
                <a:gd name="T13" fmla="*/ 127 h 131"/>
                <a:gd name="T14" fmla="*/ 42 w 140"/>
                <a:gd name="T15" fmla="*/ 125 h 131"/>
                <a:gd name="T16" fmla="*/ 38 w 140"/>
                <a:gd name="T17" fmla="*/ 124 h 131"/>
                <a:gd name="T18" fmla="*/ 31 w 140"/>
                <a:gd name="T19" fmla="*/ 120 h 131"/>
                <a:gd name="T20" fmla="*/ 25 w 140"/>
                <a:gd name="T21" fmla="*/ 116 h 131"/>
                <a:gd name="T22" fmla="*/ 14 w 140"/>
                <a:gd name="T23" fmla="*/ 105 h 131"/>
                <a:gd name="T24" fmla="*/ 6 w 140"/>
                <a:gd name="T25" fmla="*/ 92 h 131"/>
                <a:gd name="T26" fmla="*/ 0 w 140"/>
                <a:gd name="T27" fmla="*/ 65 h 131"/>
                <a:gd name="T28" fmla="*/ 16 w 140"/>
                <a:gd name="T29" fmla="*/ 21 h 131"/>
                <a:gd name="T30" fmla="*/ 41 w 140"/>
                <a:gd name="T31" fmla="*/ 2 h 131"/>
                <a:gd name="T32" fmla="*/ 52 w 140"/>
                <a:gd name="T33" fmla="*/ 0 h 131"/>
                <a:gd name="T34" fmla="*/ 42 w 140"/>
                <a:gd name="T35" fmla="*/ 4 h 131"/>
                <a:gd name="T36" fmla="*/ 19 w 140"/>
                <a:gd name="T37" fmla="*/ 23 h 131"/>
                <a:gd name="T38" fmla="*/ 5 w 140"/>
                <a:gd name="T39" fmla="*/ 65 h 131"/>
                <a:gd name="T40" fmla="*/ 11 w 140"/>
                <a:gd name="T41" fmla="*/ 90 h 131"/>
                <a:gd name="T42" fmla="*/ 18 w 140"/>
                <a:gd name="T43" fmla="*/ 101 h 131"/>
                <a:gd name="T44" fmla="*/ 29 w 140"/>
                <a:gd name="T45" fmla="*/ 111 h 131"/>
                <a:gd name="T46" fmla="*/ 35 w 140"/>
                <a:gd name="T47" fmla="*/ 115 h 131"/>
                <a:gd name="T48" fmla="*/ 41 w 140"/>
                <a:gd name="T49" fmla="*/ 118 h 131"/>
                <a:gd name="T50" fmla="*/ 44 w 140"/>
                <a:gd name="T51" fmla="*/ 120 h 131"/>
                <a:gd name="T52" fmla="*/ 47 w 140"/>
                <a:gd name="T53" fmla="*/ 121 h 131"/>
                <a:gd name="T54" fmla="*/ 54 w 140"/>
                <a:gd name="T55" fmla="*/ 123 h 131"/>
                <a:gd name="T56" fmla="*/ 80 w 140"/>
                <a:gd name="T57" fmla="*/ 124 h 131"/>
                <a:gd name="T58" fmla="*/ 119 w 140"/>
                <a:gd name="T59" fmla="*/ 104 h 131"/>
                <a:gd name="T60" fmla="*/ 136 w 140"/>
                <a:gd name="T61" fmla="*/ 80 h 131"/>
                <a:gd name="T62" fmla="*/ 139 w 140"/>
                <a:gd name="T63" fmla="*/ 72 h 131"/>
                <a:gd name="T64" fmla="*/ 140 w 140"/>
                <a:gd name="T65" fmla="*/ 69 h 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0" h="131">
                  <a:moveTo>
                    <a:pt x="140" y="69"/>
                  </a:moveTo>
                  <a:cubicBezTo>
                    <a:pt x="140" y="69"/>
                    <a:pt x="140" y="70"/>
                    <a:pt x="140" y="72"/>
                  </a:cubicBezTo>
                  <a:cubicBezTo>
                    <a:pt x="140" y="74"/>
                    <a:pt x="140" y="77"/>
                    <a:pt x="138" y="81"/>
                  </a:cubicBezTo>
                  <a:cubicBezTo>
                    <a:pt x="136" y="88"/>
                    <a:pt x="131" y="98"/>
                    <a:pt x="122" y="107"/>
                  </a:cubicBezTo>
                  <a:cubicBezTo>
                    <a:pt x="112" y="117"/>
                    <a:pt x="98" y="126"/>
                    <a:pt x="80" y="129"/>
                  </a:cubicBezTo>
                  <a:cubicBezTo>
                    <a:pt x="72" y="131"/>
                    <a:pt x="62" y="131"/>
                    <a:pt x="52" y="129"/>
                  </a:cubicBezTo>
                  <a:cubicBezTo>
                    <a:pt x="50" y="128"/>
                    <a:pt x="48" y="127"/>
                    <a:pt x="45" y="127"/>
                  </a:cubicBezTo>
                  <a:cubicBezTo>
                    <a:pt x="44" y="126"/>
                    <a:pt x="43" y="126"/>
                    <a:pt x="42" y="125"/>
                  </a:cubicBezTo>
                  <a:cubicBezTo>
                    <a:pt x="38" y="124"/>
                    <a:pt x="38" y="124"/>
                    <a:pt x="38" y="124"/>
                  </a:cubicBezTo>
                  <a:cubicBezTo>
                    <a:pt x="36" y="122"/>
                    <a:pt x="34" y="122"/>
                    <a:pt x="31" y="120"/>
                  </a:cubicBezTo>
                  <a:cubicBezTo>
                    <a:pt x="29" y="119"/>
                    <a:pt x="27" y="117"/>
                    <a:pt x="25" y="116"/>
                  </a:cubicBezTo>
                  <a:cubicBezTo>
                    <a:pt x="21" y="113"/>
                    <a:pt x="17" y="109"/>
                    <a:pt x="14" y="105"/>
                  </a:cubicBezTo>
                  <a:cubicBezTo>
                    <a:pt x="11" y="101"/>
                    <a:pt x="8" y="97"/>
                    <a:pt x="6" y="92"/>
                  </a:cubicBezTo>
                  <a:cubicBezTo>
                    <a:pt x="2" y="83"/>
                    <a:pt x="0" y="74"/>
                    <a:pt x="0" y="65"/>
                  </a:cubicBezTo>
                  <a:cubicBezTo>
                    <a:pt x="0" y="47"/>
                    <a:pt x="7" y="31"/>
                    <a:pt x="16" y="21"/>
                  </a:cubicBezTo>
                  <a:cubicBezTo>
                    <a:pt x="24" y="10"/>
                    <a:pt x="34" y="5"/>
                    <a:pt x="41" y="2"/>
                  </a:cubicBezTo>
                  <a:cubicBezTo>
                    <a:pt x="48" y="0"/>
                    <a:pt x="52" y="0"/>
                    <a:pt x="52" y="0"/>
                  </a:cubicBezTo>
                  <a:cubicBezTo>
                    <a:pt x="52" y="1"/>
                    <a:pt x="48" y="1"/>
                    <a:pt x="42" y="4"/>
                  </a:cubicBezTo>
                  <a:cubicBezTo>
                    <a:pt x="35" y="7"/>
                    <a:pt x="27" y="13"/>
                    <a:pt x="19" y="23"/>
                  </a:cubicBezTo>
                  <a:cubicBezTo>
                    <a:pt x="11" y="33"/>
                    <a:pt x="5" y="48"/>
                    <a:pt x="5" y="65"/>
                  </a:cubicBezTo>
                  <a:cubicBezTo>
                    <a:pt x="5" y="73"/>
                    <a:pt x="7" y="82"/>
                    <a:pt x="11" y="90"/>
                  </a:cubicBezTo>
                  <a:cubicBezTo>
                    <a:pt x="13" y="94"/>
                    <a:pt x="15" y="98"/>
                    <a:pt x="18" y="101"/>
                  </a:cubicBezTo>
                  <a:cubicBezTo>
                    <a:pt x="21" y="105"/>
                    <a:pt x="25" y="108"/>
                    <a:pt x="29" y="111"/>
                  </a:cubicBezTo>
                  <a:cubicBezTo>
                    <a:pt x="31" y="112"/>
                    <a:pt x="33" y="114"/>
                    <a:pt x="35" y="115"/>
                  </a:cubicBezTo>
                  <a:cubicBezTo>
                    <a:pt x="36" y="116"/>
                    <a:pt x="39" y="117"/>
                    <a:pt x="41" y="118"/>
                  </a:cubicBezTo>
                  <a:cubicBezTo>
                    <a:pt x="44" y="120"/>
                    <a:pt x="44" y="120"/>
                    <a:pt x="44" y="120"/>
                  </a:cubicBezTo>
                  <a:cubicBezTo>
                    <a:pt x="45" y="120"/>
                    <a:pt x="46" y="121"/>
                    <a:pt x="47" y="121"/>
                  </a:cubicBezTo>
                  <a:cubicBezTo>
                    <a:pt x="49" y="122"/>
                    <a:pt x="51" y="123"/>
                    <a:pt x="54" y="123"/>
                  </a:cubicBezTo>
                  <a:cubicBezTo>
                    <a:pt x="62" y="125"/>
                    <a:pt x="71" y="125"/>
                    <a:pt x="80" y="124"/>
                  </a:cubicBezTo>
                  <a:cubicBezTo>
                    <a:pt x="96" y="121"/>
                    <a:pt x="110" y="113"/>
                    <a:pt x="119" y="104"/>
                  </a:cubicBezTo>
                  <a:cubicBezTo>
                    <a:pt x="128" y="96"/>
                    <a:pt x="134" y="87"/>
                    <a:pt x="136" y="80"/>
                  </a:cubicBezTo>
                  <a:cubicBezTo>
                    <a:pt x="138" y="77"/>
                    <a:pt x="138" y="74"/>
                    <a:pt x="139" y="72"/>
                  </a:cubicBezTo>
                  <a:cubicBezTo>
                    <a:pt x="139" y="70"/>
                    <a:pt x="140" y="69"/>
                    <a:pt x="140" y="69"/>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6" name="îš1îḍe">
              <a:extLst>
                <a:ext uri="{FF2B5EF4-FFF2-40B4-BE49-F238E27FC236}">
                  <a16:creationId xmlns:a16="http://schemas.microsoft.com/office/drawing/2014/main" xmlns="" id="{5527A9D4-590D-4387-A603-7A62601D7D30}"/>
                </a:ext>
              </a:extLst>
            </p:cNvPr>
            <p:cNvSpPr/>
            <p:nvPr/>
          </p:nvSpPr>
          <p:spPr bwMode="auto">
            <a:xfrm>
              <a:off x="4728974" y="2807998"/>
              <a:ext cx="53841" cy="108596"/>
            </a:xfrm>
            <a:custGeom>
              <a:avLst/>
              <a:gdLst>
                <a:gd name="T0" fmla="*/ 23 w 25"/>
                <a:gd name="T1" fmla="*/ 49 h 50"/>
                <a:gd name="T2" fmla="*/ 8 w 25"/>
                <a:gd name="T3" fmla="*/ 27 h 50"/>
                <a:gd name="T4" fmla="*/ 3 w 25"/>
                <a:gd name="T5" fmla="*/ 1 h 50"/>
                <a:gd name="T6" fmla="*/ 17 w 25"/>
                <a:gd name="T7" fmla="*/ 23 h 50"/>
                <a:gd name="T8" fmla="*/ 23 w 25"/>
                <a:gd name="T9" fmla="*/ 49 h 50"/>
              </a:gdLst>
              <a:ahLst/>
              <a:cxnLst>
                <a:cxn ang="0">
                  <a:pos x="T0" y="T1"/>
                </a:cxn>
                <a:cxn ang="0">
                  <a:pos x="T2" y="T3"/>
                </a:cxn>
                <a:cxn ang="0">
                  <a:pos x="T4" y="T5"/>
                </a:cxn>
                <a:cxn ang="0">
                  <a:pos x="T6" y="T7"/>
                </a:cxn>
                <a:cxn ang="0">
                  <a:pos x="T8" y="T9"/>
                </a:cxn>
              </a:cxnLst>
              <a:rect l="0" t="0" r="r" b="b"/>
              <a:pathLst>
                <a:path w="25" h="50">
                  <a:moveTo>
                    <a:pt x="23" y="49"/>
                  </a:moveTo>
                  <a:cubicBezTo>
                    <a:pt x="20" y="50"/>
                    <a:pt x="14" y="40"/>
                    <a:pt x="8" y="27"/>
                  </a:cubicBezTo>
                  <a:cubicBezTo>
                    <a:pt x="3" y="14"/>
                    <a:pt x="0" y="2"/>
                    <a:pt x="3" y="1"/>
                  </a:cubicBezTo>
                  <a:cubicBezTo>
                    <a:pt x="5" y="0"/>
                    <a:pt x="12" y="10"/>
                    <a:pt x="17" y="23"/>
                  </a:cubicBezTo>
                  <a:cubicBezTo>
                    <a:pt x="23" y="36"/>
                    <a:pt x="25" y="48"/>
                    <a:pt x="23" y="49"/>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7" name="íşļîḑê">
              <a:extLst>
                <a:ext uri="{FF2B5EF4-FFF2-40B4-BE49-F238E27FC236}">
                  <a16:creationId xmlns:a16="http://schemas.microsoft.com/office/drawing/2014/main" xmlns="" id="{F0F86533-3D81-40AE-A31F-D45D919B9497}"/>
                </a:ext>
              </a:extLst>
            </p:cNvPr>
            <p:cNvSpPr/>
            <p:nvPr/>
          </p:nvSpPr>
          <p:spPr bwMode="auto">
            <a:xfrm>
              <a:off x="4774603" y="2851801"/>
              <a:ext cx="85781" cy="64793"/>
            </a:xfrm>
            <a:custGeom>
              <a:avLst/>
              <a:gdLst>
                <a:gd name="T0" fmla="*/ 39 w 40"/>
                <a:gd name="T1" fmla="*/ 1 h 30"/>
                <a:gd name="T2" fmla="*/ 36 w 40"/>
                <a:gd name="T3" fmla="*/ 8 h 30"/>
                <a:gd name="T4" fmla="*/ 23 w 40"/>
                <a:gd name="T5" fmla="*/ 19 h 30"/>
                <a:gd name="T6" fmla="*/ 8 w 40"/>
                <a:gd name="T7" fmla="*/ 28 h 30"/>
                <a:gd name="T8" fmla="*/ 1 w 40"/>
                <a:gd name="T9" fmla="*/ 29 h 30"/>
                <a:gd name="T10" fmla="*/ 4 w 40"/>
                <a:gd name="T11" fmla="*/ 22 h 30"/>
                <a:gd name="T12" fmla="*/ 17 w 40"/>
                <a:gd name="T13" fmla="*/ 11 h 30"/>
                <a:gd name="T14" fmla="*/ 32 w 40"/>
                <a:gd name="T15" fmla="*/ 2 h 30"/>
                <a:gd name="T16" fmla="*/ 39 w 40"/>
                <a:gd name="T17" fmla="*/ 1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0" h="30">
                  <a:moveTo>
                    <a:pt x="39" y="1"/>
                  </a:moveTo>
                  <a:cubicBezTo>
                    <a:pt x="40" y="2"/>
                    <a:pt x="39" y="4"/>
                    <a:pt x="36" y="8"/>
                  </a:cubicBezTo>
                  <a:cubicBezTo>
                    <a:pt x="33" y="12"/>
                    <a:pt x="28" y="16"/>
                    <a:pt x="23" y="19"/>
                  </a:cubicBezTo>
                  <a:cubicBezTo>
                    <a:pt x="17" y="23"/>
                    <a:pt x="12" y="26"/>
                    <a:pt x="8" y="28"/>
                  </a:cubicBezTo>
                  <a:cubicBezTo>
                    <a:pt x="4" y="30"/>
                    <a:pt x="2" y="30"/>
                    <a:pt x="1" y="29"/>
                  </a:cubicBezTo>
                  <a:cubicBezTo>
                    <a:pt x="0" y="28"/>
                    <a:pt x="1" y="25"/>
                    <a:pt x="4" y="22"/>
                  </a:cubicBezTo>
                  <a:cubicBezTo>
                    <a:pt x="7" y="19"/>
                    <a:pt x="12" y="15"/>
                    <a:pt x="17" y="11"/>
                  </a:cubicBezTo>
                  <a:cubicBezTo>
                    <a:pt x="23" y="7"/>
                    <a:pt x="28" y="4"/>
                    <a:pt x="32" y="2"/>
                  </a:cubicBezTo>
                  <a:cubicBezTo>
                    <a:pt x="35" y="1"/>
                    <a:pt x="38" y="0"/>
                    <a:pt x="39"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8" name="íṩļíḋè">
              <a:extLst>
                <a:ext uri="{FF2B5EF4-FFF2-40B4-BE49-F238E27FC236}">
                  <a16:creationId xmlns:a16="http://schemas.microsoft.com/office/drawing/2014/main" xmlns="" id="{9EF17541-FCA5-4622-A85E-AA80B12881F3}"/>
                </a:ext>
              </a:extLst>
            </p:cNvPr>
            <p:cNvSpPr/>
            <p:nvPr/>
          </p:nvSpPr>
          <p:spPr bwMode="auto">
            <a:xfrm>
              <a:off x="4809280" y="2981386"/>
              <a:ext cx="20989" cy="20989"/>
            </a:xfrm>
            <a:custGeom>
              <a:avLst/>
              <a:gdLst>
                <a:gd name="T0" fmla="*/ 6 w 10"/>
                <a:gd name="T1" fmla="*/ 0 h 10"/>
                <a:gd name="T2" fmla="*/ 10 w 10"/>
                <a:gd name="T3" fmla="*/ 5 h 10"/>
                <a:gd name="T4" fmla="*/ 5 w 10"/>
                <a:gd name="T5" fmla="*/ 9 h 10"/>
                <a:gd name="T6" fmla="*/ 0 w 10"/>
                <a:gd name="T7" fmla="*/ 4 h 10"/>
                <a:gd name="T8" fmla="*/ 6 w 10"/>
                <a:gd name="T9" fmla="*/ 0 h 10"/>
              </a:gdLst>
              <a:ahLst/>
              <a:cxnLst>
                <a:cxn ang="0">
                  <a:pos x="T0" y="T1"/>
                </a:cxn>
                <a:cxn ang="0">
                  <a:pos x="T2" y="T3"/>
                </a:cxn>
                <a:cxn ang="0">
                  <a:pos x="T4" y="T5"/>
                </a:cxn>
                <a:cxn ang="0">
                  <a:pos x="T6" y="T7"/>
                </a:cxn>
                <a:cxn ang="0">
                  <a:pos x="T8" y="T9"/>
                </a:cxn>
              </a:cxnLst>
              <a:rect l="0" t="0" r="r" b="b"/>
              <a:pathLst>
                <a:path w="10" h="10">
                  <a:moveTo>
                    <a:pt x="6" y="0"/>
                  </a:moveTo>
                  <a:cubicBezTo>
                    <a:pt x="8" y="0"/>
                    <a:pt x="10" y="3"/>
                    <a:pt x="10" y="5"/>
                  </a:cubicBezTo>
                  <a:cubicBezTo>
                    <a:pt x="10" y="8"/>
                    <a:pt x="8" y="10"/>
                    <a:pt x="5" y="9"/>
                  </a:cubicBezTo>
                  <a:cubicBezTo>
                    <a:pt x="2" y="9"/>
                    <a:pt x="0" y="6"/>
                    <a:pt x="0" y="4"/>
                  </a:cubicBezTo>
                  <a:cubicBezTo>
                    <a:pt x="0" y="2"/>
                    <a:pt x="3" y="0"/>
                    <a:pt x="6"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69" name="íṩ1îďè">
              <a:extLst>
                <a:ext uri="{FF2B5EF4-FFF2-40B4-BE49-F238E27FC236}">
                  <a16:creationId xmlns:a16="http://schemas.microsoft.com/office/drawing/2014/main" xmlns="" id="{12214E7D-4E60-4CBA-8433-6006A4363D60}"/>
                </a:ext>
              </a:extLst>
            </p:cNvPr>
            <p:cNvSpPr/>
            <p:nvPr/>
          </p:nvSpPr>
          <p:spPr bwMode="auto">
            <a:xfrm>
              <a:off x="4877722" y="2831725"/>
              <a:ext cx="21902" cy="21902"/>
            </a:xfrm>
            <a:custGeom>
              <a:avLst/>
              <a:gdLst>
                <a:gd name="T0" fmla="*/ 5 w 10"/>
                <a:gd name="T1" fmla="*/ 1 h 10"/>
                <a:gd name="T2" fmla="*/ 10 w 10"/>
                <a:gd name="T3" fmla="*/ 6 h 10"/>
                <a:gd name="T4" fmla="*/ 4 w 10"/>
                <a:gd name="T5" fmla="*/ 10 h 10"/>
                <a:gd name="T6" fmla="*/ 0 w 10"/>
                <a:gd name="T7" fmla="*/ 4 h 10"/>
                <a:gd name="T8" fmla="*/ 5 w 10"/>
                <a:gd name="T9" fmla="*/ 1 h 10"/>
              </a:gdLst>
              <a:ahLst/>
              <a:cxnLst>
                <a:cxn ang="0">
                  <a:pos x="T0" y="T1"/>
                </a:cxn>
                <a:cxn ang="0">
                  <a:pos x="T2" y="T3"/>
                </a:cxn>
                <a:cxn ang="0">
                  <a:pos x="T4" y="T5"/>
                </a:cxn>
                <a:cxn ang="0">
                  <a:pos x="T6" y="T7"/>
                </a:cxn>
                <a:cxn ang="0">
                  <a:pos x="T8" y="T9"/>
                </a:cxn>
              </a:cxnLst>
              <a:rect l="0" t="0" r="r" b="b"/>
              <a:pathLst>
                <a:path w="10" h="10">
                  <a:moveTo>
                    <a:pt x="5" y="1"/>
                  </a:moveTo>
                  <a:cubicBezTo>
                    <a:pt x="8" y="1"/>
                    <a:pt x="10" y="3"/>
                    <a:pt x="10" y="6"/>
                  </a:cubicBezTo>
                  <a:cubicBezTo>
                    <a:pt x="10" y="8"/>
                    <a:pt x="7" y="10"/>
                    <a:pt x="4" y="10"/>
                  </a:cubicBezTo>
                  <a:cubicBezTo>
                    <a:pt x="2" y="9"/>
                    <a:pt x="0" y="7"/>
                    <a:pt x="0" y="4"/>
                  </a:cubicBezTo>
                  <a:cubicBezTo>
                    <a:pt x="0" y="2"/>
                    <a:pt x="2" y="0"/>
                    <a:pt x="5"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70" name="íṧḻíḑè">
              <a:extLst>
                <a:ext uri="{FF2B5EF4-FFF2-40B4-BE49-F238E27FC236}">
                  <a16:creationId xmlns:a16="http://schemas.microsoft.com/office/drawing/2014/main" xmlns="" id="{EA39B8D6-E414-4639-AB0A-E06F54FB2068}"/>
                </a:ext>
              </a:extLst>
            </p:cNvPr>
            <p:cNvSpPr/>
            <p:nvPr/>
          </p:nvSpPr>
          <p:spPr bwMode="auto">
            <a:xfrm>
              <a:off x="4713460" y="2765107"/>
              <a:ext cx="23727" cy="23727"/>
            </a:xfrm>
            <a:custGeom>
              <a:avLst/>
              <a:gdLst>
                <a:gd name="T0" fmla="*/ 3 w 11"/>
                <a:gd name="T1" fmla="*/ 2 h 11"/>
                <a:gd name="T2" fmla="*/ 10 w 11"/>
                <a:gd name="T3" fmla="*/ 3 h 11"/>
                <a:gd name="T4" fmla="*/ 8 w 11"/>
                <a:gd name="T5" fmla="*/ 9 h 11"/>
                <a:gd name="T6" fmla="*/ 1 w 11"/>
                <a:gd name="T7" fmla="*/ 8 h 11"/>
                <a:gd name="T8" fmla="*/ 3 w 11"/>
                <a:gd name="T9" fmla="*/ 2 h 11"/>
              </a:gdLst>
              <a:ahLst/>
              <a:cxnLst>
                <a:cxn ang="0">
                  <a:pos x="T0" y="T1"/>
                </a:cxn>
                <a:cxn ang="0">
                  <a:pos x="T2" y="T3"/>
                </a:cxn>
                <a:cxn ang="0">
                  <a:pos x="T4" y="T5"/>
                </a:cxn>
                <a:cxn ang="0">
                  <a:pos x="T6" y="T7"/>
                </a:cxn>
                <a:cxn ang="0">
                  <a:pos x="T8" y="T9"/>
                </a:cxn>
              </a:cxnLst>
              <a:rect l="0" t="0" r="r" b="b"/>
              <a:pathLst>
                <a:path w="11" h="11">
                  <a:moveTo>
                    <a:pt x="3" y="2"/>
                  </a:moveTo>
                  <a:cubicBezTo>
                    <a:pt x="5" y="0"/>
                    <a:pt x="8" y="1"/>
                    <a:pt x="10" y="3"/>
                  </a:cubicBezTo>
                  <a:cubicBezTo>
                    <a:pt x="11" y="5"/>
                    <a:pt x="10" y="8"/>
                    <a:pt x="8" y="9"/>
                  </a:cubicBezTo>
                  <a:cubicBezTo>
                    <a:pt x="5" y="11"/>
                    <a:pt x="2" y="10"/>
                    <a:pt x="1" y="8"/>
                  </a:cubicBezTo>
                  <a:cubicBezTo>
                    <a:pt x="0" y="6"/>
                    <a:pt x="1" y="3"/>
                    <a:pt x="3"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71" name="îṩ1íḋè">
              <a:extLst>
                <a:ext uri="{FF2B5EF4-FFF2-40B4-BE49-F238E27FC236}">
                  <a16:creationId xmlns:a16="http://schemas.microsoft.com/office/drawing/2014/main" xmlns="" id="{8D03F9A8-57ED-404F-9E26-F537E373489B}"/>
                </a:ext>
              </a:extLst>
            </p:cNvPr>
            <p:cNvSpPr/>
            <p:nvPr/>
          </p:nvSpPr>
          <p:spPr bwMode="auto">
            <a:xfrm>
              <a:off x="4662357" y="2935758"/>
              <a:ext cx="25552" cy="23727"/>
            </a:xfrm>
            <a:custGeom>
              <a:avLst/>
              <a:gdLst>
                <a:gd name="T0" fmla="*/ 4 w 12"/>
                <a:gd name="T1" fmla="*/ 1 h 11"/>
                <a:gd name="T2" fmla="*/ 11 w 12"/>
                <a:gd name="T3" fmla="*/ 3 h 11"/>
                <a:gd name="T4" fmla="*/ 8 w 12"/>
                <a:gd name="T5" fmla="*/ 9 h 11"/>
                <a:gd name="T6" fmla="*/ 2 w 12"/>
                <a:gd name="T7" fmla="*/ 8 h 11"/>
                <a:gd name="T8" fmla="*/ 4 w 12"/>
                <a:gd name="T9" fmla="*/ 1 h 11"/>
              </a:gdLst>
              <a:ahLst/>
              <a:cxnLst>
                <a:cxn ang="0">
                  <a:pos x="T0" y="T1"/>
                </a:cxn>
                <a:cxn ang="0">
                  <a:pos x="T2" y="T3"/>
                </a:cxn>
                <a:cxn ang="0">
                  <a:pos x="T4" y="T5"/>
                </a:cxn>
                <a:cxn ang="0">
                  <a:pos x="T6" y="T7"/>
                </a:cxn>
                <a:cxn ang="0">
                  <a:pos x="T8" y="T9"/>
                </a:cxn>
              </a:cxnLst>
              <a:rect l="0" t="0" r="r" b="b"/>
              <a:pathLst>
                <a:path w="12" h="11">
                  <a:moveTo>
                    <a:pt x="4" y="1"/>
                  </a:moveTo>
                  <a:cubicBezTo>
                    <a:pt x="6" y="0"/>
                    <a:pt x="9" y="1"/>
                    <a:pt x="11" y="3"/>
                  </a:cubicBezTo>
                  <a:cubicBezTo>
                    <a:pt x="12" y="5"/>
                    <a:pt x="11" y="8"/>
                    <a:pt x="8" y="9"/>
                  </a:cubicBezTo>
                  <a:cubicBezTo>
                    <a:pt x="6" y="11"/>
                    <a:pt x="3" y="10"/>
                    <a:pt x="2" y="8"/>
                  </a:cubicBezTo>
                  <a:cubicBezTo>
                    <a:pt x="0" y="6"/>
                    <a:pt x="1" y="3"/>
                    <a:pt x="4"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72" name="íṥlíḓè">
              <a:extLst>
                <a:ext uri="{FF2B5EF4-FFF2-40B4-BE49-F238E27FC236}">
                  <a16:creationId xmlns:a16="http://schemas.microsoft.com/office/drawing/2014/main" xmlns="" id="{2599F910-1E91-4BCB-957E-525A7231E5CD}"/>
                </a:ext>
              </a:extLst>
            </p:cNvPr>
            <p:cNvSpPr/>
            <p:nvPr/>
          </p:nvSpPr>
          <p:spPr bwMode="auto">
            <a:xfrm>
              <a:off x="6411748" y="4095630"/>
              <a:ext cx="164581" cy="2956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anchor="t" anchorCtr="0" compatLnSpc="1">
              <a:prstTxWarp prst="textNoShape">
                <a:avLst/>
              </a:prstTxWarp>
              <a:normAutofit fontScale="55000" lnSpcReduction="20000"/>
            </a:bodyP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marL="0" marR="0" lvl="0" indent="0" algn="l" defTabSz="914400" rtl="0" eaLnBrk="0" fontAlgn="base" latinLnBrk="0" hangingPunct="0">
                <a:spcBef>
                  <a:spcPct val="0"/>
                </a:spcBef>
                <a:spcAft>
                  <a:spcPct val="0"/>
                </a:spcAft>
                <a:buClrTx/>
                <a:buSzTx/>
                <a:buFontTx/>
                <a:buNone/>
                <a:tabLst/>
              </a:pPr>
              <a:r>
                <a:rPr kumimoji="0" lang="en-US" altLang="zh-CN" sz="2900" b="0" i="0" u="none" strike="noStrike" cap="none" normalizeH="0" baseline="0" dirty="0">
                  <a:ln>
                    <a:noFill/>
                  </a:ln>
                  <a:solidFill>
                    <a:srgbClr val="000000"/>
                  </a:solidFill>
                  <a:effectLst/>
                  <a:latin typeface="+mn-lt"/>
                  <a:ea typeface="+mn-ea"/>
                </a:rPr>
                <a:t>B</a:t>
              </a:r>
              <a:endParaRPr kumimoji="0" lang="zh-CN" altLang="zh-CN" sz="2900" b="0" i="0" u="none" strike="noStrike" cap="none" normalizeH="0" baseline="0" dirty="0">
                <a:ln>
                  <a:noFill/>
                </a:ln>
                <a:solidFill>
                  <a:srgbClr val="000000"/>
                </a:solidFill>
                <a:effectLst/>
                <a:latin typeface="+mn-lt"/>
                <a:ea typeface="+mn-ea"/>
              </a:endParaRPr>
            </a:p>
          </p:txBody>
        </p:sp>
        <p:sp>
          <p:nvSpPr>
            <p:cNvPr id="273" name="isļîḓé">
              <a:extLst>
                <a:ext uri="{FF2B5EF4-FFF2-40B4-BE49-F238E27FC236}">
                  <a16:creationId xmlns:a16="http://schemas.microsoft.com/office/drawing/2014/main" xmlns="" id="{4991B86F-F5A2-4D61-BC8C-8670581D8EA9}"/>
                </a:ext>
              </a:extLst>
            </p:cNvPr>
            <p:cNvSpPr/>
            <p:nvPr/>
          </p:nvSpPr>
          <p:spPr bwMode="auto">
            <a:xfrm>
              <a:off x="6525819" y="4095630"/>
              <a:ext cx="136974" cy="2956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anchor="t" anchorCtr="0" compatLnSpc="1">
              <a:prstTxWarp prst="textNoShape">
                <a:avLst/>
              </a:prstTxWarp>
              <a:normAutofit fontScale="55000" lnSpcReduction="20000"/>
            </a:bodyP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marL="0" marR="0" lvl="0" indent="0" algn="l" defTabSz="914400" rtl="0" eaLnBrk="0" fontAlgn="base" latinLnBrk="0" hangingPunct="0">
                <a:spcBef>
                  <a:spcPct val="0"/>
                </a:spcBef>
                <a:spcAft>
                  <a:spcPct val="0"/>
                </a:spcAft>
                <a:buClrTx/>
                <a:buSzTx/>
                <a:buFontTx/>
                <a:buNone/>
                <a:tabLst/>
              </a:pPr>
              <a:r>
                <a:rPr kumimoji="0" lang="en-US" altLang="zh-CN" sz="2900" b="0" i="0" u="none" strike="noStrike" cap="none" normalizeH="0" baseline="0" dirty="0">
                  <a:ln>
                    <a:noFill/>
                  </a:ln>
                  <a:solidFill>
                    <a:srgbClr val="000000"/>
                  </a:solidFill>
                  <a:effectLst/>
                  <a:latin typeface="+mn-lt"/>
                  <a:ea typeface="+mn-ea"/>
                </a:rPr>
                <a:t>u</a:t>
              </a:r>
              <a:endParaRPr kumimoji="0" lang="zh-CN" altLang="zh-CN" sz="2900" b="0" i="0" u="none" strike="noStrike" cap="none" normalizeH="0" baseline="0" dirty="0">
                <a:ln>
                  <a:noFill/>
                </a:ln>
                <a:solidFill>
                  <a:srgbClr val="000000"/>
                </a:solidFill>
                <a:effectLst/>
                <a:latin typeface="+mn-lt"/>
                <a:ea typeface="+mn-ea"/>
              </a:endParaRPr>
            </a:p>
          </p:txBody>
        </p:sp>
        <p:sp>
          <p:nvSpPr>
            <p:cNvPr id="274" name="ï$ḻídê">
              <a:extLst>
                <a:ext uri="{FF2B5EF4-FFF2-40B4-BE49-F238E27FC236}">
                  <a16:creationId xmlns:a16="http://schemas.microsoft.com/office/drawing/2014/main" xmlns="" id="{120AF631-F638-4926-B8E2-C5EF0A19F0F1}"/>
                </a:ext>
              </a:extLst>
            </p:cNvPr>
            <p:cNvSpPr/>
            <p:nvPr/>
          </p:nvSpPr>
          <p:spPr bwMode="auto">
            <a:xfrm>
              <a:off x="6638064" y="4095630"/>
              <a:ext cx="123170" cy="2956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anchor="t" anchorCtr="0" compatLnSpc="1">
              <a:prstTxWarp prst="textNoShape">
                <a:avLst/>
              </a:prstTxWarp>
              <a:normAutofit fontScale="55000" lnSpcReduction="20000"/>
            </a:bodyP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marL="0" marR="0" lvl="0" indent="0" algn="l" defTabSz="914400" rtl="0" eaLnBrk="0" fontAlgn="base" latinLnBrk="0" hangingPunct="0">
                <a:spcBef>
                  <a:spcPct val="0"/>
                </a:spcBef>
                <a:spcAft>
                  <a:spcPct val="0"/>
                </a:spcAft>
                <a:buClrTx/>
                <a:buSzTx/>
                <a:buFontTx/>
                <a:buNone/>
                <a:tabLst/>
              </a:pPr>
              <a:r>
                <a:rPr kumimoji="0" lang="en-US" altLang="zh-CN" sz="2900" b="0" i="0" u="none" strike="noStrike" cap="none" normalizeH="0" baseline="0" dirty="0">
                  <a:ln>
                    <a:noFill/>
                  </a:ln>
                  <a:solidFill>
                    <a:srgbClr val="000000"/>
                  </a:solidFill>
                  <a:effectLst/>
                  <a:latin typeface="+mn-lt"/>
                  <a:ea typeface="+mn-ea"/>
                </a:rPr>
                <a:t>y</a:t>
              </a:r>
              <a:endParaRPr kumimoji="0" lang="zh-CN" altLang="zh-CN" sz="2900" b="0" i="0" u="none" strike="noStrike" cap="none" normalizeH="0" baseline="0" dirty="0">
                <a:ln>
                  <a:noFill/>
                </a:ln>
                <a:solidFill>
                  <a:srgbClr val="000000"/>
                </a:solidFill>
                <a:effectLst/>
                <a:latin typeface="+mn-lt"/>
                <a:ea typeface="+mn-ea"/>
              </a:endParaRPr>
            </a:p>
          </p:txBody>
        </p:sp>
        <p:sp>
          <p:nvSpPr>
            <p:cNvPr id="275" name="iş1îḍé">
              <a:extLst>
                <a:ext uri="{FF2B5EF4-FFF2-40B4-BE49-F238E27FC236}">
                  <a16:creationId xmlns:a16="http://schemas.microsoft.com/office/drawing/2014/main" xmlns="" id="{EBA06D91-DAFA-4CCF-82A3-9A7F7C9AE8E7}"/>
                </a:ext>
              </a:extLst>
            </p:cNvPr>
            <p:cNvSpPr/>
            <p:nvPr/>
          </p:nvSpPr>
          <p:spPr bwMode="auto">
            <a:xfrm>
              <a:off x="7202031" y="1788660"/>
              <a:ext cx="41066" cy="71180"/>
            </a:xfrm>
            <a:custGeom>
              <a:avLst/>
              <a:gdLst>
                <a:gd name="T0" fmla="*/ 2 w 19"/>
                <a:gd name="T1" fmla="*/ 32 h 33"/>
                <a:gd name="T2" fmla="*/ 5 w 19"/>
                <a:gd name="T3" fmla="*/ 15 h 33"/>
                <a:gd name="T4" fmla="*/ 17 w 19"/>
                <a:gd name="T5" fmla="*/ 2 h 33"/>
                <a:gd name="T6" fmla="*/ 13 w 19"/>
                <a:gd name="T7" fmla="*/ 19 h 33"/>
                <a:gd name="T8" fmla="*/ 2 w 19"/>
                <a:gd name="T9" fmla="*/ 32 h 33"/>
              </a:gdLst>
              <a:ahLst/>
              <a:cxnLst>
                <a:cxn ang="0">
                  <a:pos x="T0" y="T1"/>
                </a:cxn>
                <a:cxn ang="0">
                  <a:pos x="T2" y="T3"/>
                </a:cxn>
                <a:cxn ang="0">
                  <a:pos x="T4" y="T5"/>
                </a:cxn>
                <a:cxn ang="0">
                  <a:pos x="T6" y="T7"/>
                </a:cxn>
                <a:cxn ang="0">
                  <a:pos x="T8" y="T9"/>
                </a:cxn>
              </a:cxnLst>
              <a:rect l="0" t="0" r="r" b="b"/>
              <a:pathLst>
                <a:path w="19" h="33">
                  <a:moveTo>
                    <a:pt x="2" y="32"/>
                  </a:moveTo>
                  <a:cubicBezTo>
                    <a:pt x="0" y="31"/>
                    <a:pt x="1" y="23"/>
                    <a:pt x="5" y="15"/>
                  </a:cubicBezTo>
                  <a:cubicBezTo>
                    <a:pt x="9" y="6"/>
                    <a:pt x="15" y="0"/>
                    <a:pt x="17" y="2"/>
                  </a:cubicBezTo>
                  <a:cubicBezTo>
                    <a:pt x="19" y="3"/>
                    <a:pt x="17" y="10"/>
                    <a:pt x="13" y="19"/>
                  </a:cubicBezTo>
                  <a:cubicBezTo>
                    <a:pt x="9" y="27"/>
                    <a:pt x="4" y="33"/>
                    <a:pt x="2" y="3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76" name="íSľiďe">
              <a:extLst>
                <a:ext uri="{FF2B5EF4-FFF2-40B4-BE49-F238E27FC236}">
                  <a16:creationId xmlns:a16="http://schemas.microsoft.com/office/drawing/2014/main" xmlns="" id="{E8EEA50B-366A-4615-B18E-2BEE8A7C8DC1}"/>
                </a:ext>
              </a:extLst>
            </p:cNvPr>
            <p:cNvSpPr/>
            <p:nvPr/>
          </p:nvSpPr>
          <p:spPr bwMode="auto">
            <a:xfrm>
              <a:off x="7158228" y="1926458"/>
              <a:ext cx="28290" cy="73918"/>
            </a:xfrm>
            <a:custGeom>
              <a:avLst/>
              <a:gdLst>
                <a:gd name="T0" fmla="*/ 3 w 13"/>
                <a:gd name="T1" fmla="*/ 33 h 34"/>
                <a:gd name="T2" fmla="*/ 3 w 13"/>
                <a:gd name="T3" fmla="*/ 16 h 34"/>
                <a:gd name="T4" fmla="*/ 11 w 13"/>
                <a:gd name="T5" fmla="*/ 0 h 34"/>
                <a:gd name="T6" fmla="*/ 11 w 13"/>
                <a:gd name="T7" fmla="*/ 18 h 34"/>
                <a:gd name="T8" fmla="*/ 3 w 13"/>
                <a:gd name="T9" fmla="*/ 33 h 34"/>
              </a:gdLst>
              <a:ahLst/>
              <a:cxnLst>
                <a:cxn ang="0">
                  <a:pos x="T0" y="T1"/>
                </a:cxn>
                <a:cxn ang="0">
                  <a:pos x="T2" y="T3"/>
                </a:cxn>
                <a:cxn ang="0">
                  <a:pos x="T4" y="T5"/>
                </a:cxn>
                <a:cxn ang="0">
                  <a:pos x="T6" y="T7"/>
                </a:cxn>
                <a:cxn ang="0">
                  <a:pos x="T8" y="T9"/>
                </a:cxn>
              </a:cxnLst>
              <a:rect l="0" t="0" r="r" b="b"/>
              <a:pathLst>
                <a:path w="13" h="34">
                  <a:moveTo>
                    <a:pt x="3" y="33"/>
                  </a:moveTo>
                  <a:cubicBezTo>
                    <a:pt x="1" y="33"/>
                    <a:pt x="0" y="25"/>
                    <a:pt x="3" y="16"/>
                  </a:cubicBezTo>
                  <a:cubicBezTo>
                    <a:pt x="5" y="7"/>
                    <a:pt x="9" y="0"/>
                    <a:pt x="11" y="0"/>
                  </a:cubicBezTo>
                  <a:cubicBezTo>
                    <a:pt x="13" y="1"/>
                    <a:pt x="13" y="9"/>
                    <a:pt x="11" y="18"/>
                  </a:cubicBezTo>
                  <a:cubicBezTo>
                    <a:pt x="9" y="27"/>
                    <a:pt x="6" y="34"/>
                    <a:pt x="3"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77" name="ïşlidé">
              <a:extLst>
                <a:ext uri="{FF2B5EF4-FFF2-40B4-BE49-F238E27FC236}">
                  <a16:creationId xmlns:a16="http://schemas.microsoft.com/office/drawing/2014/main" xmlns="" id="{D11220EA-FBDD-46F2-B446-D240223BF962}"/>
                </a:ext>
              </a:extLst>
            </p:cNvPr>
            <p:cNvSpPr/>
            <p:nvPr/>
          </p:nvSpPr>
          <p:spPr bwMode="auto">
            <a:xfrm>
              <a:off x="7150015" y="2071556"/>
              <a:ext cx="19164" cy="75743"/>
            </a:xfrm>
            <a:custGeom>
              <a:avLst/>
              <a:gdLst>
                <a:gd name="T0" fmla="*/ 6 w 9"/>
                <a:gd name="T1" fmla="*/ 34 h 35"/>
                <a:gd name="T2" fmla="*/ 0 w 9"/>
                <a:gd name="T3" fmla="*/ 18 h 35"/>
                <a:gd name="T4" fmla="*/ 4 w 9"/>
                <a:gd name="T5" fmla="*/ 0 h 35"/>
                <a:gd name="T6" fmla="*/ 9 w 9"/>
                <a:gd name="T7" fmla="*/ 17 h 35"/>
                <a:gd name="T8" fmla="*/ 6 w 9"/>
                <a:gd name="T9" fmla="*/ 34 h 35"/>
              </a:gdLst>
              <a:ahLst/>
              <a:cxnLst>
                <a:cxn ang="0">
                  <a:pos x="T0" y="T1"/>
                </a:cxn>
                <a:cxn ang="0">
                  <a:pos x="T2" y="T3"/>
                </a:cxn>
                <a:cxn ang="0">
                  <a:pos x="T4" y="T5"/>
                </a:cxn>
                <a:cxn ang="0">
                  <a:pos x="T6" y="T7"/>
                </a:cxn>
                <a:cxn ang="0">
                  <a:pos x="T8" y="T9"/>
                </a:cxn>
              </a:cxnLst>
              <a:rect l="0" t="0" r="r" b="b"/>
              <a:pathLst>
                <a:path w="9" h="35">
                  <a:moveTo>
                    <a:pt x="6" y="34"/>
                  </a:moveTo>
                  <a:cubicBezTo>
                    <a:pt x="3" y="35"/>
                    <a:pt x="1" y="27"/>
                    <a:pt x="0" y="18"/>
                  </a:cubicBezTo>
                  <a:cubicBezTo>
                    <a:pt x="0" y="8"/>
                    <a:pt x="2" y="0"/>
                    <a:pt x="4" y="0"/>
                  </a:cubicBezTo>
                  <a:cubicBezTo>
                    <a:pt x="7" y="0"/>
                    <a:pt x="8" y="8"/>
                    <a:pt x="9" y="17"/>
                  </a:cubicBezTo>
                  <a:cubicBezTo>
                    <a:pt x="9" y="26"/>
                    <a:pt x="8" y="34"/>
                    <a:pt x="6" y="3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78" name="işḷîḍé">
              <a:extLst>
                <a:ext uri="{FF2B5EF4-FFF2-40B4-BE49-F238E27FC236}">
                  <a16:creationId xmlns:a16="http://schemas.microsoft.com/office/drawing/2014/main" xmlns="" id="{4E72E445-1FBF-419C-8962-71FDB4701DC6}"/>
                </a:ext>
              </a:extLst>
            </p:cNvPr>
            <p:cNvSpPr/>
            <p:nvPr/>
          </p:nvSpPr>
          <p:spPr bwMode="auto">
            <a:xfrm>
              <a:off x="7171917" y="2216654"/>
              <a:ext cx="36503" cy="71180"/>
            </a:xfrm>
            <a:custGeom>
              <a:avLst/>
              <a:gdLst>
                <a:gd name="T0" fmla="*/ 15 w 17"/>
                <a:gd name="T1" fmla="*/ 32 h 33"/>
                <a:gd name="T2" fmla="*/ 4 w 17"/>
                <a:gd name="T3" fmla="*/ 18 h 33"/>
                <a:gd name="T4" fmla="*/ 3 w 17"/>
                <a:gd name="T5" fmla="*/ 1 h 33"/>
                <a:gd name="T6" fmla="*/ 12 w 17"/>
                <a:gd name="T7" fmla="*/ 15 h 33"/>
                <a:gd name="T8" fmla="*/ 15 w 17"/>
                <a:gd name="T9" fmla="*/ 32 h 33"/>
              </a:gdLst>
              <a:ahLst/>
              <a:cxnLst>
                <a:cxn ang="0">
                  <a:pos x="T0" y="T1"/>
                </a:cxn>
                <a:cxn ang="0">
                  <a:pos x="T2" y="T3"/>
                </a:cxn>
                <a:cxn ang="0">
                  <a:pos x="T4" y="T5"/>
                </a:cxn>
                <a:cxn ang="0">
                  <a:pos x="T6" y="T7"/>
                </a:cxn>
                <a:cxn ang="0">
                  <a:pos x="T8" y="T9"/>
                </a:cxn>
              </a:cxnLst>
              <a:rect l="0" t="0" r="r" b="b"/>
              <a:pathLst>
                <a:path w="17" h="33">
                  <a:moveTo>
                    <a:pt x="15" y="32"/>
                  </a:moveTo>
                  <a:cubicBezTo>
                    <a:pt x="13" y="33"/>
                    <a:pt x="8" y="27"/>
                    <a:pt x="4" y="18"/>
                  </a:cubicBezTo>
                  <a:cubicBezTo>
                    <a:pt x="1" y="9"/>
                    <a:pt x="0" y="1"/>
                    <a:pt x="3" y="1"/>
                  </a:cubicBezTo>
                  <a:cubicBezTo>
                    <a:pt x="5" y="0"/>
                    <a:pt x="9" y="7"/>
                    <a:pt x="12" y="15"/>
                  </a:cubicBezTo>
                  <a:cubicBezTo>
                    <a:pt x="15" y="24"/>
                    <a:pt x="17" y="31"/>
                    <a:pt x="15" y="3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79" name="ïŝ1íḓè">
              <a:extLst>
                <a:ext uri="{FF2B5EF4-FFF2-40B4-BE49-F238E27FC236}">
                  <a16:creationId xmlns:a16="http://schemas.microsoft.com/office/drawing/2014/main" xmlns="" id="{653CEDA8-4E37-4F80-9E96-7A329379A526}"/>
                </a:ext>
              </a:extLst>
            </p:cNvPr>
            <p:cNvSpPr/>
            <p:nvPr/>
          </p:nvSpPr>
          <p:spPr bwMode="auto">
            <a:xfrm>
              <a:off x="7240359" y="2343501"/>
              <a:ext cx="61142" cy="58404"/>
            </a:xfrm>
            <a:custGeom>
              <a:avLst/>
              <a:gdLst>
                <a:gd name="T0" fmla="*/ 26 w 28"/>
                <a:gd name="T1" fmla="*/ 25 h 27"/>
                <a:gd name="T2" fmla="*/ 10 w 28"/>
                <a:gd name="T3" fmla="*/ 17 h 27"/>
                <a:gd name="T4" fmla="*/ 2 w 28"/>
                <a:gd name="T5" fmla="*/ 2 h 27"/>
                <a:gd name="T6" fmla="*/ 16 w 28"/>
                <a:gd name="T7" fmla="*/ 11 h 27"/>
                <a:gd name="T8" fmla="*/ 26 w 28"/>
                <a:gd name="T9" fmla="*/ 25 h 27"/>
              </a:gdLst>
              <a:ahLst/>
              <a:cxnLst>
                <a:cxn ang="0">
                  <a:pos x="T0" y="T1"/>
                </a:cxn>
                <a:cxn ang="0">
                  <a:pos x="T2" y="T3"/>
                </a:cxn>
                <a:cxn ang="0">
                  <a:pos x="T4" y="T5"/>
                </a:cxn>
                <a:cxn ang="0">
                  <a:pos x="T6" y="T7"/>
                </a:cxn>
                <a:cxn ang="0">
                  <a:pos x="T8" y="T9"/>
                </a:cxn>
              </a:cxnLst>
              <a:rect l="0" t="0" r="r" b="b"/>
              <a:pathLst>
                <a:path w="28" h="27">
                  <a:moveTo>
                    <a:pt x="26" y="25"/>
                  </a:moveTo>
                  <a:cubicBezTo>
                    <a:pt x="25" y="27"/>
                    <a:pt x="17" y="24"/>
                    <a:pt x="10" y="17"/>
                  </a:cubicBezTo>
                  <a:cubicBezTo>
                    <a:pt x="3" y="10"/>
                    <a:pt x="0" y="3"/>
                    <a:pt x="2" y="2"/>
                  </a:cubicBezTo>
                  <a:cubicBezTo>
                    <a:pt x="4" y="0"/>
                    <a:pt x="10" y="5"/>
                    <a:pt x="16" y="11"/>
                  </a:cubicBezTo>
                  <a:cubicBezTo>
                    <a:pt x="23" y="17"/>
                    <a:pt x="28" y="23"/>
                    <a:pt x="26" y="2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0" name="ísľiḍè">
              <a:extLst>
                <a:ext uri="{FF2B5EF4-FFF2-40B4-BE49-F238E27FC236}">
                  <a16:creationId xmlns:a16="http://schemas.microsoft.com/office/drawing/2014/main" xmlns="" id="{0563D8B3-3E25-4038-93C2-7D565ACA0C02}"/>
                </a:ext>
              </a:extLst>
            </p:cNvPr>
            <p:cNvSpPr/>
            <p:nvPr/>
          </p:nvSpPr>
          <p:spPr bwMode="auto">
            <a:xfrm>
              <a:off x="7357168" y="2430195"/>
              <a:ext cx="73918" cy="34677"/>
            </a:xfrm>
            <a:custGeom>
              <a:avLst/>
              <a:gdLst>
                <a:gd name="T0" fmla="*/ 34 w 34"/>
                <a:gd name="T1" fmla="*/ 13 h 16"/>
                <a:gd name="T2" fmla="*/ 16 w 34"/>
                <a:gd name="T3" fmla="*/ 12 h 16"/>
                <a:gd name="T4" fmla="*/ 1 w 34"/>
                <a:gd name="T5" fmla="*/ 2 h 16"/>
                <a:gd name="T6" fmla="*/ 19 w 34"/>
                <a:gd name="T7" fmla="*/ 4 h 16"/>
                <a:gd name="T8" fmla="*/ 34 w 34"/>
                <a:gd name="T9" fmla="*/ 13 h 16"/>
              </a:gdLst>
              <a:ahLst/>
              <a:cxnLst>
                <a:cxn ang="0">
                  <a:pos x="T0" y="T1"/>
                </a:cxn>
                <a:cxn ang="0">
                  <a:pos x="T2" y="T3"/>
                </a:cxn>
                <a:cxn ang="0">
                  <a:pos x="T4" y="T5"/>
                </a:cxn>
                <a:cxn ang="0">
                  <a:pos x="T6" y="T7"/>
                </a:cxn>
                <a:cxn ang="0">
                  <a:pos x="T8" y="T9"/>
                </a:cxn>
              </a:cxnLst>
              <a:rect l="0" t="0" r="r" b="b"/>
              <a:pathLst>
                <a:path w="34" h="16">
                  <a:moveTo>
                    <a:pt x="34" y="13"/>
                  </a:moveTo>
                  <a:cubicBezTo>
                    <a:pt x="33" y="15"/>
                    <a:pt x="25" y="16"/>
                    <a:pt x="16" y="12"/>
                  </a:cubicBezTo>
                  <a:cubicBezTo>
                    <a:pt x="7" y="9"/>
                    <a:pt x="0" y="4"/>
                    <a:pt x="1" y="2"/>
                  </a:cubicBezTo>
                  <a:cubicBezTo>
                    <a:pt x="2" y="0"/>
                    <a:pt x="10" y="2"/>
                    <a:pt x="19" y="4"/>
                  </a:cubicBezTo>
                  <a:cubicBezTo>
                    <a:pt x="27" y="7"/>
                    <a:pt x="34" y="11"/>
                    <a:pt x="34" y="1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1" name="íšlîdê">
              <a:extLst>
                <a:ext uri="{FF2B5EF4-FFF2-40B4-BE49-F238E27FC236}">
                  <a16:creationId xmlns:a16="http://schemas.microsoft.com/office/drawing/2014/main" xmlns="" id="{5FD6C82A-842A-4E6B-830E-D8EFC5860663}"/>
                </a:ext>
              </a:extLst>
            </p:cNvPr>
            <p:cNvSpPr/>
            <p:nvPr/>
          </p:nvSpPr>
          <p:spPr bwMode="auto">
            <a:xfrm>
              <a:off x="7502266" y="2458484"/>
              <a:ext cx="75743" cy="19164"/>
            </a:xfrm>
            <a:custGeom>
              <a:avLst/>
              <a:gdLst>
                <a:gd name="T0" fmla="*/ 34 w 35"/>
                <a:gd name="T1" fmla="*/ 3 h 9"/>
                <a:gd name="T2" fmla="*/ 17 w 35"/>
                <a:gd name="T3" fmla="*/ 9 h 9"/>
                <a:gd name="T4" fmla="*/ 0 w 35"/>
                <a:gd name="T5" fmla="*/ 5 h 9"/>
                <a:gd name="T6" fmla="*/ 17 w 35"/>
                <a:gd name="T7" fmla="*/ 1 h 9"/>
                <a:gd name="T8" fmla="*/ 34 w 35"/>
                <a:gd name="T9" fmla="*/ 3 h 9"/>
              </a:gdLst>
              <a:ahLst/>
              <a:cxnLst>
                <a:cxn ang="0">
                  <a:pos x="T0" y="T1"/>
                </a:cxn>
                <a:cxn ang="0">
                  <a:pos x="T2" y="T3"/>
                </a:cxn>
                <a:cxn ang="0">
                  <a:pos x="T4" y="T5"/>
                </a:cxn>
                <a:cxn ang="0">
                  <a:pos x="T6" y="T7"/>
                </a:cxn>
                <a:cxn ang="0">
                  <a:pos x="T8" y="T9"/>
                </a:cxn>
              </a:cxnLst>
              <a:rect l="0" t="0" r="r" b="b"/>
              <a:pathLst>
                <a:path w="35" h="9">
                  <a:moveTo>
                    <a:pt x="34" y="3"/>
                  </a:moveTo>
                  <a:cubicBezTo>
                    <a:pt x="35" y="6"/>
                    <a:pt x="27" y="9"/>
                    <a:pt x="17" y="9"/>
                  </a:cubicBezTo>
                  <a:cubicBezTo>
                    <a:pt x="8" y="9"/>
                    <a:pt x="0" y="7"/>
                    <a:pt x="0" y="5"/>
                  </a:cubicBezTo>
                  <a:cubicBezTo>
                    <a:pt x="0" y="2"/>
                    <a:pt x="8" y="1"/>
                    <a:pt x="17" y="1"/>
                  </a:cubicBezTo>
                  <a:cubicBezTo>
                    <a:pt x="26" y="0"/>
                    <a:pt x="34" y="1"/>
                    <a:pt x="34" y="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2" name="iS1íďê">
              <a:extLst>
                <a:ext uri="{FF2B5EF4-FFF2-40B4-BE49-F238E27FC236}">
                  <a16:creationId xmlns:a16="http://schemas.microsoft.com/office/drawing/2014/main" xmlns="" id="{C82CCE0F-52C2-47A4-A03A-92921CB2406E}"/>
                </a:ext>
              </a:extLst>
            </p:cNvPr>
            <p:cNvSpPr/>
            <p:nvPr/>
          </p:nvSpPr>
          <p:spPr bwMode="auto">
            <a:xfrm>
              <a:off x="7644627" y="2408293"/>
              <a:ext cx="71180" cy="43803"/>
            </a:xfrm>
            <a:custGeom>
              <a:avLst/>
              <a:gdLst>
                <a:gd name="T0" fmla="*/ 31 w 33"/>
                <a:gd name="T1" fmla="*/ 2 h 20"/>
                <a:gd name="T2" fmla="*/ 19 w 33"/>
                <a:gd name="T3" fmla="*/ 14 h 20"/>
                <a:gd name="T4" fmla="*/ 1 w 33"/>
                <a:gd name="T5" fmla="*/ 17 h 20"/>
                <a:gd name="T6" fmla="*/ 15 w 33"/>
                <a:gd name="T7" fmla="*/ 7 h 20"/>
                <a:gd name="T8" fmla="*/ 31 w 33"/>
                <a:gd name="T9" fmla="*/ 2 h 20"/>
              </a:gdLst>
              <a:ahLst/>
              <a:cxnLst>
                <a:cxn ang="0">
                  <a:pos x="T0" y="T1"/>
                </a:cxn>
                <a:cxn ang="0">
                  <a:pos x="T2" y="T3"/>
                </a:cxn>
                <a:cxn ang="0">
                  <a:pos x="T4" y="T5"/>
                </a:cxn>
                <a:cxn ang="0">
                  <a:pos x="T6" y="T7"/>
                </a:cxn>
                <a:cxn ang="0">
                  <a:pos x="T8" y="T9"/>
                </a:cxn>
              </a:cxnLst>
              <a:rect l="0" t="0" r="r" b="b"/>
              <a:pathLst>
                <a:path w="33" h="20">
                  <a:moveTo>
                    <a:pt x="31" y="2"/>
                  </a:moveTo>
                  <a:cubicBezTo>
                    <a:pt x="33" y="4"/>
                    <a:pt x="27" y="10"/>
                    <a:pt x="19" y="14"/>
                  </a:cubicBezTo>
                  <a:cubicBezTo>
                    <a:pt x="10" y="19"/>
                    <a:pt x="2" y="20"/>
                    <a:pt x="1" y="17"/>
                  </a:cubicBezTo>
                  <a:cubicBezTo>
                    <a:pt x="0" y="15"/>
                    <a:pt x="7" y="11"/>
                    <a:pt x="15" y="7"/>
                  </a:cubicBezTo>
                  <a:cubicBezTo>
                    <a:pt x="23" y="3"/>
                    <a:pt x="30" y="0"/>
                    <a:pt x="31"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3" name="íŝliḋe">
              <a:extLst>
                <a:ext uri="{FF2B5EF4-FFF2-40B4-BE49-F238E27FC236}">
                  <a16:creationId xmlns:a16="http://schemas.microsoft.com/office/drawing/2014/main" xmlns="" id="{FDA365A6-9E2A-4AE3-808D-2CBADD0D027E}"/>
                </a:ext>
              </a:extLst>
            </p:cNvPr>
            <p:cNvSpPr/>
            <p:nvPr/>
          </p:nvSpPr>
          <p:spPr bwMode="auto">
            <a:xfrm>
              <a:off x="7761435" y="2294222"/>
              <a:ext cx="38328" cy="71180"/>
            </a:xfrm>
            <a:custGeom>
              <a:avLst/>
              <a:gdLst>
                <a:gd name="T0" fmla="*/ 15 w 18"/>
                <a:gd name="T1" fmla="*/ 1 h 33"/>
                <a:gd name="T2" fmla="*/ 14 w 18"/>
                <a:gd name="T3" fmla="*/ 19 h 33"/>
                <a:gd name="T4" fmla="*/ 2 w 18"/>
                <a:gd name="T5" fmla="*/ 32 h 33"/>
                <a:gd name="T6" fmla="*/ 6 w 18"/>
                <a:gd name="T7" fmla="*/ 15 h 33"/>
                <a:gd name="T8" fmla="*/ 15 w 18"/>
                <a:gd name="T9" fmla="*/ 1 h 33"/>
              </a:gdLst>
              <a:ahLst/>
              <a:cxnLst>
                <a:cxn ang="0">
                  <a:pos x="T0" y="T1"/>
                </a:cxn>
                <a:cxn ang="0">
                  <a:pos x="T2" y="T3"/>
                </a:cxn>
                <a:cxn ang="0">
                  <a:pos x="T4" y="T5"/>
                </a:cxn>
                <a:cxn ang="0">
                  <a:pos x="T6" y="T7"/>
                </a:cxn>
                <a:cxn ang="0">
                  <a:pos x="T8" y="T9"/>
                </a:cxn>
              </a:cxnLst>
              <a:rect l="0" t="0" r="r" b="b"/>
              <a:pathLst>
                <a:path w="18" h="33">
                  <a:moveTo>
                    <a:pt x="15" y="1"/>
                  </a:moveTo>
                  <a:cubicBezTo>
                    <a:pt x="17" y="1"/>
                    <a:pt x="18" y="9"/>
                    <a:pt x="14" y="19"/>
                  </a:cubicBezTo>
                  <a:cubicBezTo>
                    <a:pt x="10" y="28"/>
                    <a:pt x="4" y="33"/>
                    <a:pt x="2" y="32"/>
                  </a:cubicBezTo>
                  <a:cubicBezTo>
                    <a:pt x="0" y="30"/>
                    <a:pt x="3" y="23"/>
                    <a:pt x="6" y="15"/>
                  </a:cubicBezTo>
                  <a:cubicBezTo>
                    <a:pt x="10" y="7"/>
                    <a:pt x="12" y="0"/>
                    <a:pt x="15"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4" name="iṩļíḑé">
              <a:extLst>
                <a:ext uri="{FF2B5EF4-FFF2-40B4-BE49-F238E27FC236}">
                  <a16:creationId xmlns:a16="http://schemas.microsoft.com/office/drawing/2014/main" xmlns="" id="{407C6F3A-94E0-4948-B84D-4D9F17B751ED}"/>
                </a:ext>
              </a:extLst>
            </p:cNvPr>
            <p:cNvSpPr/>
            <p:nvPr/>
          </p:nvSpPr>
          <p:spPr bwMode="auto">
            <a:xfrm>
              <a:off x="7741359" y="2160075"/>
              <a:ext cx="48366" cy="64793"/>
            </a:xfrm>
            <a:custGeom>
              <a:avLst/>
              <a:gdLst>
                <a:gd name="T0" fmla="*/ 2 w 22"/>
                <a:gd name="T1" fmla="*/ 0 h 30"/>
                <a:gd name="T2" fmla="*/ 7 w 22"/>
                <a:gd name="T3" fmla="*/ 2 h 30"/>
                <a:gd name="T4" fmla="*/ 16 w 22"/>
                <a:gd name="T5" fmla="*/ 12 h 30"/>
                <a:gd name="T6" fmla="*/ 20 w 22"/>
                <a:gd name="T7" fmla="*/ 29 h 30"/>
                <a:gd name="T8" fmla="*/ 9 w 22"/>
                <a:gd name="T9" fmla="*/ 16 h 30"/>
                <a:gd name="T10" fmla="*/ 2 w 22"/>
                <a:gd name="T11" fmla="*/ 0 h 30"/>
              </a:gdLst>
              <a:ahLst/>
              <a:cxnLst>
                <a:cxn ang="0">
                  <a:pos x="T0" y="T1"/>
                </a:cxn>
                <a:cxn ang="0">
                  <a:pos x="T2" y="T3"/>
                </a:cxn>
                <a:cxn ang="0">
                  <a:pos x="T4" y="T5"/>
                </a:cxn>
                <a:cxn ang="0">
                  <a:pos x="T6" y="T7"/>
                </a:cxn>
                <a:cxn ang="0">
                  <a:pos x="T8" y="T9"/>
                </a:cxn>
                <a:cxn ang="0">
                  <a:pos x="T10" y="T11"/>
                </a:cxn>
              </a:cxnLst>
              <a:rect l="0" t="0" r="r" b="b"/>
              <a:pathLst>
                <a:path w="22" h="30">
                  <a:moveTo>
                    <a:pt x="2" y="0"/>
                  </a:moveTo>
                  <a:cubicBezTo>
                    <a:pt x="2" y="0"/>
                    <a:pt x="5" y="0"/>
                    <a:pt x="7" y="2"/>
                  </a:cubicBezTo>
                  <a:cubicBezTo>
                    <a:pt x="10" y="4"/>
                    <a:pt x="13" y="7"/>
                    <a:pt x="16" y="12"/>
                  </a:cubicBezTo>
                  <a:cubicBezTo>
                    <a:pt x="21" y="20"/>
                    <a:pt x="22" y="28"/>
                    <a:pt x="20" y="29"/>
                  </a:cubicBezTo>
                  <a:cubicBezTo>
                    <a:pt x="18" y="30"/>
                    <a:pt x="13" y="24"/>
                    <a:pt x="9" y="16"/>
                  </a:cubicBezTo>
                  <a:cubicBezTo>
                    <a:pt x="4" y="8"/>
                    <a:pt x="0" y="2"/>
                    <a:pt x="2"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5" name="îSlïḓê">
              <a:extLst>
                <a:ext uri="{FF2B5EF4-FFF2-40B4-BE49-F238E27FC236}">
                  <a16:creationId xmlns:a16="http://schemas.microsoft.com/office/drawing/2014/main" xmlns="" id="{9CF9743C-A70E-40A6-867D-DDDCB5DFB80A}"/>
                </a:ext>
              </a:extLst>
            </p:cNvPr>
            <p:cNvSpPr/>
            <p:nvPr/>
          </p:nvSpPr>
          <p:spPr bwMode="auto">
            <a:xfrm>
              <a:off x="7611774" y="2138174"/>
              <a:ext cx="67530" cy="45629"/>
            </a:xfrm>
            <a:custGeom>
              <a:avLst/>
              <a:gdLst>
                <a:gd name="T0" fmla="*/ 2 w 31"/>
                <a:gd name="T1" fmla="*/ 19 h 21"/>
                <a:gd name="T2" fmla="*/ 13 w 31"/>
                <a:gd name="T3" fmla="*/ 5 h 21"/>
                <a:gd name="T4" fmla="*/ 25 w 31"/>
                <a:gd name="T5" fmla="*/ 0 h 21"/>
                <a:gd name="T6" fmla="*/ 30 w 31"/>
                <a:gd name="T7" fmla="*/ 1 h 21"/>
                <a:gd name="T8" fmla="*/ 17 w 31"/>
                <a:gd name="T9" fmla="*/ 12 h 21"/>
                <a:gd name="T10" fmla="*/ 2 w 31"/>
                <a:gd name="T11" fmla="*/ 19 h 21"/>
              </a:gdLst>
              <a:ahLst/>
              <a:cxnLst>
                <a:cxn ang="0">
                  <a:pos x="T0" y="T1"/>
                </a:cxn>
                <a:cxn ang="0">
                  <a:pos x="T2" y="T3"/>
                </a:cxn>
                <a:cxn ang="0">
                  <a:pos x="T4" y="T5"/>
                </a:cxn>
                <a:cxn ang="0">
                  <a:pos x="T6" y="T7"/>
                </a:cxn>
                <a:cxn ang="0">
                  <a:pos x="T8" y="T9"/>
                </a:cxn>
                <a:cxn ang="0">
                  <a:pos x="T10" y="T11"/>
                </a:cxn>
              </a:cxnLst>
              <a:rect l="0" t="0" r="r" b="b"/>
              <a:pathLst>
                <a:path w="31" h="21">
                  <a:moveTo>
                    <a:pt x="2" y="19"/>
                  </a:moveTo>
                  <a:cubicBezTo>
                    <a:pt x="0" y="17"/>
                    <a:pt x="4" y="10"/>
                    <a:pt x="13" y="5"/>
                  </a:cubicBezTo>
                  <a:cubicBezTo>
                    <a:pt x="17" y="2"/>
                    <a:pt x="21" y="0"/>
                    <a:pt x="25" y="0"/>
                  </a:cubicBezTo>
                  <a:cubicBezTo>
                    <a:pt x="28" y="0"/>
                    <a:pt x="30" y="0"/>
                    <a:pt x="30" y="1"/>
                  </a:cubicBezTo>
                  <a:cubicBezTo>
                    <a:pt x="31" y="4"/>
                    <a:pt x="24" y="7"/>
                    <a:pt x="17" y="12"/>
                  </a:cubicBezTo>
                  <a:cubicBezTo>
                    <a:pt x="10" y="16"/>
                    <a:pt x="3" y="21"/>
                    <a:pt x="2" y="19"/>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6" name="ïṣļïḑe">
              <a:extLst>
                <a:ext uri="{FF2B5EF4-FFF2-40B4-BE49-F238E27FC236}">
                  <a16:creationId xmlns:a16="http://schemas.microsoft.com/office/drawing/2014/main" xmlns="" id="{D991390A-6664-498B-881F-8813BD4A06B3}"/>
                </a:ext>
              </a:extLst>
            </p:cNvPr>
            <p:cNvSpPr/>
            <p:nvPr/>
          </p:nvSpPr>
          <p:spPr bwMode="auto">
            <a:xfrm>
              <a:off x="7543331" y="2237643"/>
              <a:ext cx="34677" cy="71180"/>
            </a:xfrm>
            <a:custGeom>
              <a:avLst/>
              <a:gdLst>
                <a:gd name="T0" fmla="*/ 4 w 16"/>
                <a:gd name="T1" fmla="*/ 33 h 33"/>
                <a:gd name="T2" fmla="*/ 4 w 16"/>
                <a:gd name="T3" fmla="*/ 15 h 33"/>
                <a:gd name="T4" fmla="*/ 14 w 16"/>
                <a:gd name="T5" fmla="*/ 1 h 33"/>
                <a:gd name="T6" fmla="*/ 12 w 16"/>
                <a:gd name="T7" fmla="*/ 18 h 33"/>
                <a:gd name="T8" fmla="*/ 4 w 16"/>
                <a:gd name="T9" fmla="*/ 33 h 33"/>
              </a:gdLst>
              <a:ahLst/>
              <a:cxnLst>
                <a:cxn ang="0">
                  <a:pos x="T0" y="T1"/>
                </a:cxn>
                <a:cxn ang="0">
                  <a:pos x="T2" y="T3"/>
                </a:cxn>
                <a:cxn ang="0">
                  <a:pos x="T4" y="T5"/>
                </a:cxn>
                <a:cxn ang="0">
                  <a:pos x="T6" y="T7"/>
                </a:cxn>
                <a:cxn ang="0">
                  <a:pos x="T8" y="T9"/>
                </a:cxn>
              </a:cxnLst>
              <a:rect l="0" t="0" r="r" b="b"/>
              <a:pathLst>
                <a:path w="16" h="33">
                  <a:moveTo>
                    <a:pt x="4" y="33"/>
                  </a:moveTo>
                  <a:cubicBezTo>
                    <a:pt x="1" y="33"/>
                    <a:pt x="0" y="24"/>
                    <a:pt x="4" y="15"/>
                  </a:cubicBezTo>
                  <a:cubicBezTo>
                    <a:pt x="7" y="6"/>
                    <a:pt x="12" y="0"/>
                    <a:pt x="14" y="1"/>
                  </a:cubicBezTo>
                  <a:cubicBezTo>
                    <a:pt x="16" y="2"/>
                    <a:pt x="14" y="9"/>
                    <a:pt x="12" y="18"/>
                  </a:cubicBezTo>
                  <a:cubicBezTo>
                    <a:pt x="9" y="26"/>
                    <a:pt x="6" y="33"/>
                    <a:pt x="4"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7" name="îṥḻïḑè">
              <a:extLst>
                <a:ext uri="{FF2B5EF4-FFF2-40B4-BE49-F238E27FC236}">
                  <a16:creationId xmlns:a16="http://schemas.microsoft.com/office/drawing/2014/main" xmlns="" id="{BB392DA7-83C5-4E59-B84F-C5F0BF3FDF4F}"/>
                </a:ext>
              </a:extLst>
            </p:cNvPr>
            <p:cNvSpPr/>
            <p:nvPr/>
          </p:nvSpPr>
          <p:spPr bwMode="auto">
            <a:xfrm>
              <a:off x="7545157" y="2382742"/>
              <a:ext cx="25552" cy="73006"/>
            </a:xfrm>
            <a:custGeom>
              <a:avLst/>
              <a:gdLst>
                <a:gd name="T0" fmla="*/ 10 w 12"/>
                <a:gd name="T1" fmla="*/ 33 h 34"/>
                <a:gd name="T2" fmla="*/ 2 w 12"/>
                <a:gd name="T3" fmla="*/ 17 h 34"/>
                <a:gd name="T4" fmla="*/ 3 w 12"/>
                <a:gd name="T5" fmla="*/ 0 h 34"/>
                <a:gd name="T6" fmla="*/ 10 w 12"/>
                <a:gd name="T7" fmla="*/ 16 h 34"/>
                <a:gd name="T8" fmla="*/ 10 w 12"/>
                <a:gd name="T9" fmla="*/ 33 h 34"/>
              </a:gdLst>
              <a:ahLst/>
              <a:cxnLst>
                <a:cxn ang="0">
                  <a:pos x="T0" y="T1"/>
                </a:cxn>
                <a:cxn ang="0">
                  <a:pos x="T2" y="T3"/>
                </a:cxn>
                <a:cxn ang="0">
                  <a:pos x="T4" y="T5"/>
                </a:cxn>
                <a:cxn ang="0">
                  <a:pos x="T6" y="T7"/>
                </a:cxn>
                <a:cxn ang="0">
                  <a:pos x="T8" y="T9"/>
                </a:cxn>
              </a:cxnLst>
              <a:rect l="0" t="0" r="r" b="b"/>
              <a:pathLst>
                <a:path w="12" h="34">
                  <a:moveTo>
                    <a:pt x="10" y="33"/>
                  </a:moveTo>
                  <a:cubicBezTo>
                    <a:pt x="8" y="34"/>
                    <a:pt x="4" y="27"/>
                    <a:pt x="2" y="17"/>
                  </a:cubicBezTo>
                  <a:cubicBezTo>
                    <a:pt x="0" y="8"/>
                    <a:pt x="1" y="0"/>
                    <a:pt x="3" y="0"/>
                  </a:cubicBezTo>
                  <a:cubicBezTo>
                    <a:pt x="6" y="0"/>
                    <a:pt x="8" y="7"/>
                    <a:pt x="10" y="16"/>
                  </a:cubicBezTo>
                  <a:cubicBezTo>
                    <a:pt x="12" y="25"/>
                    <a:pt x="12" y="33"/>
                    <a:pt x="10"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8" name="îṣḻíďe">
              <a:extLst>
                <a:ext uri="{FF2B5EF4-FFF2-40B4-BE49-F238E27FC236}">
                  <a16:creationId xmlns:a16="http://schemas.microsoft.com/office/drawing/2014/main" xmlns="" id="{D03DDCC6-2A98-4FAB-B872-550F36DE84B9}"/>
                </a:ext>
              </a:extLst>
            </p:cNvPr>
            <p:cNvSpPr/>
            <p:nvPr/>
          </p:nvSpPr>
          <p:spPr bwMode="auto">
            <a:xfrm>
              <a:off x="7581659" y="2523277"/>
              <a:ext cx="34677" cy="73006"/>
            </a:xfrm>
            <a:custGeom>
              <a:avLst/>
              <a:gdLst>
                <a:gd name="T0" fmla="*/ 13 w 16"/>
                <a:gd name="T1" fmla="*/ 33 h 34"/>
                <a:gd name="T2" fmla="*/ 4 w 16"/>
                <a:gd name="T3" fmla="*/ 18 h 34"/>
                <a:gd name="T4" fmla="*/ 2 w 16"/>
                <a:gd name="T5" fmla="*/ 1 h 34"/>
                <a:gd name="T6" fmla="*/ 12 w 16"/>
                <a:gd name="T7" fmla="*/ 16 h 34"/>
                <a:gd name="T8" fmla="*/ 13 w 16"/>
                <a:gd name="T9" fmla="*/ 33 h 34"/>
              </a:gdLst>
              <a:ahLst/>
              <a:cxnLst>
                <a:cxn ang="0">
                  <a:pos x="T0" y="T1"/>
                </a:cxn>
                <a:cxn ang="0">
                  <a:pos x="T2" y="T3"/>
                </a:cxn>
                <a:cxn ang="0">
                  <a:pos x="T4" y="T5"/>
                </a:cxn>
                <a:cxn ang="0">
                  <a:pos x="T6" y="T7"/>
                </a:cxn>
                <a:cxn ang="0">
                  <a:pos x="T8" y="T9"/>
                </a:cxn>
              </a:cxnLst>
              <a:rect l="0" t="0" r="r" b="b"/>
              <a:pathLst>
                <a:path w="16" h="34">
                  <a:moveTo>
                    <a:pt x="13" y="33"/>
                  </a:moveTo>
                  <a:cubicBezTo>
                    <a:pt x="11" y="34"/>
                    <a:pt x="7" y="27"/>
                    <a:pt x="4" y="18"/>
                  </a:cubicBezTo>
                  <a:cubicBezTo>
                    <a:pt x="1" y="9"/>
                    <a:pt x="0" y="2"/>
                    <a:pt x="2" y="1"/>
                  </a:cubicBezTo>
                  <a:cubicBezTo>
                    <a:pt x="5" y="0"/>
                    <a:pt x="9" y="7"/>
                    <a:pt x="12" y="16"/>
                  </a:cubicBezTo>
                  <a:cubicBezTo>
                    <a:pt x="15" y="24"/>
                    <a:pt x="16" y="32"/>
                    <a:pt x="13"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89" name="i$ḷídê">
              <a:extLst>
                <a:ext uri="{FF2B5EF4-FFF2-40B4-BE49-F238E27FC236}">
                  <a16:creationId xmlns:a16="http://schemas.microsoft.com/office/drawing/2014/main" xmlns="" id="{9346DE5A-C3CC-412A-9C4B-7892EC829087}"/>
                </a:ext>
              </a:extLst>
            </p:cNvPr>
            <p:cNvSpPr/>
            <p:nvPr/>
          </p:nvSpPr>
          <p:spPr bwMode="auto">
            <a:xfrm>
              <a:off x="7631850" y="2661074"/>
              <a:ext cx="34677" cy="73918"/>
            </a:xfrm>
            <a:custGeom>
              <a:avLst/>
              <a:gdLst>
                <a:gd name="T0" fmla="*/ 14 w 16"/>
                <a:gd name="T1" fmla="*/ 33 h 34"/>
                <a:gd name="T2" fmla="*/ 4 w 16"/>
                <a:gd name="T3" fmla="*/ 19 h 34"/>
                <a:gd name="T4" fmla="*/ 2 w 16"/>
                <a:gd name="T5" fmla="*/ 1 h 34"/>
                <a:gd name="T6" fmla="*/ 12 w 16"/>
                <a:gd name="T7" fmla="*/ 16 h 34"/>
                <a:gd name="T8" fmla="*/ 14 w 16"/>
                <a:gd name="T9" fmla="*/ 33 h 34"/>
              </a:gdLst>
              <a:ahLst/>
              <a:cxnLst>
                <a:cxn ang="0">
                  <a:pos x="T0" y="T1"/>
                </a:cxn>
                <a:cxn ang="0">
                  <a:pos x="T2" y="T3"/>
                </a:cxn>
                <a:cxn ang="0">
                  <a:pos x="T4" y="T5"/>
                </a:cxn>
                <a:cxn ang="0">
                  <a:pos x="T6" y="T7"/>
                </a:cxn>
                <a:cxn ang="0">
                  <a:pos x="T8" y="T9"/>
                </a:cxn>
              </a:cxnLst>
              <a:rect l="0" t="0" r="r" b="b"/>
              <a:pathLst>
                <a:path w="16" h="34">
                  <a:moveTo>
                    <a:pt x="14" y="33"/>
                  </a:moveTo>
                  <a:cubicBezTo>
                    <a:pt x="12" y="34"/>
                    <a:pt x="8" y="27"/>
                    <a:pt x="4" y="19"/>
                  </a:cubicBezTo>
                  <a:cubicBezTo>
                    <a:pt x="1" y="10"/>
                    <a:pt x="0" y="2"/>
                    <a:pt x="2" y="1"/>
                  </a:cubicBezTo>
                  <a:cubicBezTo>
                    <a:pt x="4" y="0"/>
                    <a:pt x="9" y="7"/>
                    <a:pt x="12" y="16"/>
                  </a:cubicBezTo>
                  <a:cubicBezTo>
                    <a:pt x="16" y="24"/>
                    <a:pt x="16" y="32"/>
                    <a:pt x="14"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0" name="îslîde">
              <a:extLst>
                <a:ext uri="{FF2B5EF4-FFF2-40B4-BE49-F238E27FC236}">
                  <a16:creationId xmlns:a16="http://schemas.microsoft.com/office/drawing/2014/main" xmlns="" id="{4EBD05BA-41C9-45DD-B740-569D21A17EE3}"/>
                </a:ext>
              </a:extLst>
            </p:cNvPr>
            <p:cNvSpPr/>
            <p:nvPr/>
          </p:nvSpPr>
          <p:spPr bwMode="auto">
            <a:xfrm>
              <a:off x="7683866" y="2799785"/>
              <a:ext cx="36503" cy="71180"/>
            </a:xfrm>
            <a:custGeom>
              <a:avLst/>
              <a:gdLst>
                <a:gd name="T0" fmla="*/ 15 w 17"/>
                <a:gd name="T1" fmla="*/ 32 h 33"/>
                <a:gd name="T2" fmla="*/ 5 w 17"/>
                <a:gd name="T3" fmla="*/ 18 h 33"/>
                <a:gd name="T4" fmla="*/ 3 w 17"/>
                <a:gd name="T5" fmla="*/ 1 h 33"/>
                <a:gd name="T6" fmla="*/ 13 w 17"/>
                <a:gd name="T7" fmla="*/ 15 h 33"/>
                <a:gd name="T8" fmla="*/ 15 w 17"/>
                <a:gd name="T9" fmla="*/ 32 h 33"/>
              </a:gdLst>
              <a:ahLst/>
              <a:cxnLst>
                <a:cxn ang="0">
                  <a:pos x="T0" y="T1"/>
                </a:cxn>
                <a:cxn ang="0">
                  <a:pos x="T2" y="T3"/>
                </a:cxn>
                <a:cxn ang="0">
                  <a:pos x="T4" y="T5"/>
                </a:cxn>
                <a:cxn ang="0">
                  <a:pos x="T6" y="T7"/>
                </a:cxn>
                <a:cxn ang="0">
                  <a:pos x="T8" y="T9"/>
                </a:cxn>
              </a:cxnLst>
              <a:rect l="0" t="0" r="r" b="b"/>
              <a:pathLst>
                <a:path w="17" h="33">
                  <a:moveTo>
                    <a:pt x="15" y="32"/>
                  </a:moveTo>
                  <a:cubicBezTo>
                    <a:pt x="13" y="33"/>
                    <a:pt x="8" y="27"/>
                    <a:pt x="5" y="18"/>
                  </a:cubicBezTo>
                  <a:cubicBezTo>
                    <a:pt x="1" y="9"/>
                    <a:pt x="0" y="2"/>
                    <a:pt x="3" y="1"/>
                  </a:cubicBezTo>
                  <a:cubicBezTo>
                    <a:pt x="5" y="0"/>
                    <a:pt x="9" y="6"/>
                    <a:pt x="13" y="15"/>
                  </a:cubicBezTo>
                  <a:cubicBezTo>
                    <a:pt x="16" y="24"/>
                    <a:pt x="17" y="32"/>
                    <a:pt x="15" y="3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1" name="îsliḑe">
              <a:extLst>
                <a:ext uri="{FF2B5EF4-FFF2-40B4-BE49-F238E27FC236}">
                  <a16:creationId xmlns:a16="http://schemas.microsoft.com/office/drawing/2014/main" xmlns="" id="{C41B54F5-4554-404D-92D4-2088547476F4}"/>
                </a:ext>
              </a:extLst>
            </p:cNvPr>
            <p:cNvSpPr/>
            <p:nvPr/>
          </p:nvSpPr>
          <p:spPr bwMode="auto">
            <a:xfrm>
              <a:off x="7737708" y="2935758"/>
              <a:ext cx="36503" cy="73006"/>
            </a:xfrm>
            <a:custGeom>
              <a:avLst/>
              <a:gdLst>
                <a:gd name="T0" fmla="*/ 14 w 17"/>
                <a:gd name="T1" fmla="*/ 33 h 34"/>
                <a:gd name="T2" fmla="*/ 4 w 17"/>
                <a:gd name="T3" fmla="*/ 19 h 34"/>
                <a:gd name="T4" fmla="*/ 2 w 17"/>
                <a:gd name="T5" fmla="*/ 1 h 34"/>
                <a:gd name="T6" fmla="*/ 12 w 17"/>
                <a:gd name="T7" fmla="*/ 16 h 34"/>
                <a:gd name="T8" fmla="*/ 14 w 17"/>
                <a:gd name="T9" fmla="*/ 33 h 34"/>
              </a:gdLst>
              <a:ahLst/>
              <a:cxnLst>
                <a:cxn ang="0">
                  <a:pos x="T0" y="T1"/>
                </a:cxn>
                <a:cxn ang="0">
                  <a:pos x="T2" y="T3"/>
                </a:cxn>
                <a:cxn ang="0">
                  <a:pos x="T4" y="T5"/>
                </a:cxn>
                <a:cxn ang="0">
                  <a:pos x="T6" y="T7"/>
                </a:cxn>
                <a:cxn ang="0">
                  <a:pos x="T8" y="T9"/>
                </a:cxn>
              </a:cxnLst>
              <a:rect l="0" t="0" r="r" b="b"/>
              <a:pathLst>
                <a:path w="17" h="34">
                  <a:moveTo>
                    <a:pt x="14" y="33"/>
                  </a:moveTo>
                  <a:cubicBezTo>
                    <a:pt x="12" y="34"/>
                    <a:pt x="8" y="27"/>
                    <a:pt x="4" y="19"/>
                  </a:cubicBezTo>
                  <a:cubicBezTo>
                    <a:pt x="1" y="10"/>
                    <a:pt x="0" y="2"/>
                    <a:pt x="2" y="1"/>
                  </a:cubicBezTo>
                  <a:cubicBezTo>
                    <a:pt x="5" y="0"/>
                    <a:pt x="9" y="7"/>
                    <a:pt x="12" y="16"/>
                  </a:cubicBezTo>
                  <a:cubicBezTo>
                    <a:pt x="16" y="24"/>
                    <a:pt x="17" y="32"/>
                    <a:pt x="14"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2" name="iṡ1iḑé">
              <a:extLst>
                <a:ext uri="{FF2B5EF4-FFF2-40B4-BE49-F238E27FC236}">
                  <a16:creationId xmlns:a16="http://schemas.microsoft.com/office/drawing/2014/main" xmlns="" id="{B765D12F-DA99-4ECB-B236-A631E1611503}"/>
                </a:ext>
              </a:extLst>
            </p:cNvPr>
            <p:cNvSpPr/>
            <p:nvPr/>
          </p:nvSpPr>
          <p:spPr bwMode="auto">
            <a:xfrm>
              <a:off x="7789724" y="3073555"/>
              <a:ext cx="31940" cy="73918"/>
            </a:xfrm>
            <a:custGeom>
              <a:avLst/>
              <a:gdLst>
                <a:gd name="T0" fmla="*/ 13 w 15"/>
                <a:gd name="T1" fmla="*/ 33 h 34"/>
                <a:gd name="T2" fmla="*/ 3 w 15"/>
                <a:gd name="T3" fmla="*/ 18 h 34"/>
                <a:gd name="T4" fmla="*/ 2 w 15"/>
                <a:gd name="T5" fmla="*/ 1 h 34"/>
                <a:gd name="T6" fmla="*/ 12 w 15"/>
                <a:gd name="T7" fmla="*/ 16 h 34"/>
                <a:gd name="T8" fmla="*/ 13 w 15"/>
                <a:gd name="T9" fmla="*/ 33 h 34"/>
              </a:gdLst>
              <a:ahLst/>
              <a:cxnLst>
                <a:cxn ang="0">
                  <a:pos x="T0" y="T1"/>
                </a:cxn>
                <a:cxn ang="0">
                  <a:pos x="T2" y="T3"/>
                </a:cxn>
                <a:cxn ang="0">
                  <a:pos x="T4" y="T5"/>
                </a:cxn>
                <a:cxn ang="0">
                  <a:pos x="T6" y="T7"/>
                </a:cxn>
                <a:cxn ang="0">
                  <a:pos x="T8" y="T9"/>
                </a:cxn>
              </a:cxnLst>
              <a:rect l="0" t="0" r="r" b="b"/>
              <a:pathLst>
                <a:path w="15" h="34">
                  <a:moveTo>
                    <a:pt x="13" y="33"/>
                  </a:moveTo>
                  <a:cubicBezTo>
                    <a:pt x="11" y="34"/>
                    <a:pt x="7" y="27"/>
                    <a:pt x="3" y="18"/>
                  </a:cubicBezTo>
                  <a:cubicBezTo>
                    <a:pt x="0" y="10"/>
                    <a:pt x="0" y="2"/>
                    <a:pt x="2" y="1"/>
                  </a:cubicBezTo>
                  <a:cubicBezTo>
                    <a:pt x="4" y="0"/>
                    <a:pt x="8" y="7"/>
                    <a:pt x="12" y="16"/>
                  </a:cubicBezTo>
                  <a:cubicBezTo>
                    <a:pt x="15" y="25"/>
                    <a:pt x="15" y="32"/>
                    <a:pt x="13"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3" name="i$ḷíḓê">
              <a:extLst>
                <a:ext uri="{FF2B5EF4-FFF2-40B4-BE49-F238E27FC236}">
                  <a16:creationId xmlns:a16="http://schemas.microsoft.com/office/drawing/2014/main" xmlns="" id="{5EFAFC61-9DDD-4856-8856-39046091D712}"/>
                </a:ext>
              </a:extLst>
            </p:cNvPr>
            <p:cNvSpPr/>
            <p:nvPr/>
          </p:nvSpPr>
          <p:spPr bwMode="auto">
            <a:xfrm>
              <a:off x="7834441" y="3214090"/>
              <a:ext cx="30115" cy="73918"/>
            </a:xfrm>
            <a:custGeom>
              <a:avLst/>
              <a:gdLst>
                <a:gd name="T0" fmla="*/ 12 w 14"/>
                <a:gd name="T1" fmla="*/ 33 h 34"/>
                <a:gd name="T2" fmla="*/ 3 w 14"/>
                <a:gd name="T3" fmla="*/ 18 h 34"/>
                <a:gd name="T4" fmla="*/ 2 w 14"/>
                <a:gd name="T5" fmla="*/ 0 h 34"/>
                <a:gd name="T6" fmla="*/ 11 w 14"/>
                <a:gd name="T7" fmla="*/ 16 h 34"/>
                <a:gd name="T8" fmla="*/ 12 w 14"/>
                <a:gd name="T9" fmla="*/ 33 h 34"/>
              </a:gdLst>
              <a:ahLst/>
              <a:cxnLst>
                <a:cxn ang="0">
                  <a:pos x="T0" y="T1"/>
                </a:cxn>
                <a:cxn ang="0">
                  <a:pos x="T2" y="T3"/>
                </a:cxn>
                <a:cxn ang="0">
                  <a:pos x="T4" y="T5"/>
                </a:cxn>
                <a:cxn ang="0">
                  <a:pos x="T6" y="T7"/>
                </a:cxn>
                <a:cxn ang="0">
                  <a:pos x="T8" y="T9"/>
                </a:cxn>
              </a:cxnLst>
              <a:rect l="0" t="0" r="r" b="b"/>
              <a:pathLst>
                <a:path w="14" h="34">
                  <a:moveTo>
                    <a:pt x="12" y="33"/>
                  </a:moveTo>
                  <a:cubicBezTo>
                    <a:pt x="10" y="34"/>
                    <a:pt x="6" y="27"/>
                    <a:pt x="3" y="18"/>
                  </a:cubicBezTo>
                  <a:cubicBezTo>
                    <a:pt x="0" y="9"/>
                    <a:pt x="0" y="1"/>
                    <a:pt x="2" y="0"/>
                  </a:cubicBezTo>
                  <a:cubicBezTo>
                    <a:pt x="5" y="0"/>
                    <a:pt x="9" y="7"/>
                    <a:pt x="11" y="16"/>
                  </a:cubicBezTo>
                  <a:cubicBezTo>
                    <a:pt x="14" y="25"/>
                    <a:pt x="14" y="33"/>
                    <a:pt x="12"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4" name="ï$1íḓé">
              <a:extLst>
                <a:ext uri="{FF2B5EF4-FFF2-40B4-BE49-F238E27FC236}">
                  <a16:creationId xmlns:a16="http://schemas.microsoft.com/office/drawing/2014/main" xmlns="" id="{0162958C-A48B-4650-8431-71D45CA5B9F4}"/>
                </a:ext>
              </a:extLst>
            </p:cNvPr>
            <p:cNvSpPr/>
            <p:nvPr/>
          </p:nvSpPr>
          <p:spPr bwMode="auto">
            <a:xfrm>
              <a:off x="7870943" y="3356451"/>
              <a:ext cx="26465" cy="73918"/>
            </a:xfrm>
            <a:custGeom>
              <a:avLst/>
              <a:gdLst>
                <a:gd name="T0" fmla="*/ 9 w 12"/>
                <a:gd name="T1" fmla="*/ 34 h 34"/>
                <a:gd name="T2" fmla="*/ 2 w 12"/>
                <a:gd name="T3" fmla="*/ 18 h 34"/>
                <a:gd name="T4" fmla="*/ 3 w 12"/>
                <a:gd name="T5" fmla="*/ 0 h 34"/>
                <a:gd name="T6" fmla="*/ 10 w 12"/>
                <a:gd name="T7" fmla="*/ 16 h 34"/>
                <a:gd name="T8" fmla="*/ 9 w 12"/>
                <a:gd name="T9" fmla="*/ 34 h 34"/>
              </a:gdLst>
              <a:ahLst/>
              <a:cxnLst>
                <a:cxn ang="0">
                  <a:pos x="T0" y="T1"/>
                </a:cxn>
                <a:cxn ang="0">
                  <a:pos x="T2" y="T3"/>
                </a:cxn>
                <a:cxn ang="0">
                  <a:pos x="T4" y="T5"/>
                </a:cxn>
                <a:cxn ang="0">
                  <a:pos x="T6" y="T7"/>
                </a:cxn>
                <a:cxn ang="0">
                  <a:pos x="T8" y="T9"/>
                </a:cxn>
              </a:cxnLst>
              <a:rect l="0" t="0" r="r" b="b"/>
              <a:pathLst>
                <a:path w="12" h="34">
                  <a:moveTo>
                    <a:pt x="9" y="34"/>
                  </a:moveTo>
                  <a:cubicBezTo>
                    <a:pt x="7" y="34"/>
                    <a:pt x="4" y="27"/>
                    <a:pt x="2" y="18"/>
                  </a:cubicBezTo>
                  <a:cubicBezTo>
                    <a:pt x="0" y="9"/>
                    <a:pt x="1" y="1"/>
                    <a:pt x="3" y="0"/>
                  </a:cubicBezTo>
                  <a:cubicBezTo>
                    <a:pt x="5" y="0"/>
                    <a:pt x="9" y="7"/>
                    <a:pt x="10" y="16"/>
                  </a:cubicBezTo>
                  <a:cubicBezTo>
                    <a:pt x="12" y="25"/>
                    <a:pt x="12" y="33"/>
                    <a:pt x="9" y="3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5" name="iṩļîḋè">
              <a:extLst>
                <a:ext uri="{FF2B5EF4-FFF2-40B4-BE49-F238E27FC236}">
                  <a16:creationId xmlns:a16="http://schemas.microsoft.com/office/drawing/2014/main" xmlns="" id="{23ACA108-DEAA-4FA1-843B-9C79917991E9}"/>
                </a:ext>
              </a:extLst>
            </p:cNvPr>
            <p:cNvSpPr/>
            <p:nvPr/>
          </p:nvSpPr>
          <p:spPr bwMode="auto">
            <a:xfrm>
              <a:off x="7892845" y="3501549"/>
              <a:ext cx="19164" cy="73006"/>
            </a:xfrm>
            <a:custGeom>
              <a:avLst/>
              <a:gdLst>
                <a:gd name="T0" fmla="*/ 5 w 9"/>
                <a:gd name="T1" fmla="*/ 34 h 34"/>
                <a:gd name="T2" fmla="*/ 0 w 9"/>
                <a:gd name="T3" fmla="*/ 17 h 34"/>
                <a:gd name="T4" fmla="*/ 4 w 9"/>
                <a:gd name="T5" fmla="*/ 0 h 34"/>
                <a:gd name="T6" fmla="*/ 9 w 9"/>
                <a:gd name="T7" fmla="*/ 17 h 34"/>
                <a:gd name="T8" fmla="*/ 5 w 9"/>
                <a:gd name="T9" fmla="*/ 34 h 34"/>
              </a:gdLst>
              <a:ahLst/>
              <a:cxnLst>
                <a:cxn ang="0">
                  <a:pos x="T0" y="T1"/>
                </a:cxn>
                <a:cxn ang="0">
                  <a:pos x="T2" y="T3"/>
                </a:cxn>
                <a:cxn ang="0">
                  <a:pos x="T4" y="T5"/>
                </a:cxn>
                <a:cxn ang="0">
                  <a:pos x="T6" y="T7"/>
                </a:cxn>
                <a:cxn ang="0">
                  <a:pos x="T8" y="T9"/>
                </a:cxn>
              </a:cxnLst>
              <a:rect l="0" t="0" r="r" b="b"/>
              <a:pathLst>
                <a:path w="9" h="34">
                  <a:moveTo>
                    <a:pt x="5" y="34"/>
                  </a:moveTo>
                  <a:cubicBezTo>
                    <a:pt x="2" y="34"/>
                    <a:pt x="1" y="27"/>
                    <a:pt x="0" y="17"/>
                  </a:cubicBezTo>
                  <a:cubicBezTo>
                    <a:pt x="0" y="8"/>
                    <a:pt x="1" y="1"/>
                    <a:pt x="4" y="0"/>
                  </a:cubicBezTo>
                  <a:cubicBezTo>
                    <a:pt x="6" y="0"/>
                    <a:pt x="9" y="8"/>
                    <a:pt x="9" y="17"/>
                  </a:cubicBezTo>
                  <a:cubicBezTo>
                    <a:pt x="9" y="27"/>
                    <a:pt x="7" y="34"/>
                    <a:pt x="5" y="3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6" name="ïşľïḍé">
              <a:extLst>
                <a:ext uri="{FF2B5EF4-FFF2-40B4-BE49-F238E27FC236}">
                  <a16:creationId xmlns:a16="http://schemas.microsoft.com/office/drawing/2014/main" xmlns="" id="{BFE11445-B795-442E-AF52-4ABE9BEF23F5}"/>
                </a:ext>
              </a:extLst>
            </p:cNvPr>
            <p:cNvSpPr/>
            <p:nvPr/>
          </p:nvSpPr>
          <p:spPr bwMode="auto">
            <a:xfrm>
              <a:off x="7870943" y="3648472"/>
              <a:ext cx="31028" cy="73006"/>
            </a:xfrm>
            <a:custGeom>
              <a:avLst/>
              <a:gdLst>
                <a:gd name="T0" fmla="*/ 2 w 14"/>
                <a:gd name="T1" fmla="*/ 33 h 34"/>
                <a:gd name="T2" fmla="*/ 4 w 14"/>
                <a:gd name="T3" fmla="*/ 16 h 34"/>
                <a:gd name="T4" fmla="*/ 11 w 14"/>
                <a:gd name="T5" fmla="*/ 0 h 34"/>
                <a:gd name="T6" fmla="*/ 12 w 14"/>
                <a:gd name="T7" fmla="*/ 18 h 34"/>
                <a:gd name="T8" fmla="*/ 2 w 14"/>
                <a:gd name="T9" fmla="*/ 33 h 34"/>
              </a:gdLst>
              <a:ahLst/>
              <a:cxnLst>
                <a:cxn ang="0">
                  <a:pos x="T0" y="T1"/>
                </a:cxn>
                <a:cxn ang="0">
                  <a:pos x="T2" y="T3"/>
                </a:cxn>
                <a:cxn ang="0">
                  <a:pos x="T4" y="T5"/>
                </a:cxn>
                <a:cxn ang="0">
                  <a:pos x="T6" y="T7"/>
                </a:cxn>
                <a:cxn ang="0">
                  <a:pos x="T8" y="T9"/>
                </a:cxn>
              </a:cxnLst>
              <a:rect l="0" t="0" r="r" b="b"/>
              <a:pathLst>
                <a:path w="14" h="34">
                  <a:moveTo>
                    <a:pt x="2" y="33"/>
                  </a:moveTo>
                  <a:cubicBezTo>
                    <a:pt x="0" y="32"/>
                    <a:pt x="1" y="24"/>
                    <a:pt x="4" y="16"/>
                  </a:cubicBezTo>
                  <a:cubicBezTo>
                    <a:pt x="6" y="7"/>
                    <a:pt x="9" y="0"/>
                    <a:pt x="11" y="0"/>
                  </a:cubicBezTo>
                  <a:cubicBezTo>
                    <a:pt x="14" y="1"/>
                    <a:pt x="14" y="9"/>
                    <a:pt x="12" y="18"/>
                  </a:cubicBezTo>
                  <a:cubicBezTo>
                    <a:pt x="9" y="27"/>
                    <a:pt x="4" y="34"/>
                    <a:pt x="2"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7" name="iṩ1îḋé">
              <a:extLst>
                <a:ext uri="{FF2B5EF4-FFF2-40B4-BE49-F238E27FC236}">
                  <a16:creationId xmlns:a16="http://schemas.microsoft.com/office/drawing/2014/main" xmlns="" id="{6111ED51-902D-457D-87DE-27779282E6B3}"/>
                </a:ext>
              </a:extLst>
            </p:cNvPr>
            <p:cNvSpPr/>
            <p:nvPr/>
          </p:nvSpPr>
          <p:spPr bwMode="auto">
            <a:xfrm>
              <a:off x="7778774" y="3778057"/>
              <a:ext cx="62054" cy="56579"/>
            </a:xfrm>
            <a:custGeom>
              <a:avLst/>
              <a:gdLst>
                <a:gd name="T0" fmla="*/ 1 w 29"/>
                <a:gd name="T1" fmla="*/ 24 h 26"/>
                <a:gd name="T2" fmla="*/ 12 w 29"/>
                <a:gd name="T3" fmla="*/ 10 h 26"/>
                <a:gd name="T4" fmla="*/ 27 w 29"/>
                <a:gd name="T5" fmla="*/ 2 h 26"/>
                <a:gd name="T6" fmla="*/ 18 w 29"/>
                <a:gd name="T7" fmla="*/ 17 h 26"/>
                <a:gd name="T8" fmla="*/ 1 w 29"/>
                <a:gd name="T9" fmla="*/ 24 h 26"/>
              </a:gdLst>
              <a:ahLst/>
              <a:cxnLst>
                <a:cxn ang="0">
                  <a:pos x="T0" y="T1"/>
                </a:cxn>
                <a:cxn ang="0">
                  <a:pos x="T2" y="T3"/>
                </a:cxn>
                <a:cxn ang="0">
                  <a:pos x="T4" y="T5"/>
                </a:cxn>
                <a:cxn ang="0">
                  <a:pos x="T6" y="T7"/>
                </a:cxn>
                <a:cxn ang="0">
                  <a:pos x="T8" y="T9"/>
                </a:cxn>
              </a:cxnLst>
              <a:rect l="0" t="0" r="r" b="b"/>
              <a:pathLst>
                <a:path w="29" h="26">
                  <a:moveTo>
                    <a:pt x="1" y="24"/>
                  </a:moveTo>
                  <a:cubicBezTo>
                    <a:pt x="0" y="22"/>
                    <a:pt x="5" y="16"/>
                    <a:pt x="12" y="10"/>
                  </a:cubicBezTo>
                  <a:cubicBezTo>
                    <a:pt x="19" y="5"/>
                    <a:pt x="25" y="0"/>
                    <a:pt x="27" y="2"/>
                  </a:cubicBezTo>
                  <a:cubicBezTo>
                    <a:pt x="29" y="3"/>
                    <a:pt x="25" y="10"/>
                    <a:pt x="18" y="17"/>
                  </a:cubicBezTo>
                  <a:cubicBezTo>
                    <a:pt x="10" y="23"/>
                    <a:pt x="3" y="26"/>
                    <a:pt x="1" y="2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8" name="ïsļidê">
              <a:extLst>
                <a:ext uri="{FF2B5EF4-FFF2-40B4-BE49-F238E27FC236}">
                  <a16:creationId xmlns:a16="http://schemas.microsoft.com/office/drawing/2014/main" xmlns="" id="{4FD211AA-7444-4401-80D7-24DED84F7F3B}"/>
                </a:ext>
              </a:extLst>
            </p:cNvPr>
            <p:cNvSpPr/>
            <p:nvPr/>
          </p:nvSpPr>
          <p:spPr bwMode="auto">
            <a:xfrm>
              <a:off x="7642802" y="3855625"/>
              <a:ext cx="73006" cy="28290"/>
            </a:xfrm>
            <a:custGeom>
              <a:avLst/>
              <a:gdLst>
                <a:gd name="T0" fmla="*/ 0 w 34"/>
                <a:gd name="T1" fmla="*/ 10 h 13"/>
                <a:gd name="T2" fmla="*/ 16 w 34"/>
                <a:gd name="T3" fmla="*/ 2 h 13"/>
                <a:gd name="T4" fmla="*/ 34 w 34"/>
                <a:gd name="T5" fmla="*/ 2 h 13"/>
                <a:gd name="T6" fmla="*/ 18 w 34"/>
                <a:gd name="T7" fmla="*/ 11 h 13"/>
                <a:gd name="T8" fmla="*/ 0 w 34"/>
                <a:gd name="T9" fmla="*/ 10 h 13"/>
              </a:gdLst>
              <a:ahLst/>
              <a:cxnLst>
                <a:cxn ang="0">
                  <a:pos x="T0" y="T1"/>
                </a:cxn>
                <a:cxn ang="0">
                  <a:pos x="T2" y="T3"/>
                </a:cxn>
                <a:cxn ang="0">
                  <a:pos x="T4" y="T5"/>
                </a:cxn>
                <a:cxn ang="0">
                  <a:pos x="T6" y="T7"/>
                </a:cxn>
                <a:cxn ang="0">
                  <a:pos x="T8" y="T9"/>
                </a:cxn>
              </a:cxnLst>
              <a:rect l="0" t="0" r="r" b="b"/>
              <a:pathLst>
                <a:path w="34" h="13">
                  <a:moveTo>
                    <a:pt x="0" y="10"/>
                  </a:moveTo>
                  <a:cubicBezTo>
                    <a:pt x="0" y="7"/>
                    <a:pt x="7" y="4"/>
                    <a:pt x="16" y="2"/>
                  </a:cubicBezTo>
                  <a:cubicBezTo>
                    <a:pt x="25" y="0"/>
                    <a:pt x="33" y="0"/>
                    <a:pt x="34" y="2"/>
                  </a:cubicBezTo>
                  <a:cubicBezTo>
                    <a:pt x="34" y="4"/>
                    <a:pt x="28" y="8"/>
                    <a:pt x="18" y="11"/>
                  </a:cubicBezTo>
                  <a:cubicBezTo>
                    <a:pt x="9" y="13"/>
                    <a:pt x="1" y="12"/>
                    <a:pt x="0" y="1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299" name="iṡľíḓê">
              <a:extLst>
                <a:ext uri="{FF2B5EF4-FFF2-40B4-BE49-F238E27FC236}">
                  <a16:creationId xmlns:a16="http://schemas.microsoft.com/office/drawing/2014/main" xmlns="" id="{3E0EE086-9797-4410-A08B-CAAF8A2E35BD}"/>
                </a:ext>
              </a:extLst>
            </p:cNvPr>
            <p:cNvSpPr/>
            <p:nvPr/>
          </p:nvSpPr>
          <p:spPr bwMode="auto">
            <a:xfrm>
              <a:off x="7504091" y="3827335"/>
              <a:ext cx="69355" cy="41066"/>
            </a:xfrm>
            <a:custGeom>
              <a:avLst/>
              <a:gdLst>
                <a:gd name="T0" fmla="*/ 1 w 32"/>
                <a:gd name="T1" fmla="*/ 2 h 19"/>
                <a:gd name="T2" fmla="*/ 18 w 32"/>
                <a:gd name="T3" fmla="*/ 6 h 19"/>
                <a:gd name="T4" fmla="*/ 31 w 32"/>
                <a:gd name="T5" fmla="*/ 17 h 19"/>
                <a:gd name="T6" fmla="*/ 14 w 32"/>
                <a:gd name="T7" fmla="*/ 14 h 19"/>
                <a:gd name="T8" fmla="*/ 1 w 32"/>
                <a:gd name="T9" fmla="*/ 2 h 19"/>
              </a:gdLst>
              <a:ahLst/>
              <a:cxnLst>
                <a:cxn ang="0">
                  <a:pos x="T0" y="T1"/>
                </a:cxn>
                <a:cxn ang="0">
                  <a:pos x="T2" y="T3"/>
                </a:cxn>
                <a:cxn ang="0">
                  <a:pos x="T4" y="T5"/>
                </a:cxn>
                <a:cxn ang="0">
                  <a:pos x="T6" y="T7"/>
                </a:cxn>
                <a:cxn ang="0">
                  <a:pos x="T8" y="T9"/>
                </a:cxn>
              </a:cxnLst>
              <a:rect l="0" t="0" r="r" b="b"/>
              <a:pathLst>
                <a:path w="32" h="19">
                  <a:moveTo>
                    <a:pt x="1" y="2"/>
                  </a:moveTo>
                  <a:cubicBezTo>
                    <a:pt x="2" y="0"/>
                    <a:pt x="9" y="2"/>
                    <a:pt x="18" y="6"/>
                  </a:cubicBezTo>
                  <a:cubicBezTo>
                    <a:pt x="26" y="10"/>
                    <a:pt x="32" y="15"/>
                    <a:pt x="31" y="17"/>
                  </a:cubicBezTo>
                  <a:cubicBezTo>
                    <a:pt x="31" y="19"/>
                    <a:pt x="22" y="18"/>
                    <a:pt x="14" y="14"/>
                  </a:cubicBezTo>
                  <a:cubicBezTo>
                    <a:pt x="5" y="10"/>
                    <a:pt x="0" y="4"/>
                    <a:pt x="1"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0" name="ï$ľîde">
              <a:extLst>
                <a:ext uri="{FF2B5EF4-FFF2-40B4-BE49-F238E27FC236}">
                  <a16:creationId xmlns:a16="http://schemas.microsoft.com/office/drawing/2014/main" xmlns="" id="{E99D3367-B77E-4033-B7B9-C514C6D297DD}"/>
                </a:ext>
              </a:extLst>
            </p:cNvPr>
            <p:cNvSpPr/>
            <p:nvPr/>
          </p:nvSpPr>
          <p:spPr bwMode="auto">
            <a:xfrm>
              <a:off x="7413747" y="3719653"/>
              <a:ext cx="38328" cy="69355"/>
            </a:xfrm>
            <a:custGeom>
              <a:avLst/>
              <a:gdLst>
                <a:gd name="T0" fmla="*/ 4 w 18"/>
                <a:gd name="T1" fmla="*/ 0 h 32"/>
                <a:gd name="T2" fmla="*/ 7 w 18"/>
                <a:gd name="T3" fmla="*/ 5 h 32"/>
                <a:gd name="T4" fmla="*/ 11 w 18"/>
                <a:gd name="T5" fmla="*/ 15 h 32"/>
                <a:gd name="T6" fmla="*/ 17 w 18"/>
                <a:gd name="T7" fmla="*/ 30 h 32"/>
                <a:gd name="T8" fmla="*/ 3 w 18"/>
                <a:gd name="T9" fmla="*/ 18 h 32"/>
                <a:gd name="T10" fmla="*/ 1 w 18"/>
                <a:gd name="T11" fmla="*/ 5 h 32"/>
                <a:gd name="T12" fmla="*/ 4 w 18"/>
                <a:gd name="T13" fmla="*/ 0 h 32"/>
              </a:gdLst>
              <a:ahLst/>
              <a:cxnLst>
                <a:cxn ang="0">
                  <a:pos x="T0" y="T1"/>
                </a:cxn>
                <a:cxn ang="0">
                  <a:pos x="T2" y="T3"/>
                </a:cxn>
                <a:cxn ang="0">
                  <a:pos x="T4" y="T5"/>
                </a:cxn>
                <a:cxn ang="0">
                  <a:pos x="T6" y="T7"/>
                </a:cxn>
                <a:cxn ang="0">
                  <a:pos x="T8" y="T9"/>
                </a:cxn>
                <a:cxn ang="0">
                  <a:pos x="T10" y="T11"/>
                </a:cxn>
                <a:cxn ang="0">
                  <a:pos x="T12" y="T13"/>
                </a:cxn>
              </a:cxnLst>
              <a:rect l="0" t="0" r="r" b="b"/>
              <a:pathLst>
                <a:path w="18" h="32">
                  <a:moveTo>
                    <a:pt x="4" y="0"/>
                  </a:moveTo>
                  <a:cubicBezTo>
                    <a:pt x="5" y="0"/>
                    <a:pt x="6" y="2"/>
                    <a:pt x="7" y="5"/>
                  </a:cubicBezTo>
                  <a:cubicBezTo>
                    <a:pt x="8" y="7"/>
                    <a:pt x="9" y="11"/>
                    <a:pt x="11" y="15"/>
                  </a:cubicBezTo>
                  <a:cubicBezTo>
                    <a:pt x="14" y="22"/>
                    <a:pt x="18" y="29"/>
                    <a:pt x="17" y="30"/>
                  </a:cubicBezTo>
                  <a:cubicBezTo>
                    <a:pt x="15" y="32"/>
                    <a:pt x="8" y="28"/>
                    <a:pt x="3" y="18"/>
                  </a:cubicBezTo>
                  <a:cubicBezTo>
                    <a:pt x="1" y="13"/>
                    <a:pt x="0" y="8"/>
                    <a:pt x="1" y="5"/>
                  </a:cubicBezTo>
                  <a:cubicBezTo>
                    <a:pt x="1" y="2"/>
                    <a:pt x="3" y="0"/>
                    <a:pt x="4"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1" name="îṩ1îḋé">
              <a:extLst>
                <a:ext uri="{FF2B5EF4-FFF2-40B4-BE49-F238E27FC236}">
                  <a16:creationId xmlns:a16="http://schemas.microsoft.com/office/drawing/2014/main" xmlns="" id="{84EEAE32-9662-43C2-93D0-E6BDDDC4F901}"/>
                </a:ext>
              </a:extLst>
            </p:cNvPr>
            <p:cNvSpPr/>
            <p:nvPr/>
          </p:nvSpPr>
          <p:spPr bwMode="auto">
            <a:xfrm>
              <a:off x="7465763" y="3637522"/>
              <a:ext cx="71180" cy="30115"/>
            </a:xfrm>
            <a:custGeom>
              <a:avLst/>
              <a:gdLst>
                <a:gd name="T0" fmla="*/ 33 w 33"/>
                <a:gd name="T1" fmla="*/ 4 h 14"/>
                <a:gd name="T2" fmla="*/ 17 w 33"/>
                <a:gd name="T3" fmla="*/ 10 h 14"/>
                <a:gd name="T4" fmla="*/ 1 w 33"/>
                <a:gd name="T5" fmla="*/ 12 h 14"/>
                <a:gd name="T6" fmla="*/ 4 w 33"/>
                <a:gd name="T7" fmla="*/ 7 h 14"/>
                <a:gd name="T8" fmla="*/ 15 w 33"/>
                <a:gd name="T9" fmla="*/ 1 h 14"/>
                <a:gd name="T10" fmla="*/ 28 w 33"/>
                <a:gd name="T11" fmla="*/ 1 h 14"/>
                <a:gd name="T12" fmla="*/ 33 w 33"/>
                <a:gd name="T13" fmla="*/ 4 h 14"/>
              </a:gdLst>
              <a:ahLst/>
              <a:cxnLst>
                <a:cxn ang="0">
                  <a:pos x="T0" y="T1"/>
                </a:cxn>
                <a:cxn ang="0">
                  <a:pos x="T2" y="T3"/>
                </a:cxn>
                <a:cxn ang="0">
                  <a:pos x="T4" y="T5"/>
                </a:cxn>
                <a:cxn ang="0">
                  <a:pos x="T6" y="T7"/>
                </a:cxn>
                <a:cxn ang="0">
                  <a:pos x="T8" y="T9"/>
                </a:cxn>
                <a:cxn ang="0">
                  <a:pos x="T10" y="T11"/>
                </a:cxn>
                <a:cxn ang="0">
                  <a:pos x="T12" y="T13"/>
                </a:cxn>
              </a:cxnLst>
              <a:rect l="0" t="0" r="r" b="b"/>
              <a:pathLst>
                <a:path w="33" h="14">
                  <a:moveTo>
                    <a:pt x="33" y="4"/>
                  </a:moveTo>
                  <a:cubicBezTo>
                    <a:pt x="33" y="6"/>
                    <a:pt x="26" y="7"/>
                    <a:pt x="17" y="10"/>
                  </a:cubicBezTo>
                  <a:cubicBezTo>
                    <a:pt x="9" y="12"/>
                    <a:pt x="2" y="14"/>
                    <a:pt x="1" y="12"/>
                  </a:cubicBezTo>
                  <a:cubicBezTo>
                    <a:pt x="0" y="11"/>
                    <a:pt x="1" y="9"/>
                    <a:pt x="4" y="7"/>
                  </a:cubicBezTo>
                  <a:cubicBezTo>
                    <a:pt x="6" y="5"/>
                    <a:pt x="10" y="3"/>
                    <a:pt x="15" y="1"/>
                  </a:cubicBezTo>
                  <a:cubicBezTo>
                    <a:pt x="20" y="0"/>
                    <a:pt x="25" y="0"/>
                    <a:pt x="28" y="1"/>
                  </a:cubicBezTo>
                  <a:cubicBezTo>
                    <a:pt x="31" y="2"/>
                    <a:pt x="33" y="3"/>
                    <a:pt x="33" y="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2" name="i$ḻíde">
              <a:extLst>
                <a:ext uri="{FF2B5EF4-FFF2-40B4-BE49-F238E27FC236}">
                  <a16:creationId xmlns:a16="http://schemas.microsoft.com/office/drawing/2014/main" xmlns="" id="{5CAAA31E-B81B-4EA0-AB21-A546A0BDC8C8}"/>
                </a:ext>
              </a:extLst>
            </p:cNvPr>
            <p:cNvSpPr/>
            <p:nvPr/>
          </p:nvSpPr>
          <p:spPr bwMode="auto">
            <a:xfrm>
              <a:off x="7601736" y="3670374"/>
              <a:ext cx="55667" cy="60230"/>
            </a:xfrm>
            <a:custGeom>
              <a:avLst/>
              <a:gdLst>
                <a:gd name="T0" fmla="*/ 24 w 26"/>
                <a:gd name="T1" fmla="*/ 27 h 28"/>
                <a:gd name="T2" fmla="*/ 10 w 26"/>
                <a:gd name="T3" fmla="*/ 17 h 28"/>
                <a:gd name="T4" fmla="*/ 1 w 26"/>
                <a:gd name="T5" fmla="*/ 2 h 28"/>
                <a:gd name="T6" fmla="*/ 17 w 26"/>
                <a:gd name="T7" fmla="*/ 11 h 28"/>
                <a:gd name="T8" fmla="*/ 24 w 26"/>
                <a:gd name="T9" fmla="*/ 27 h 28"/>
              </a:gdLst>
              <a:ahLst/>
              <a:cxnLst>
                <a:cxn ang="0">
                  <a:pos x="T0" y="T1"/>
                </a:cxn>
                <a:cxn ang="0">
                  <a:pos x="T2" y="T3"/>
                </a:cxn>
                <a:cxn ang="0">
                  <a:pos x="T4" y="T5"/>
                </a:cxn>
                <a:cxn ang="0">
                  <a:pos x="T6" y="T7"/>
                </a:cxn>
                <a:cxn ang="0">
                  <a:pos x="T8" y="T9"/>
                </a:cxn>
              </a:cxnLst>
              <a:rect l="0" t="0" r="r" b="b"/>
              <a:pathLst>
                <a:path w="26" h="28">
                  <a:moveTo>
                    <a:pt x="24" y="27"/>
                  </a:moveTo>
                  <a:cubicBezTo>
                    <a:pt x="22" y="28"/>
                    <a:pt x="16" y="23"/>
                    <a:pt x="10" y="17"/>
                  </a:cubicBezTo>
                  <a:cubicBezTo>
                    <a:pt x="4" y="10"/>
                    <a:pt x="0" y="4"/>
                    <a:pt x="1" y="2"/>
                  </a:cubicBezTo>
                  <a:cubicBezTo>
                    <a:pt x="2" y="0"/>
                    <a:pt x="10" y="3"/>
                    <a:pt x="17" y="11"/>
                  </a:cubicBezTo>
                  <a:cubicBezTo>
                    <a:pt x="23" y="18"/>
                    <a:pt x="26" y="26"/>
                    <a:pt x="24" y="2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3" name="ïsḻîḋé">
              <a:extLst>
                <a:ext uri="{FF2B5EF4-FFF2-40B4-BE49-F238E27FC236}">
                  <a16:creationId xmlns:a16="http://schemas.microsoft.com/office/drawing/2014/main" xmlns="" id="{8D07D862-8A20-4CE0-AD43-E6652191D76A}"/>
                </a:ext>
              </a:extLst>
            </p:cNvPr>
            <p:cNvSpPr/>
            <p:nvPr/>
          </p:nvSpPr>
          <p:spPr bwMode="auto">
            <a:xfrm>
              <a:off x="7683866" y="3790833"/>
              <a:ext cx="30115" cy="73918"/>
            </a:xfrm>
            <a:custGeom>
              <a:avLst/>
              <a:gdLst>
                <a:gd name="T0" fmla="*/ 11 w 14"/>
                <a:gd name="T1" fmla="*/ 34 h 34"/>
                <a:gd name="T2" fmla="*/ 3 w 14"/>
                <a:gd name="T3" fmla="*/ 18 h 34"/>
                <a:gd name="T4" fmla="*/ 2 w 14"/>
                <a:gd name="T5" fmla="*/ 1 h 34"/>
                <a:gd name="T6" fmla="*/ 11 w 14"/>
                <a:gd name="T7" fmla="*/ 16 h 34"/>
                <a:gd name="T8" fmla="*/ 11 w 14"/>
                <a:gd name="T9" fmla="*/ 34 h 34"/>
              </a:gdLst>
              <a:ahLst/>
              <a:cxnLst>
                <a:cxn ang="0">
                  <a:pos x="T0" y="T1"/>
                </a:cxn>
                <a:cxn ang="0">
                  <a:pos x="T2" y="T3"/>
                </a:cxn>
                <a:cxn ang="0">
                  <a:pos x="T4" y="T5"/>
                </a:cxn>
                <a:cxn ang="0">
                  <a:pos x="T6" y="T7"/>
                </a:cxn>
                <a:cxn ang="0">
                  <a:pos x="T8" y="T9"/>
                </a:cxn>
              </a:cxnLst>
              <a:rect l="0" t="0" r="r" b="b"/>
              <a:pathLst>
                <a:path w="14" h="34">
                  <a:moveTo>
                    <a:pt x="11" y="34"/>
                  </a:moveTo>
                  <a:cubicBezTo>
                    <a:pt x="8" y="34"/>
                    <a:pt x="5" y="27"/>
                    <a:pt x="3" y="18"/>
                  </a:cubicBezTo>
                  <a:cubicBezTo>
                    <a:pt x="1" y="10"/>
                    <a:pt x="0" y="2"/>
                    <a:pt x="2" y="1"/>
                  </a:cubicBezTo>
                  <a:cubicBezTo>
                    <a:pt x="4" y="0"/>
                    <a:pt x="9" y="7"/>
                    <a:pt x="11" y="16"/>
                  </a:cubicBezTo>
                  <a:cubicBezTo>
                    <a:pt x="14" y="26"/>
                    <a:pt x="13" y="34"/>
                    <a:pt x="11" y="3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4" name="ïşlîḑê">
              <a:extLst>
                <a:ext uri="{FF2B5EF4-FFF2-40B4-BE49-F238E27FC236}">
                  <a16:creationId xmlns:a16="http://schemas.microsoft.com/office/drawing/2014/main" xmlns="" id="{E2942863-2B8D-4331-87E0-F5880C13EFD9}"/>
                </a:ext>
              </a:extLst>
            </p:cNvPr>
            <p:cNvSpPr/>
            <p:nvPr/>
          </p:nvSpPr>
          <p:spPr bwMode="auto">
            <a:xfrm>
              <a:off x="7668353" y="3935931"/>
              <a:ext cx="39240" cy="71180"/>
            </a:xfrm>
            <a:custGeom>
              <a:avLst/>
              <a:gdLst>
                <a:gd name="T0" fmla="*/ 2 w 18"/>
                <a:gd name="T1" fmla="*/ 32 h 33"/>
                <a:gd name="T2" fmla="*/ 6 w 18"/>
                <a:gd name="T3" fmla="*/ 15 h 33"/>
                <a:gd name="T4" fmla="*/ 16 w 18"/>
                <a:gd name="T5" fmla="*/ 1 h 33"/>
                <a:gd name="T6" fmla="*/ 14 w 18"/>
                <a:gd name="T7" fmla="*/ 18 h 33"/>
                <a:gd name="T8" fmla="*/ 2 w 18"/>
                <a:gd name="T9" fmla="*/ 32 h 33"/>
              </a:gdLst>
              <a:ahLst/>
              <a:cxnLst>
                <a:cxn ang="0">
                  <a:pos x="T0" y="T1"/>
                </a:cxn>
                <a:cxn ang="0">
                  <a:pos x="T2" y="T3"/>
                </a:cxn>
                <a:cxn ang="0">
                  <a:pos x="T4" y="T5"/>
                </a:cxn>
                <a:cxn ang="0">
                  <a:pos x="T6" y="T7"/>
                </a:cxn>
                <a:cxn ang="0">
                  <a:pos x="T8" y="T9"/>
                </a:cxn>
              </a:cxnLst>
              <a:rect l="0" t="0" r="r" b="b"/>
              <a:pathLst>
                <a:path w="18" h="33">
                  <a:moveTo>
                    <a:pt x="2" y="32"/>
                  </a:moveTo>
                  <a:cubicBezTo>
                    <a:pt x="0" y="30"/>
                    <a:pt x="3" y="23"/>
                    <a:pt x="6" y="15"/>
                  </a:cubicBezTo>
                  <a:cubicBezTo>
                    <a:pt x="10" y="7"/>
                    <a:pt x="14" y="0"/>
                    <a:pt x="16" y="1"/>
                  </a:cubicBezTo>
                  <a:cubicBezTo>
                    <a:pt x="18" y="1"/>
                    <a:pt x="18" y="9"/>
                    <a:pt x="14" y="18"/>
                  </a:cubicBezTo>
                  <a:cubicBezTo>
                    <a:pt x="10" y="27"/>
                    <a:pt x="4" y="33"/>
                    <a:pt x="2" y="3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5" name="iṡlîďe">
              <a:extLst>
                <a:ext uri="{FF2B5EF4-FFF2-40B4-BE49-F238E27FC236}">
                  <a16:creationId xmlns:a16="http://schemas.microsoft.com/office/drawing/2014/main" xmlns="" id="{4D429B2B-8A63-4BAA-9073-F504F8B7078B}"/>
                </a:ext>
              </a:extLst>
            </p:cNvPr>
            <p:cNvSpPr/>
            <p:nvPr/>
          </p:nvSpPr>
          <p:spPr bwMode="auto">
            <a:xfrm>
              <a:off x="7560670" y="4054565"/>
              <a:ext cx="66618" cy="47453"/>
            </a:xfrm>
            <a:custGeom>
              <a:avLst/>
              <a:gdLst>
                <a:gd name="T0" fmla="*/ 1 w 31"/>
                <a:gd name="T1" fmla="*/ 20 h 22"/>
                <a:gd name="T2" fmla="*/ 14 w 31"/>
                <a:gd name="T3" fmla="*/ 8 h 22"/>
                <a:gd name="T4" fmla="*/ 30 w 31"/>
                <a:gd name="T5" fmla="*/ 2 h 22"/>
                <a:gd name="T6" fmla="*/ 18 w 31"/>
                <a:gd name="T7" fmla="*/ 16 h 22"/>
                <a:gd name="T8" fmla="*/ 1 w 31"/>
                <a:gd name="T9" fmla="*/ 20 h 22"/>
              </a:gdLst>
              <a:ahLst/>
              <a:cxnLst>
                <a:cxn ang="0">
                  <a:pos x="T0" y="T1"/>
                </a:cxn>
                <a:cxn ang="0">
                  <a:pos x="T2" y="T3"/>
                </a:cxn>
                <a:cxn ang="0">
                  <a:pos x="T4" y="T5"/>
                </a:cxn>
                <a:cxn ang="0">
                  <a:pos x="T6" y="T7"/>
                </a:cxn>
                <a:cxn ang="0">
                  <a:pos x="T8" y="T9"/>
                </a:cxn>
              </a:cxnLst>
              <a:rect l="0" t="0" r="r" b="b"/>
              <a:pathLst>
                <a:path w="31" h="22">
                  <a:moveTo>
                    <a:pt x="1" y="20"/>
                  </a:moveTo>
                  <a:cubicBezTo>
                    <a:pt x="0" y="18"/>
                    <a:pt x="6" y="13"/>
                    <a:pt x="14" y="8"/>
                  </a:cubicBezTo>
                  <a:cubicBezTo>
                    <a:pt x="21" y="4"/>
                    <a:pt x="28" y="0"/>
                    <a:pt x="30" y="2"/>
                  </a:cubicBezTo>
                  <a:cubicBezTo>
                    <a:pt x="31" y="4"/>
                    <a:pt x="27" y="10"/>
                    <a:pt x="18" y="16"/>
                  </a:cubicBezTo>
                  <a:cubicBezTo>
                    <a:pt x="10" y="21"/>
                    <a:pt x="2" y="22"/>
                    <a:pt x="1" y="2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6" name="iṩlïdé">
              <a:extLst>
                <a:ext uri="{FF2B5EF4-FFF2-40B4-BE49-F238E27FC236}">
                  <a16:creationId xmlns:a16="http://schemas.microsoft.com/office/drawing/2014/main" xmlns="" id="{F976B573-C7BF-40D2-B4A6-A0F697E99F2A}"/>
                </a:ext>
              </a:extLst>
            </p:cNvPr>
            <p:cNvSpPr/>
            <p:nvPr/>
          </p:nvSpPr>
          <p:spPr bwMode="auto">
            <a:xfrm>
              <a:off x="7424697" y="4121182"/>
              <a:ext cx="73006" cy="32852"/>
            </a:xfrm>
            <a:custGeom>
              <a:avLst/>
              <a:gdLst>
                <a:gd name="T0" fmla="*/ 1 w 34"/>
                <a:gd name="T1" fmla="*/ 13 h 15"/>
                <a:gd name="T2" fmla="*/ 15 w 34"/>
                <a:gd name="T3" fmla="*/ 4 h 15"/>
                <a:gd name="T4" fmla="*/ 33 w 34"/>
                <a:gd name="T5" fmla="*/ 2 h 15"/>
                <a:gd name="T6" fmla="*/ 18 w 34"/>
                <a:gd name="T7" fmla="*/ 12 h 15"/>
                <a:gd name="T8" fmla="*/ 1 w 34"/>
                <a:gd name="T9" fmla="*/ 13 h 15"/>
              </a:gdLst>
              <a:ahLst/>
              <a:cxnLst>
                <a:cxn ang="0">
                  <a:pos x="T0" y="T1"/>
                </a:cxn>
                <a:cxn ang="0">
                  <a:pos x="T2" y="T3"/>
                </a:cxn>
                <a:cxn ang="0">
                  <a:pos x="T4" y="T5"/>
                </a:cxn>
                <a:cxn ang="0">
                  <a:pos x="T6" y="T7"/>
                </a:cxn>
                <a:cxn ang="0">
                  <a:pos x="T8" y="T9"/>
                </a:cxn>
              </a:cxnLst>
              <a:rect l="0" t="0" r="r" b="b"/>
              <a:pathLst>
                <a:path w="34" h="15">
                  <a:moveTo>
                    <a:pt x="1" y="13"/>
                  </a:moveTo>
                  <a:cubicBezTo>
                    <a:pt x="0" y="11"/>
                    <a:pt x="6" y="7"/>
                    <a:pt x="15" y="4"/>
                  </a:cubicBezTo>
                  <a:cubicBezTo>
                    <a:pt x="24" y="1"/>
                    <a:pt x="32" y="0"/>
                    <a:pt x="33" y="2"/>
                  </a:cubicBezTo>
                  <a:cubicBezTo>
                    <a:pt x="34" y="5"/>
                    <a:pt x="27" y="9"/>
                    <a:pt x="18" y="12"/>
                  </a:cubicBezTo>
                  <a:cubicBezTo>
                    <a:pt x="9" y="15"/>
                    <a:pt x="1" y="15"/>
                    <a:pt x="1" y="1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7" name="íṡḻïďê">
              <a:extLst>
                <a:ext uri="{FF2B5EF4-FFF2-40B4-BE49-F238E27FC236}">
                  <a16:creationId xmlns:a16="http://schemas.microsoft.com/office/drawing/2014/main" xmlns="" id="{BF6522EF-9882-42B2-BF20-9996CC7C8B77}"/>
                </a:ext>
              </a:extLst>
            </p:cNvPr>
            <p:cNvSpPr/>
            <p:nvPr/>
          </p:nvSpPr>
          <p:spPr bwMode="auto">
            <a:xfrm>
              <a:off x="7287813" y="4168636"/>
              <a:ext cx="69355" cy="43803"/>
            </a:xfrm>
            <a:custGeom>
              <a:avLst/>
              <a:gdLst>
                <a:gd name="T0" fmla="*/ 1 w 32"/>
                <a:gd name="T1" fmla="*/ 18 h 20"/>
                <a:gd name="T2" fmla="*/ 14 w 32"/>
                <a:gd name="T3" fmla="*/ 6 h 20"/>
                <a:gd name="T4" fmla="*/ 32 w 32"/>
                <a:gd name="T5" fmla="*/ 3 h 20"/>
                <a:gd name="T6" fmla="*/ 18 w 32"/>
                <a:gd name="T7" fmla="*/ 13 h 20"/>
                <a:gd name="T8" fmla="*/ 1 w 32"/>
                <a:gd name="T9" fmla="*/ 18 h 20"/>
              </a:gdLst>
              <a:ahLst/>
              <a:cxnLst>
                <a:cxn ang="0">
                  <a:pos x="T0" y="T1"/>
                </a:cxn>
                <a:cxn ang="0">
                  <a:pos x="T2" y="T3"/>
                </a:cxn>
                <a:cxn ang="0">
                  <a:pos x="T4" y="T5"/>
                </a:cxn>
                <a:cxn ang="0">
                  <a:pos x="T6" y="T7"/>
                </a:cxn>
                <a:cxn ang="0">
                  <a:pos x="T8" y="T9"/>
                </a:cxn>
              </a:cxnLst>
              <a:rect l="0" t="0" r="r" b="b"/>
              <a:pathLst>
                <a:path w="32" h="20">
                  <a:moveTo>
                    <a:pt x="1" y="18"/>
                  </a:moveTo>
                  <a:cubicBezTo>
                    <a:pt x="0" y="16"/>
                    <a:pt x="5" y="10"/>
                    <a:pt x="14" y="6"/>
                  </a:cubicBezTo>
                  <a:cubicBezTo>
                    <a:pt x="23" y="2"/>
                    <a:pt x="31" y="0"/>
                    <a:pt x="32" y="3"/>
                  </a:cubicBezTo>
                  <a:cubicBezTo>
                    <a:pt x="32" y="5"/>
                    <a:pt x="26" y="9"/>
                    <a:pt x="18" y="13"/>
                  </a:cubicBezTo>
                  <a:cubicBezTo>
                    <a:pt x="10" y="17"/>
                    <a:pt x="3" y="20"/>
                    <a:pt x="1" y="1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8" name="ïṧliḑé">
              <a:extLst>
                <a:ext uri="{FF2B5EF4-FFF2-40B4-BE49-F238E27FC236}">
                  <a16:creationId xmlns:a16="http://schemas.microsoft.com/office/drawing/2014/main" xmlns="" id="{A662442E-B8E1-400A-87A0-B13273CCC747}"/>
                </a:ext>
              </a:extLst>
            </p:cNvPr>
            <p:cNvSpPr/>
            <p:nvPr/>
          </p:nvSpPr>
          <p:spPr bwMode="auto">
            <a:xfrm>
              <a:off x="7197469" y="4253505"/>
              <a:ext cx="42891" cy="68443"/>
            </a:xfrm>
            <a:custGeom>
              <a:avLst/>
              <a:gdLst>
                <a:gd name="T0" fmla="*/ 2 w 20"/>
                <a:gd name="T1" fmla="*/ 31 h 32"/>
                <a:gd name="T2" fmla="*/ 5 w 20"/>
                <a:gd name="T3" fmla="*/ 14 h 32"/>
                <a:gd name="T4" fmla="*/ 18 w 20"/>
                <a:gd name="T5" fmla="*/ 1 h 32"/>
                <a:gd name="T6" fmla="*/ 12 w 20"/>
                <a:gd name="T7" fmla="*/ 18 h 32"/>
                <a:gd name="T8" fmla="*/ 2 w 20"/>
                <a:gd name="T9" fmla="*/ 31 h 32"/>
              </a:gdLst>
              <a:ahLst/>
              <a:cxnLst>
                <a:cxn ang="0">
                  <a:pos x="T0" y="T1"/>
                </a:cxn>
                <a:cxn ang="0">
                  <a:pos x="T2" y="T3"/>
                </a:cxn>
                <a:cxn ang="0">
                  <a:pos x="T4" y="T5"/>
                </a:cxn>
                <a:cxn ang="0">
                  <a:pos x="T6" y="T7"/>
                </a:cxn>
                <a:cxn ang="0">
                  <a:pos x="T8" y="T9"/>
                </a:cxn>
              </a:cxnLst>
              <a:rect l="0" t="0" r="r" b="b"/>
              <a:pathLst>
                <a:path w="20" h="32">
                  <a:moveTo>
                    <a:pt x="2" y="31"/>
                  </a:moveTo>
                  <a:cubicBezTo>
                    <a:pt x="0" y="31"/>
                    <a:pt x="0" y="22"/>
                    <a:pt x="5" y="14"/>
                  </a:cubicBezTo>
                  <a:cubicBezTo>
                    <a:pt x="9" y="5"/>
                    <a:pt x="16" y="0"/>
                    <a:pt x="18" y="1"/>
                  </a:cubicBezTo>
                  <a:cubicBezTo>
                    <a:pt x="20" y="3"/>
                    <a:pt x="16" y="10"/>
                    <a:pt x="12" y="18"/>
                  </a:cubicBezTo>
                  <a:cubicBezTo>
                    <a:pt x="8" y="25"/>
                    <a:pt x="4" y="32"/>
                    <a:pt x="2" y="3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09" name="ïṩḻîḓe">
              <a:extLst>
                <a:ext uri="{FF2B5EF4-FFF2-40B4-BE49-F238E27FC236}">
                  <a16:creationId xmlns:a16="http://schemas.microsoft.com/office/drawing/2014/main" xmlns="" id="{B70F9CCB-ED16-4165-B812-6841229109DD}"/>
                </a:ext>
              </a:extLst>
            </p:cNvPr>
            <p:cNvSpPr/>
            <p:nvPr/>
          </p:nvSpPr>
          <p:spPr bwMode="auto">
            <a:xfrm>
              <a:off x="7178305" y="4391302"/>
              <a:ext cx="19164" cy="30115"/>
            </a:xfrm>
            <a:custGeom>
              <a:avLst/>
              <a:gdLst>
                <a:gd name="T0" fmla="*/ 4 w 9"/>
                <a:gd name="T1" fmla="*/ 14 h 14"/>
                <a:gd name="T2" fmla="*/ 0 w 9"/>
                <a:gd name="T3" fmla="*/ 7 h 14"/>
                <a:gd name="T4" fmla="*/ 4 w 9"/>
                <a:gd name="T5" fmla="*/ 1 h 14"/>
                <a:gd name="T6" fmla="*/ 8 w 9"/>
                <a:gd name="T7" fmla="*/ 7 h 14"/>
                <a:gd name="T8" fmla="*/ 4 w 9"/>
                <a:gd name="T9" fmla="*/ 14 h 14"/>
              </a:gdLst>
              <a:ahLst/>
              <a:cxnLst>
                <a:cxn ang="0">
                  <a:pos x="T0" y="T1"/>
                </a:cxn>
                <a:cxn ang="0">
                  <a:pos x="T2" y="T3"/>
                </a:cxn>
                <a:cxn ang="0">
                  <a:pos x="T4" y="T5"/>
                </a:cxn>
                <a:cxn ang="0">
                  <a:pos x="T6" y="T7"/>
                </a:cxn>
                <a:cxn ang="0">
                  <a:pos x="T8" y="T9"/>
                </a:cxn>
              </a:cxnLst>
              <a:rect l="0" t="0" r="r" b="b"/>
              <a:pathLst>
                <a:path w="9" h="14">
                  <a:moveTo>
                    <a:pt x="4" y="14"/>
                  </a:moveTo>
                  <a:cubicBezTo>
                    <a:pt x="2" y="14"/>
                    <a:pt x="0" y="11"/>
                    <a:pt x="0" y="7"/>
                  </a:cubicBezTo>
                  <a:cubicBezTo>
                    <a:pt x="0" y="3"/>
                    <a:pt x="2" y="0"/>
                    <a:pt x="4" y="1"/>
                  </a:cubicBezTo>
                  <a:cubicBezTo>
                    <a:pt x="7" y="1"/>
                    <a:pt x="9" y="4"/>
                    <a:pt x="8" y="7"/>
                  </a:cubicBezTo>
                  <a:cubicBezTo>
                    <a:pt x="8" y="11"/>
                    <a:pt x="6" y="14"/>
                    <a:pt x="4" y="1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0" name="ïšḻíḑê">
              <a:extLst>
                <a:ext uri="{FF2B5EF4-FFF2-40B4-BE49-F238E27FC236}">
                  <a16:creationId xmlns:a16="http://schemas.microsoft.com/office/drawing/2014/main" xmlns="" id="{28579310-AF4D-4BE4-B114-E406E8DEC563}"/>
                </a:ext>
              </a:extLst>
            </p:cNvPr>
            <p:cNvSpPr/>
            <p:nvPr/>
          </p:nvSpPr>
          <p:spPr bwMode="auto">
            <a:xfrm>
              <a:off x="6942862" y="4199663"/>
              <a:ext cx="472710" cy="553016"/>
            </a:xfrm>
            <a:custGeom>
              <a:avLst/>
              <a:gdLst>
                <a:gd name="T0" fmla="*/ 202 w 219"/>
                <a:gd name="T1" fmla="*/ 130 h 256"/>
                <a:gd name="T2" fmla="*/ 157 w 219"/>
                <a:gd name="T3" fmla="*/ 99 h 256"/>
                <a:gd name="T4" fmla="*/ 90 w 219"/>
                <a:gd name="T5" fmla="*/ 53 h 256"/>
                <a:gd name="T6" fmla="*/ 50 w 219"/>
                <a:gd name="T7" fmla="*/ 26 h 256"/>
                <a:gd name="T8" fmla="*/ 28 w 219"/>
                <a:gd name="T9" fmla="*/ 13 h 256"/>
                <a:gd name="T10" fmla="*/ 17 w 219"/>
                <a:gd name="T11" fmla="*/ 6 h 256"/>
                <a:gd name="T12" fmla="*/ 11 w 219"/>
                <a:gd name="T13" fmla="*/ 3 h 256"/>
                <a:gd name="T14" fmla="*/ 7 w 219"/>
                <a:gd name="T15" fmla="*/ 1 h 256"/>
                <a:gd name="T16" fmla="*/ 6 w 219"/>
                <a:gd name="T17" fmla="*/ 1 h 256"/>
                <a:gd name="T18" fmla="*/ 4 w 219"/>
                <a:gd name="T19" fmla="*/ 1 h 256"/>
                <a:gd name="T20" fmla="*/ 2 w 219"/>
                <a:gd name="T21" fmla="*/ 1 h 256"/>
                <a:gd name="T22" fmla="*/ 1 w 219"/>
                <a:gd name="T23" fmla="*/ 3 h 256"/>
                <a:gd name="T24" fmla="*/ 0 w 219"/>
                <a:gd name="T25" fmla="*/ 6 h 256"/>
                <a:gd name="T26" fmla="*/ 0 w 219"/>
                <a:gd name="T27" fmla="*/ 8 h 256"/>
                <a:gd name="T28" fmla="*/ 1 w 219"/>
                <a:gd name="T29" fmla="*/ 9 h 256"/>
                <a:gd name="T30" fmla="*/ 1 w 219"/>
                <a:gd name="T31" fmla="*/ 12 h 256"/>
                <a:gd name="T32" fmla="*/ 2 w 219"/>
                <a:gd name="T33" fmla="*/ 19 h 256"/>
                <a:gd name="T34" fmla="*/ 4 w 219"/>
                <a:gd name="T35" fmla="*/ 32 h 256"/>
                <a:gd name="T36" fmla="*/ 10 w 219"/>
                <a:gd name="T37" fmla="*/ 57 h 256"/>
                <a:gd name="T38" fmla="*/ 21 w 219"/>
                <a:gd name="T39" fmla="*/ 104 h 256"/>
                <a:gd name="T40" fmla="*/ 41 w 219"/>
                <a:gd name="T41" fmla="*/ 183 h 256"/>
                <a:gd name="T42" fmla="*/ 56 w 219"/>
                <a:gd name="T43" fmla="*/ 236 h 256"/>
                <a:gd name="T44" fmla="*/ 60 w 219"/>
                <a:gd name="T45" fmla="*/ 251 h 256"/>
                <a:gd name="T46" fmla="*/ 61 w 219"/>
                <a:gd name="T47" fmla="*/ 254 h 256"/>
                <a:gd name="T48" fmla="*/ 61 w 219"/>
                <a:gd name="T49" fmla="*/ 255 h 256"/>
                <a:gd name="T50" fmla="*/ 61 w 219"/>
                <a:gd name="T51" fmla="*/ 255 h 256"/>
                <a:gd name="T52" fmla="*/ 62 w 219"/>
                <a:gd name="T53" fmla="*/ 255 h 256"/>
                <a:gd name="T54" fmla="*/ 62 w 219"/>
                <a:gd name="T55" fmla="*/ 256 h 256"/>
                <a:gd name="T56" fmla="*/ 62 w 219"/>
                <a:gd name="T57" fmla="*/ 255 h 256"/>
                <a:gd name="T58" fmla="*/ 64 w 219"/>
                <a:gd name="T59" fmla="*/ 253 h 256"/>
                <a:gd name="T60" fmla="*/ 70 w 219"/>
                <a:gd name="T61" fmla="*/ 243 h 256"/>
                <a:gd name="T62" fmla="*/ 84 w 219"/>
                <a:gd name="T63" fmla="*/ 208 h 256"/>
                <a:gd name="T64" fmla="*/ 94 w 219"/>
                <a:gd name="T65" fmla="*/ 173 h 256"/>
                <a:gd name="T66" fmla="*/ 97 w 219"/>
                <a:gd name="T67" fmla="*/ 160 h 256"/>
                <a:gd name="T68" fmla="*/ 99 w 219"/>
                <a:gd name="T69" fmla="*/ 166 h 256"/>
                <a:gd name="T70" fmla="*/ 103 w 219"/>
                <a:gd name="T71" fmla="*/ 176 h 256"/>
                <a:gd name="T72" fmla="*/ 109 w 219"/>
                <a:gd name="T73" fmla="*/ 189 h 256"/>
                <a:gd name="T74" fmla="*/ 126 w 219"/>
                <a:gd name="T75" fmla="*/ 222 h 256"/>
                <a:gd name="T76" fmla="*/ 137 w 219"/>
                <a:gd name="T77" fmla="*/ 241 h 256"/>
                <a:gd name="T78" fmla="*/ 141 w 219"/>
                <a:gd name="T79" fmla="*/ 244 h 256"/>
                <a:gd name="T80" fmla="*/ 145 w 219"/>
                <a:gd name="T81" fmla="*/ 245 h 256"/>
                <a:gd name="T82" fmla="*/ 151 w 219"/>
                <a:gd name="T83" fmla="*/ 244 h 256"/>
                <a:gd name="T84" fmla="*/ 162 w 219"/>
                <a:gd name="T85" fmla="*/ 238 h 256"/>
                <a:gd name="T86" fmla="*/ 172 w 219"/>
                <a:gd name="T87" fmla="*/ 232 h 256"/>
                <a:gd name="T88" fmla="*/ 176 w 219"/>
                <a:gd name="T89" fmla="*/ 228 h 256"/>
                <a:gd name="T90" fmla="*/ 179 w 219"/>
                <a:gd name="T91" fmla="*/ 225 h 256"/>
                <a:gd name="T92" fmla="*/ 179 w 219"/>
                <a:gd name="T93" fmla="*/ 223 h 256"/>
                <a:gd name="T94" fmla="*/ 179 w 219"/>
                <a:gd name="T95" fmla="*/ 221 h 256"/>
                <a:gd name="T96" fmla="*/ 179 w 219"/>
                <a:gd name="T97" fmla="*/ 220 h 256"/>
                <a:gd name="T98" fmla="*/ 168 w 219"/>
                <a:gd name="T99" fmla="*/ 203 h 256"/>
                <a:gd name="T100" fmla="*/ 157 w 219"/>
                <a:gd name="T101" fmla="*/ 189 h 256"/>
                <a:gd name="T102" fmla="*/ 140 w 219"/>
                <a:gd name="T103" fmla="*/ 164 h 256"/>
                <a:gd name="T104" fmla="*/ 123 w 219"/>
                <a:gd name="T105" fmla="*/ 144 h 256"/>
                <a:gd name="T106" fmla="*/ 170 w 219"/>
                <a:gd name="T107" fmla="*/ 148 h 256"/>
                <a:gd name="T108" fmla="*/ 204 w 219"/>
                <a:gd name="T109" fmla="*/ 146 h 256"/>
                <a:gd name="T110" fmla="*/ 214 w 219"/>
                <a:gd name="T111" fmla="*/ 144 h 256"/>
                <a:gd name="T112" fmla="*/ 217 w 219"/>
                <a:gd name="T113" fmla="*/ 143 h 256"/>
                <a:gd name="T114" fmla="*/ 217 w 219"/>
                <a:gd name="T115" fmla="*/ 142 h 256"/>
                <a:gd name="T116" fmla="*/ 218 w 219"/>
                <a:gd name="T117" fmla="*/ 142 h 256"/>
                <a:gd name="T118" fmla="*/ 202 w 219"/>
                <a:gd name="T119" fmla="*/ 130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219" h="256">
                  <a:moveTo>
                    <a:pt x="202" y="130"/>
                  </a:moveTo>
                  <a:cubicBezTo>
                    <a:pt x="192" y="123"/>
                    <a:pt x="176" y="112"/>
                    <a:pt x="157" y="99"/>
                  </a:cubicBezTo>
                  <a:cubicBezTo>
                    <a:pt x="138" y="86"/>
                    <a:pt x="116" y="70"/>
                    <a:pt x="90" y="53"/>
                  </a:cubicBezTo>
                  <a:cubicBezTo>
                    <a:pt x="77" y="44"/>
                    <a:pt x="64" y="35"/>
                    <a:pt x="50" y="26"/>
                  </a:cubicBezTo>
                  <a:cubicBezTo>
                    <a:pt x="43" y="22"/>
                    <a:pt x="36" y="17"/>
                    <a:pt x="28" y="13"/>
                  </a:cubicBezTo>
                  <a:cubicBezTo>
                    <a:pt x="25" y="10"/>
                    <a:pt x="21" y="8"/>
                    <a:pt x="17" y="6"/>
                  </a:cubicBezTo>
                  <a:cubicBezTo>
                    <a:pt x="15" y="5"/>
                    <a:pt x="13" y="4"/>
                    <a:pt x="11" y="3"/>
                  </a:cubicBezTo>
                  <a:cubicBezTo>
                    <a:pt x="10" y="2"/>
                    <a:pt x="9" y="2"/>
                    <a:pt x="7" y="1"/>
                  </a:cubicBezTo>
                  <a:cubicBezTo>
                    <a:pt x="7" y="1"/>
                    <a:pt x="6" y="1"/>
                    <a:pt x="6" y="1"/>
                  </a:cubicBezTo>
                  <a:cubicBezTo>
                    <a:pt x="5" y="1"/>
                    <a:pt x="5" y="0"/>
                    <a:pt x="4" y="1"/>
                  </a:cubicBezTo>
                  <a:cubicBezTo>
                    <a:pt x="3" y="1"/>
                    <a:pt x="3" y="1"/>
                    <a:pt x="2" y="1"/>
                  </a:cubicBezTo>
                  <a:cubicBezTo>
                    <a:pt x="1" y="2"/>
                    <a:pt x="1" y="2"/>
                    <a:pt x="1" y="3"/>
                  </a:cubicBezTo>
                  <a:cubicBezTo>
                    <a:pt x="0" y="4"/>
                    <a:pt x="0" y="5"/>
                    <a:pt x="0" y="6"/>
                  </a:cubicBezTo>
                  <a:cubicBezTo>
                    <a:pt x="0" y="8"/>
                    <a:pt x="0" y="8"/>
                    <a:pt x="0" y="8"/>
                  </a:cubicBezTo>
                  <a:cubicBezTo>
                    <a:pt x="1" y="9"/>
                    <a:pt x="1" y="9"/>
                    <a:pt x="1" y="9"/>
                  </a:cubicBezTo>
                  <a:cubicBezTo>
                    <a:pt x="1" y="12"/>
                    <a:pt x="1" y="12"/>
                    <a:pt x="1" y="12"/>
                  </a:cubicBezTo>
                  <a:cubicBezTo>
                    <a:pt x="1" y="14"/>
                    <a:pt x="2" y="17"/>
                    <a:pt x="2" y="19"/>
                  </a:cubicBezTo>
                  <a:cubicBezTo>
                    <a:pt x="3" y="23"/>
                    <a:pt x="4" y="27"/>
                    <a:pt x="4" y="32"/>
                  </a:cubicBezTo>
                  <a:cubicBezTo>
                    <a:pt x="6" y="40"/>
                    <a:pt x="8" y="48"/>
                    <a:pt x="10" y="57"/>
                  </a:cubicBezTo>
                  <a:cubicBezTo>
                    <a:pt x="13" y="73"/>
                    <a:pt x="17" y="89"/>
                    <a:pt x="21" y="104"/>
                  </a:cubicBezTo>
                  <a:cubicBezTo>
                    <a:pt x="28" y="134"/>
                    <a:pt x="35" y="161"/>
                    <a:pt x="41" y="183"/>
                  </a:cubicBezTo>
                  <a:cubicBezTo>
                    <a:pt x="47" y="206"/>
                    <a:pt x="52" y="224"/>
                    <a:pt x="56" y="236"/>
                  </a:cubicBezTo>
                  <a:cubicBezTo>
                    <a:pt x="57" y="243"/>
                    <a:pt x="59" y="248"/>
                    <a:pt x="60" y="251"/>
                  </a:cubicBezTo>
                  <a:cubicBezTo>
                    <a:pt x="61" y="252"/>
                    <a:pt x="61" y="253"/>
                    <a:pt x="61" y="254"/>
                  </a:cubicBezTo>
                  <a:cubicBezTo>
                    <a:pt x="61" y="255"/>
                    <a:pt x="61" y="255"/>
                    <a:pt x="61" y="255"/>
                  </a:cubicBezTo>
                  <a:cubicBezTo>
                    <a:pt x="61" y="255"/>
                    <a:pt x="61" y="255"/>
                    <a:pt x="61" y="255"/>
                  </a:cubicBezTo>
                  <a:cubicBezTo>
                    <a:pt x="61" y="255"/>
                    <a:pt x="62" y="255"/>
                    <a:pt x="62" y="255"/>
                  </a:cubicBezTo>
                  <a:cubicBezTo>
                    <a:pt x="62" y="256"/>
                    <a:pt x="62" y="256"/>
                    <a:pt x="62" y="256"/>
                  </a:cubicBezTo>
                  <a:cubicBezTo>
                    <a:pt x="62" y="256"/>
                    <a:pt x="62" y="255"/>
                    <a:pt x="62" y="255"/>
                  </a:cubicBezTo>
                  <a:cubicBezTo>
                    <a:pt x="63" y="255"/>
                    <a:pt x="64" y="254"/>
                    <a:pt x="64" y="253"/>
                  </a:cubicBezTo>
                  <a:cubicBezTo>
                    <a:pt x="66" y="250"/>
                    <a:pt x="68" y="247"/>
                    <a:pt x="70" y="243"/>
                  </a:cubicBezTo>
                  <a:cubicBezTo>
                    <a:pt x="74" y="234"/>
                    <a:pt x="79" y="222"/>
                    <a:pt x="84" y="208"/>
                  </a:cubicBezTo>
                  <a:cubicBezTo>
                    <a:pt x="88" y="195"/>
                    <a:pt x="92" y="182"/>
                    <a:pt x="94" y="173"/>
                  </a:cubicBezTo>
                  <a:cubicBezTo>
                    <a:pt x="96" y="167"/>
                    <a:pt x="97" y="163"/>
                    <a:pt x="97" y="160"/>
                  </a:cubicBezTo>
                  <a:cubicBezTo>
                    <a:pt x="97" y="161"/>
                    <a:pt x="98" y="164"/>
                    <a:pt x="99" y="166"/>
                  </a:cubicBezTo>
                  <a:cubicBezTo>
                    <a:pt x="100" y="169"/>
                    <a:pt x="102" y="172"/>
                    <a:pt x="103" y="176"/>
                  </a:cubicBezTo>
                  <a:cubicBezTo>
                    <a:pt x="105" y="180"/>
                    <a:pt x="107" y="184"/>
                    <a:pt x="109" y="189"/>
                  </a:cubicBezTo>
                  <a:cubicBezTo>
                    <a:pt x="114" y="199"/>
                    <a:pt x="120" y="210"/>
                    <a:pt x="126" y="222"/>
                  </a:cubicBezTo>
                  <a:cubicBezTo>
                    <a:pt x="130" y="228"/>
                    <a:pt x="133" y="235"/>
                    <a:pt x="137" y="241"/>
                  </a:cubicBezTo>
                  <a:cubicBezTo>
                    <a:pt x="138" y="243"/>
                    <a:pt x="139" y="244"/>
                    <a:pt x="141" y="244"/>
                  </a:cubicBezTo>
                  <a:cubicBezTo>
                    <a:pt x="142" y="245"/>
                    <a:pt x="143" y="245"/>
                    <a:pt x="145" y="245"/>
                  </a:cubicBezTo>
                  <a:cubicBezTo>
                    <a:pt x="147" y="245"/>
                    <a:pt x="149" y="244"/>
                    <a:pt x="151" y="244"/>
                  </a:cubicBezTo>
                  <a:cubicBezTo>
                    <a:pt x="155" y="242"/>
                    <a:pt x="159" y="240"/>
                    <a:pt x="162" y="238"/>
                  </a:cubicBezTo>
                  <a:cubicBezTo>
                    <a:pt x="166" y="236"/>
                    <a:pt x="169" y="234"/>
                    <a:pt x="172" y="232"/>
                  </a:cubicBezTo>
                  <a:cubicBezTo>
                    <a:pt x="174" y="231"/>
                    <a:pt x="175" y="229"/>
                    <a:pt x="176" y="228"/>
                  </a:cubicBezTo>
                  <a:cubicBezTo>
                    <a:pt x="177" y="227"/>
                    <a:pt x="178" y="227"/>
                    <a:pt x="179" y="225"/>
                  </a:cubicBezTo>
                  <a:cubicBezTo>
                    <a:pt x="179" y="224"/>
                    <a:pt x="179" y="224"/>
                    <a:pt x="179" y="223"/>
                  </a:cubicBezTo>
                  <a:cubicBezTo>
                    <a:pt x="179" y="222"/>
                    <a:pt x="179" y="222"/>
                    <a:pt x="179" y="221"/>
                  </a:cubicBezTo>
                  <a:cubicBezTo>
                    <a:pt x="179" y="221"/>
                    <a:pt x="179" y="221"/>
                    <a:pt x="179" y="220"/>
                  </a:cubicBezTo>
                  <a:cubicBezTo>
                    <a:pt x="175" y="214"/>
                    <a:pt x="171" y="209"/>
                    <a:pt x="168" y="203"/>
                  </a:cubicBezTo>
                  <a:cubicBezTo>
                    <a:pt x="164" y="198"/>
                    <a:pt x="161" y="193"/>
                    <a:pt x="157" y="189"/>
                  </a:cubicBezTo>
                  <a:cubicBezTo>
                    <a:pt x="151" y="179"/>
                    <a:pt x="145" y="171"/>
                    <a:pt x="140" y="164"/>
                  </a:cubicBezTo>
                  <a:cubicBezTo>
                    <a:pt x="132" y="154"/>
                    <a:pt x="126" y="147"/>
                    <a:pt x="123" y="144"/>
                  </a:cubicBezTo>
                  <a:cubicBezTo>
                    <a:pt x="128" y="146"/>
                    <a:pt x="147" y="148"/>
                    <a:pt x="170" y="148"/>
                  </a:cubicBezTo>
                  <a:cubicBezTo>
                    <a:pt x="183" y="148"/>
                    <a:pt x="195" y="147"/>
                    <a:pt x="204" y="146"/>
                  </a:cubicBezTo>
                  <a:cubicBezTo>
                    <a:pt x="208" y="146"/>
                    <a:pt x="212" y="145"/>
                    <a:pt x="214" y="144"/>
                  </a:cubicBezTo>
                  <a:cubicBezTo>
                    <a:pt x="215" y="144"/>
                    <a:pt x="216" y="143"/>
                    <a:pt x="217" y="143"/>
                  </a:cubicBezTo>
                  <a:cubicBezTo>
                    <a:pt x="217" y="143"/>
                    <a:pt x="217" y="143"/>
                    <a:pt x="217" y="142"/>
                  </a:cubicBezTo>
                  <a:cubicBezTo>
                    <a:pt x="218" y="142"/>
                    <a:pt x="218" y="143"/>
                    <a:pt x="218" y="142"/>
                  </a:cubicBezTo>
                  <a:cubicBezTo>
                    <a:pt x="219" y="142"/>
                    <a:pt x="213" y="138"/>
                    <a:pt x="202" y="130"/>
                  </a:cubicBezTo>
                  <a:close/>
                </a:path>
              </a:pathLst>
            </a:custGeom>
            <a:solidFill>
              <a:srgbClr val="FDFDF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1" name="íṥlîdé">
              <a:extLst>
                <a:ext uri="{FF2B5EF4-FFF2-40B4-BE49-F238E27FC236}">
                  <a16:creationId xmlns:a16="http://schemas.microsoft.com/office/drawing/2014/main" xmlns="" id="{46FC62EB-A2A1-4483-938A-AFA65311D0BC}"/>
                </a:ext>
              </a:extLst>
            </p:cNvPr>
            <p:cNvSpPr/>
            <p:nvPr/>
          </p:nvSpPr>
          <p:spPr bwMode="auto">
            <a:xfrm>
              <a:off x="6942862" y="4199663"/>
              <a:ext cx="472710" cy="553016"/>
            </a:xfrm>
            <a:custGeom>
              <a:avLst/>
              <a:gdLst>
                <a:gd name="T0" fmla="*/ 218 w 219"/>
                <a:gd name="T1" fmla="*/ 142 h 256"/>
                <a:gd name="T2" fmla="*/ 201 w 219"/>
                <a:gd name="T3" fmla="*/ 132 h 256"/>
                <a:gd name="T4" fmla="*/ 155 w 219"/>
                <a:gd name="T5" fmla="*/ 102 h 256"/>
                <a:gd name="T6" fmla="*/ 87 w 219"/>
                <a:gd name="T7" fmla="*/ 57 h 256"/>
                <a:gd name="T8" fmla="*/ 47 w 219"/>
                <a:gd name="T9" fmla="*/ 31 h 256"/>
                <a:gd name="T10" fmla="*/ 25 w 219"/>
                <a:gd name="T11" fmla="*/ 18 h 256"/>
                <a:gd name="T12" fmla="*/ 14 w 219"/>
                <a:gd name="T13" fmla="*/ 11 h 256"/>
                <a:gd name="T14" fmla="*/ 8 w 219"/>
                <a:gd name="T15" fmla="*/ 8 h 256"/>
                <a:gd name="T16" fmla="*/ 6 w 219"/>
                <a:gd name="T17" fmla="*/ 7 h 256"/>
                <a:gd name="T18" fmla="*/ 6 w 219"/>
                <a:gd name="T19" fmla="*/ 7 h 256"/>
                <a:gd name="T20" fmla="*/ 6 w 219"/>
                <a:gd name="T21" fmla="*/ 7 h 256"/>
                <a:gd name="T22" fmla="*/ 7 w 219"/>
                <a:gd name="T23" fmla="*/ 8 h 256"/>
                <a:gd name="T24" fmla="*/ 7 w 219"/>
                <a:gd name="T25" fmla="*/ 11 h 256"/>
                <a:gd name="T26" fmla="*/ 8 w 219"/>
                <a:gd name="T27" fmla="*/ 18 h 256"/>
                <a:gd name="T28" fmla="*/ 10 w 219"/>
                <a:gd name="T29" fmla="*/ 30 h 256"/>
                <a:gd name="T30" fmla="*/ 16 w 219"/>
                <a:gd name="T31" fmla="*/ 55 h 256"/>
                <a:gd name="T32" fmla="*/ 26 w 219"/>
                <a:gd name="T33" fmla="*/ 103 h 256"/>
                <a:gd name="T34" fmla="*/ 45 w 219"/>
                <a:gd name="T35" fmla="*/ 182 h 256"/>
                <a:gd name="T36" fmla="*/ 58 w 219"/>
                <a:gd name="T37" fmla="*/ 236 h 256"/>
                <a:gd name="T38" fmla="*/ 62 w 219"/>
                <a:gd name="T39" fmla="*/ 256 h 256"/>
                <a:gd name="T40" fmla="*/ 60 w 219"/>
                <a:gd name="T41" fmla="*/ 251 h 256"/>
                <a:gd name="T42" fmla="*/ 56 w 219"/>
                <a:gd name="T43" fmla="*/ 236 h 256"/>
                <a:gd name="T44" fmla="*/ 41 w 219"/>
                <a:gd name="T45" fmla="*/ 183 h 256"/>
                <a:gd name="T46" fmla="*/ 21 w 219"/>
                <a:gd name="T47" fmla="*/ 104 h 256"/>
                <a:gd name="T48" fmla="*/ 10 w 219"/>
                <a:gd name="T49" fmla="*/ 57 h 256"/>
                <a:gd name="T50" fmla="*/ 5 w 219"/>
                <a:gd name="T51" fmla="*/ 32 h 256"/>
                <a:gd name="T52" fmla="*/ 2 w 219"/>
                <a:gd name="T53" fmla="*/ 19 h 256"/>
                <a:gd name="T54" fmla="*/ 1 w 219"/>
                <a:gd name="T55" fmla="*/ 12 h 256"/>
                <a:gd name="T56" fmla="*/ 1 w 219"/>
                <a:gd name="T57" fmla="*/ 9 h 256"/>
                <a:gd name="T58" fmla="*/ 0 w 219"/>
                <a:gd name="T59" fmla="*/ 8 h 256"/>
                <a:gd name="T60" fmla="*/ 0 w 219"/>
                <a:gd name="T61" fmla="*/ 6 h 256"/>
                <a:gd name="T62" fmla="*/ 1 w 219"/>
                <a:gd name="T63" fmla="*/ 3 h 256"/>
                <a:gd name="T64" fmla="*/ 2 w 219"/>
                <a:gd name="T65" fmla="*/ 1 h 256"/>
                <a:gd name="T66" fmla="*/ 4 w 219"/>
                <a:gd name="T67" fmla="*/ 1 h 256"/>
                <a:gd name="T68" fmla="*/ 6 w 219"/>
                <a:gd name="T69" fmla="*/ 1 h 256"/>
                <a:gd name="T70" fmla="*/ 7 w 219"/>
                <a:gd name="T71" fmla="*/ 1 h 256"/>
                <a:gd name="T72" fmla="*/ 11 w 219"/>
                <a:gd name="T73" fmla="*/ 3 h 256"/>
                <a:gd name="T74" fmla="*/ 17 w 219"/>
                <a:gd name="T75" fmla="*/ 6 h 256"/>
                <a:gd name="T76" fmla="*/ 28 w 219"/>
                <a:gd name="T77" fmla="*/ 13 h 256"/>
                <a:gd name="T78" fmla="*/ 50 w 219"/>
                <a:gd name="T79" fmla="*/ 26 h 256"/>
                <a:gd name="T80" fmla="*/ 90 w 219"/>
                <a:gd name="T81" fmla="*/ 53 h 256"/>
                <a:gd name="T82" fmla="*/ 157 w 219"/>
                <a:gd name="T83" fmla="*/ 99 h 256"/>
                <a:gd name="T84" fmla="*/ 202 w 219"/>
                <a:gd name="T85" fmla="*/ 130 h 256"/>
                <a:gd name="T86" fmla="*/ 218 w 219"/>
                <a:gd name="T87" fmla="*/ 142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219" h="256">
                  <a:moveTo>
                    <a:pt x="218" y="142"/>
                  </a:moveTo>
                  <a:cubicBezTo>
                    <a:pt x="218" y="143"/>
                    <a:pt x="212" y="139"/>
                    <a:pt x="201" y="132"/>
                  </a:cubicBezTo>
                  <a:cubicBezTo>
                    <a:pt x="190" y="125"/>
                    <a:pt x="174" y="115"/>
                    <a:pt x="155" y="102"/>
                  </a:cubicBezTo>
                  <a:cubicBezTo>
                    <a:pt x="136" y="89"/>
                    <a:pt x="113" y="74"/>
                    <a:pt x="87" y="57"/>
                  </a:cubicBezTo>
                  <a:cubicBezTo>
                    <a:pt x="74" y="49"/>
                    <a:pt x="61" y="40"/>
                    <a:pt x="47" y="31"/>
                  </a:cubicBezTo>
                  <a:cubicBezTo>
                    <a:pt x="40" y="27"/>
                    <a:pt x="33" y="22"/>
                    <a:pt x="25" y="18"/>
                  </a:cubicBezTo>
                  <a:cubicBezTo>
                    <a:pt x="22" y="15"/>
                    <a:pt x="18" y="13"/>
                    <a:pt x="14" y="11"/>
                  </a:cubicBezTo>
                  <a:cubicBezTo>
                    <a:pt x="12" y="10"/>
                    <a:pt x="10" y="9"/>
                    <a:pt x="8" y="8"/>
                  </a:cubicBezTo>
                  <a:cubicBezTo>
                    <a:pt x="6" y="7"/>
                    <a:pt x="6" y="7"/>
                    <a:pt x="6" y="7"/>
                  </a:cubicBezTo>
                  <a:cubicBezTo>
                    <a:pt x="6" y="7"/>
                    <a:pt x="6" y="7"/>
                    <a:pt x="6" y="7"/>
                  </a:cubicBezTo>
                  <a:cubicBezTo>
                    <a:pt x="6" y="7"/>
                    <a:pt x="6" y="7"/>
                    <a:pt x="6" y="7"/>
                  </a:cubicBezTo>
                  <a:cubicBezTo>
                    <a:pt x="7" y="8"/>
                    <a:pt x="7" y="8"/>
                    <a:pt x="7" y="8"/>
                  </a:cubicBezTo>
                  <a:cubicBezTo>
                    <a:pt x="7" y="11"/>
                    <a:pt x="7" y="11"/>
                    <a:pt x="7" y="11"/>
                  </a:cubicBezTo>
                  <a:cubicBezTo>
                    <a:pt x="7" y="13"/>
                    <a:pt x="8" y="16"/>
                    <a:pt x="8" y="18"/>
                  </a:cubicBezTo>
                  <a:cubicBezTo>
                    <a:pt x="9" y="22"/>
                    <a:pt x="10" y="26"/>
                    <a:pt x="10" y="30"/>
                  </a:cubicBezTo>
                  <a:cubicBezTo>
                    <a:pt x="12" y="39"/>
                    <a:pt x="14" y="47"/>
                    <a:pt x="16" y="55"/>
                  </a:cubicBezTo>
                  <a:cubicBezTo>
                    <a:pt x="19" y="72"/>
                    <a:pt x="23" y="88"/>
                    <a:pt x="26" y="103"/>
                  </a:cubicBezTo>
                  <a:cubicBezTo>
                    <a:pt x="33" y="133"/>
                    <a:pt x="39" y="160"/>
                    <a:pt x="45" y="182"/>
                  </a:cubicBezTo>
                  <a:cubicBezTo>
                    <a:pt x="50" y="205"/>
                    <a:pt x="55" y="223"/>
                    <a:pt x="58" y="236"/>
                  </a:cubicBezTo>
                  <a:cubicBezTo>
                    <a:pt x="61" y="249"/>
                    <a:pt x="63" y="256"/>
                    <a:pt x="62" y="256"/>
                  </a:cubicBezTo>
                  <a:cubicBezTo>
                    <a:pt x="62" y="256"/>
                    <a:pt x="61" y="254"/>
                    <a:pt x="60" y="251"/>
                  </a:cubicBezTo>
                  <a:cubicBezTo>
                    <a:pt x="59" y="248"/>
                    <a:pt x="57" y="243"/>
                    <a:pt x="56" y="236"/>
                  </a:cubicBezTo>
                  <a:cubicBezTo>
                    <a:pt x="52" y="224"/>
                    <a:pt x="47" y="206"/>
                    <a:pt x="41" y="183"/>
                  </a:cubicBezTo>
                  <a:cubicBezTo>
                    <a:pt x="35" y="161"/>
                    <a:pt x="28" y="134"/>
                    <a:pt x="21" y="104"/>
                  </a:cubicBezTo>
                  <a:cubicBezTo>
                    <a:pt x="17" y="89"/>
                    <a:pt x="13" y="73"/>
                    <a:pt x="10" y="57"/>
                  </a:cubicBezTo>
                  <a:cubicBezTo>
                    <a:pt x="8" y="48"/>
                    <a:pt x="6" y="40"/>
                    <a:pt x="5" y="32"/>
                  </a:cubicBezTo>
                  <a:cubicBezTo>
                    <a:pt x="4" y="27"/>
                    <a:pt x="3" y="23"/>
                    <a:pt x="2" y="19"/>
                  </a:cubicBezTo>
                  <a:cubicBezTo>
                    <a:pt x="2" y="16"/>
                    <a:pt x="1" y="14"/>
                    <a:pt x="1" y="12"/>
                  </a:cubicBezTo>
                  <a:cubicBezTo>
                    <a:pt x="1" y="9"/>
                    <a:pt x="1" y="9"/>
                    <a:pt x="1" y="9"/>
                  </a:cubicBezTo>
                  <a:cubicBezTo>
                    <a:pt x="0" y="8"/>
                    <a:pt x="0" y="8"/>
                    <a:pt x="0" y="8"/>
                  </a:cubicBezTo>
                  <a:cubicBezTo>
                    <a:pt x="0" y="6"/>
                    <a:pt x="0" y="6"/>
                    <a:pt x="0" y="6"/>
                  </a:cubicBezTo>
                  <a:cubicBezTo>
                    <a:pt x="0" y="5"/>
                    <a:pt x="0" y="4"/>
                    <a:pt x="1" y="3"/>
                  </a:cubicBezTo>
                  <a:cubicBezTo>
                    <a:pt x="1" y="2"/>
                    <a:pt x="1" y="2"/>
                    <a:pt x="2" y="1"/>
                  </a:cubicBezTo>
                  <a:cubicBezTo>
                    <a:pt x="3" y="1"/>
                    <a:pt x="3" y="1"/>
                    <a:pt x="4" y="1"/>
                  </a:cubicBezTo>
                  <a:cubicBezTo>
                    <a:pt x="5" y="0"/>
                    <a:pt x="5" y="1"/>
                    <a:pt x="6" y="1"/>
                  </a:cubicBezTo>
                  <a:cubicBezTo>
                    <a:pt x="6" y="1"/>
                    <a:pt x="7" y="1"/>
                    <a:pt x="7" y="1"/>
                  </a:cubicBezTo>
                  <a:cubicBezTo>
                    <a:pt x="9" y="2"/>
                    <a:pt x="10" y="2"/>
                    <a:pt x="11" y="3"/>
                  </a:cubicBezTo>
                  <a:cubicBezTo>
                    <a:pt x="13" y="4"/>
                    <a:pt x="15" y="5"/>
                    <a:pt x="17" y="6"/>
                  </a:cubicBezTo>
                  <a:cubicBezTo>
                    <a:pt x="21" y="8"/>
                    <a:pt x="25" y="10"/>
                    <a:pt x="28" y="13"/>
                  </a:cubicBezTo>
                  <a:cubicBezTo>
                    <a:pt x="36" y="17"/>
                    <a:pt x="43" y="22"/>
                    <a:pt x="50" y="26"/>
                  </a:cubicBezTo>
                  <a:cubicBezTo>
                    <a:pt x="64" y="35"/>
                    <a:pt x="77" y="44"/>
                    <a:pt x="90" y="53"/>
                  </a:cubicBezTo>
                  <a:cubicBezTo>
                    <a:pt x="116" y="70"/>
                    <a:pt x="138" y="86"/>
                    <a:pt x="157" y="99"/>
                  </a:cubicBezTo>
                  <a:cubicBezTo>
                    <a:pt x="176" y="112"/>
                    <a:pt x="192" y="123"/>
                    <a:pt x="202" y="130"/>
                  </a:cubicBezTo>
                  <a:cubicBezTo>
                    <a:pt x="213" y="138"/>
                    <a:pt x="219" y="142"/>
                    <a:pt x="218" y="142"/>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2" name="ïš1ídê">
              <a:extLst>
                <a:ext uri="{FF2B5EF4-FFF2-40B4-BE49-F238E27FC236}">
                  <a16:creationId xmlns:a16="http://schemas.microsoft.com/office/drawing/2014/main" xmlns="" id="{8E468434-FBA4-40BB-B62D-AD878CBB6D4F}"/>
                </a:ext>
              </a:extLst>
            </p:cNvPr>
            <p:cNvSpPr/>
            <p:nvPr/>
          </p:nvSpPr>
          <p:spPr bwMode="auto">
            <a:xfrm>
              <a:off x="7074272" y="4540963"/>
              <a:ext cx="77568" cy="208979"/>
            </a:xfrm>
            <a:custGeom>
              <a:avLst/>
              <a:gdLst>
                <a:gd name="T0" fmla="*/ 0 w 36"/>
                <a:gd name="T1" fmla="*/ 97 h 97"/>
                <a:gd name="T2" fmla="*/ 5 w 36"/>
                <a:gd name="T3" fmla="*/ 83 h 97"/>
                <a:gd name="T4" fmla="*/ 17 w 36"/>
                <a:gd name="T5" fmla="*/ 49 h 97"/>
                <a:gd name="T6" fmla="*/ 29 w 36"/>
                <a:gd name="T7" fmla="*/ 14 h 97"/>
                <a:gd name="T8" fmla="*/ 35 w 36"/>
                <a:gd name="T9" fmla="*/ 0 h 97"/>
                <a:gd name="T10" fmla="*/ 33 w 36"/>
                <a:gd name="T11" fmla="*/ 15 h 97"/>
                <a:gd name="T12" fmla="*/ 23 w 36"/>
                <a:gd name="T13" fmla="*/ 50 h 97"/>
                <a:gd name="T14" fmla="*/ 9 w 36"/>
                <a:gd name="T15" fmla="*/ 85 h 97"/>
                <a:gd name="T16" fmla="*/ 3 w 36"/>
                <a:gd name="T17" fmla="*/ 95 h 97"/>
                <a:gd name="T18" fmla="*/ 1 w 36"/>
                <a:gd name="T19" fmla="*/ 97 h 97"/>
                <a:gd name="T20" fmla="*/ 0 w 36"/>
                <a:gd name="T21" fmla="*/ 97 h 97"/>
                <a:gd name="T22" fmla="*/ 0 w 36"/>
                <a:gd name="T23" fmla="*/ 97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6" h="97">
                  <a:moveTo>
                    <a:pt x="0" y="97"/>
                  </a:moveTo>
                  <a:cubicBezTo>
                    <a:pt x="0" y="97"/>
                    <a:pt x="2" y="92"/>
                    <a:pt x="5" y="83"/>
                  </a:cubicBezTo>
                  <a:cubicBezTo>
                    <a:pt x="8" y="74"/>
                    <a:pt x="12" y="62"/>
                    <a:pt x="17" y="49"/>
                  </a:cubicBezTo>
                  <a:cubicBezTo>
                    <a:pt x="22" y="35"/>
                    <a:pt x="26" y="23"/>
                    <a:pt x="29" y="14"/>
                  </a:cubicBezTo>
                  <a:cubicBezTo>
                    <a:pt x="33" y="5"/>
                    <a:pt x="35" y="0"/>
                    <a:pt x="35" y="0"/>
                  </a:cubicBezTo>
                  <a:cubicBezTo>
                    <a:pt x="36" y="0"/>
                    <a:pt x="36" y="6"/>
                    <a:pt x="33" y="15"/>
                  </a:cubicBezTo>
                  <a:cubicBezTo>
                    <a:pt x="31" y="24"/>
                    <a:pt x="27" y="37"/>
                    <a:pt x="23" y="50"/>
                  </a:cubicBezTo>
                  <a:cubicBezTo>
                    <a:pt x="18" y="64"/>
                    <a:pt x="13" y="76"/>
                    <a:pt x="9" y="85"/>
                  </a:cubicBezTo>
                  <a:cubicBezTo>
                    <a:pt x="7" y="89"/>
                    <a:pt x="5" y="92"/>
                    <a:pt x="3" y="95"/>
                  </a:cubicBezTo>
                  <a:cubicBezTo>
                    <a:pt x="3" y="96"/>
                    <a:pt x="2" y="97"/>
                    <a:pt x="1" y="97"/>
                  </a:cubicBezTo>
                  <a:cubicBezTo>
                    <a:pt x="1" y="97"/>
                    <a:pt x="1" y="97"/>
                    <a:pt x="0" y="97"/>
                  </a:cubicBezTo>
                  <a:cubicBezTo>
                    <a:pt x="0" y="97"/>
                    <a:pt x="0" y="97"/>
                    <a:pt x="0" y="97"/>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3" name="îSḻíḓê">
              <a:extLst>
                <a:ext uri="{FF2B5EF4-FFF2-40B4-BE49-F238E27FC236}">
                  <a16:creationId xmlns:a16="http://schemas.microsoft.com/office/drawing/2014/main" xmlns="" id="{9969E20C-9340-4189-B096-EB721A67A955}"/>
                </a:ext>
              </a:extLst>
            </p:cNvPr>
            <p:cNvSpPr/>
            <p:nvPr/>
          </p:nvSpPr>
          <p:spPr bwMode="auto">
            <a:xfrm>
              <a:off x="7206595" y="4506286"/>
              <a:ext cx="204415" cy="12776"/>
            </a:xfrm>
            <a:custGeom>
              <a:avLst/>
              <a:gdLst>
                <a:gd name="T0" fmla="*/ 95 w 95"/>
                <a:gd name="T1" fmla="*/ 0 h 6"/>
                <a:gd name="T2" fmla="*/ 95 w 95"/>
                <a:gd name="T3" fmla="*/ 0 h 6"/>
                <a:gd name="T4" fmla="*/ 95 w 95"/>
                <a:gd name="T5" fmla="*/ 1 h 6"/>
                <a:gd name="T6" fmla="*/ 92 w 95"/>
                <a:gd name="T7" fmla="*/ 2 h 6"/>
                <a:gd name="T8" fmla="*/ 82 w 95"/>
                <a:gd name="T9" fmla="*/ 4 h 6"/>
                <a:gd name="T10" fmla="*/ 48 w 95"/>
                <a:gd name="T11" fmla="*/ 6 h 6"/>
                <a:gd name="T12" fmla="*/ 0 w 95"/>
                <a:gd name="T13" fmla="*/ 1 h 6"/>
                <a:gd name="T14" fmla="*/ 48 w 95"/>
                <a:gd name="T15" fmla="*/ 0 h 6"/>
                <a:gd name="T16" fmla="*/ 82 w 95"/>
                <a:gd name="T17" fmla="*/ 0 h 6"/>
                <a:gd name="T18" fmla="*/ 95 w 95"/>
                <a:gd name="T19"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95" h="6">
                  <a:moveTo>
                    <a:pt x="95" y="0"/>
                  </a:moveTo>
                  <a:cubicBezTo>
                    <a:pt x="95" y="0"/>
                    <a:pt x="95" y="0"/>
                    <a:pt x="95" y="0"/>
                  </a:cubicBezTo>
                  <a:cubicBezTo>
                    <a:pt x="95" y="0"/>
                    <a:pt x="95" y="1"/>
                    <a:pt x="95" y="1"/>
                  </a:cubicBezTo>
                  <a:cubicBezTo>
                    <a:pt x="94" y="1"/>
                    <a:pt x="93" y="2"/>
                    <a:pt x="92" y="2"/>
                  </a:cubicBezTo>
                  <a:cubicBezTo>
                    <a:pt x="90" y="3"/>
                    <a:pt x="86" y="4"/>
                    <a:pt x="82" y="4"/>
                  </a:cubicBezTo>
                  <a:cubicBezTo>
                    <a:pt x="73" y="5"/>
                    <a:pt x="61" y="6"/>
                    <a:pt x="48" y="6"/>
                  </a:cubicBezTo>
                  <a:cubicBezTo>
                    <a:pt x="21" y="6"/>
                    <a:pt x="0" y="3"/>
                    <a:pt x="0" y="1"/>
                  </a:cubicBezTo>
                  <a:cubicBezTo>
                    <a:pt x="0" y="0"/>
                    <a:pt x="22" y="0"/>
                    <a:pt x="48" y="0"/>
                  </a:cubicBezTo>
                  <a:cubicBezTo>
                    <a:pt x="61" y="0"/>
                    <a:pt x="73" y="0"/>
                    <a:pt x="82" y="0"/>
                  </a:cubicBezTo>
                  <a:cubicBezTo>
                    <a:pt x="90" y="0"/>
                    <a:pt x="95" y="0"/>
                    <a:pt x="95"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4" name="îṧḷîḓé">
              <a:extLst>
                <a:ext uri="{FF2B5EF4-FFF2-40B4-BE49-F238E27FC236}">
                  <a16:creationId xmlns:a16="http://schemas.microsoft.com/office/drawing/2014/main" xmlns="" id="{F757903F-EDAC-46B3-B69F-093897D85EA3}"/>
                </a:ext>
              </a:extLst>
            </p:cNvPr>
            <p:cNvSpPr/>
            <p:nvPr/>
          </p:nvSpPr>
          <p:spPr bwMode="auto">
            <a:xfrm>
              <a:off x="7148190" y="4508111"/>
              <a:ext cx="180689" cy="219929"/>
            </a:xfrm>
            <a:custGeom>
              <a:avLst/>
              <a:gdLst>
                <a:gd name="T0" fmla="*/ 27 w 84"/>
                <a:gd name="T1" fmla="*/ 0 h 102"/>
                <a:gd name="T2" fmla="*/ 45 w 84"/>
                <a:gd name="T3" fmla="*/ 21 h 102"/>
                <a:gd name="T4" fmla="*/ 62 w 84"/>
                <a:gd name="T5" fmla="*/ 45 h 102"/>
                <a:gd name="T6" fmla="*/ 73 w 84"/>
                <a:gd name="T7" fmla="*/ 60 h 102"/>
                <a:gd name="T8" fmla="*/ 78 w 84"/>
                <a:gd name="T9" fmla="*/ 68 h 102"/>
                <a:gd name="T10" fmla="*/ 81 w 84"/>
                <a:gd name="T11" fmla="*/ 73 h 102"/>
                <a:gd name="T12" fmla="*/ 84 w 84"/>
                <a:gd name="T13" fmla="*/ 77 h 102"/>
                <a:gd name="T14" fmla="*/ 84 w 84"/>
                <a:gd name="T15" fmla="*/ 78 h 102"/>
                <a:gd name="T16" fmla="*/ 84 w 84"/>
                <a:gd name="T17" fmla="*/ 80 h 102"/>
                <a:gd name="T18" fmla="*/ 84 w 84"/>
                <a:gd name="T19" fmla="*/ 82 h 102"/>
                <a:gd name="T20" fmla="*/ 81 w 84"/>
                <a:gd name="T21" fmla="*/ 85 h 102"/>
                <a:gd name="T22" fmla="*/ 77 w 84"/>
                <a:gd name="T23" fmla="*/ 89 h 102"/>
                <a:gd name="T24" fmla="*/ 67 w 84"/>
                <a:gd name="T25" fmla="*/ 95 h 102"/>
                <a:gd name="T26" fmla="*/ 56 w 84"/>
                <a:gd name="T27" fmla="*/ 101 h 102"/>
                <a:gd name="T28" fmla="*/ 50 w 84"/>
                <a:gd name="T29" fmla="*/ 102 h 102"/>
                <a:gd name="T30" fmla="*/ 46 w 84"/>
                <a:gd name="T31" fmla="*/ 101 h 102"/>
                <a:gd name="T32" fmla="*/ 42 w 84"/>
                <a:gd name="T33" fmla="*/ 98 h 102"/>
                <a:gd name="T34" fmla="*/ 31 w 84"/>
                <a:gd name="T35" fmla="*/ 79 h 102"/>
                <a:gd name="T36" fmla="*/ 14 w 84"/>
                <a:gd name="T37" fmla="*/ 46 h 102"/>
                <a:gd name="T38" fmla="*/ 1 w 84"/>
                <a:gd name="T39" fmla="*/ 14 h 102"/>
                <a:gd name="T40" fmla="*/ 18 w 84"/>
                <a:gd name="T41" fmla="*/ 44 h 102"/>
                <a:gd name="T42" fmla="*/ 36 w 84"/>
                <a:gd name="T43" fmla="*/ 76 h 102"/>
                <a:gd name="T44" fmla="*/ 47 w 84"/>
                <a:gd name="T45" fmla="*/ 95 h 102"/>
                <a:gd name="T46" fmla="*/ 48 w 84"/>
                <a:gd name="T47" fmla="*/ 96 h 102"/>
                <a:gd name="T48" fmla="*/ 49 w 84"/>
                <a:gd name="T49" fmla="*/ 96 h 102"/>
                <a:gd name="T50" fmla="*/ 54 w 84"/>
                <a:gd name="T51" fmla="*/ 95 h 102"/>
                <a:gd name="T52" fmla="*/ 64 w 84"/>
                <a:gd name="T53" fmla="*/ 90 h 102"/>
                <a:gd name="T54" fmla="*/ 73 w 84"/>
                <a:gd name="T55" fmla="*/ 84 h 102"/>
                <a:gd name="T56" fmla="*/ 77 w 84"/>
                <a:gd name="T57" fmla="*/ 81 h 102"/>
                <a:gd name="T58" fmla="*/ 78 w 84"/>
                <a:gd name="T59" fmla="*/ 80 h 102"/>
                <a:gd name="T60" fmla="*/ 78 w 84"/>
                <a:gd name="T61" fmla="*/ 80 h 102"/>
                <a:gd name="T62" fmla="*/ 78 w 84"/>
                <a:gd name="T63" fmla="*/ 79 h 102"/>
                <a:gd name="T64" fmla="*/ 73 w 84"/>
                <a:gd name="T65" fmla="*/ 71 h 102"/>
                <a:gd name="T66" fmla="*/ 68 w 84"/>
                <a:gd name="T67" fmla="*/ 63 h 102"/>
                <a:gd name="T68" fmla="*/ 58 w 84"/>
                <a:gd name="T69" fmla="*/ 48 h 102"/>
                <a:gd name="T70" fmla="*/ 42 w 84"/>
                <a:gd name="T71" fmla="*/ 24 h 102"/>
                <a:gd name="T72" fmla="*/ 27 w 84"/>
                <a:gd name="T73" fmla="*/ 0 h 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84" h="102">
                  <a:moveTo>
                    <a:pt x="27" y="0"/>
                  </a:moveTo>
                  <a:cubicBezTo>
                    <a:pt x="28" y="0"/>
                    <a:pt x="34" y="8"/>
                    <a:pt x="45" y="21"/>
                  </a:cubicBezTo>
                  <a:cubicBezTo>
                    <a:pt x="50" y="28"/>
                    <a:pt x="56" y="36"/>
                    <a:pt x="62" y="45"/>
                  </a:cubicBezTo>
                  <a:cubicBezTo>
                    <a:pt x="66" y="50"/>
                    <a:pt x="69" y="55"/>
                    <a:pt x="73" y="60"/>
                  </a:cubicBezTo>
                  <a:cubicBezTo>
                    <a:pt x="75" y="63"/>
                    <a:pt x="76" y="66"/>
                    <a:pt x="78" y="68"/>
                  </a:cubicBezTo>
                  <a:cubicBezTo>
                    <a:pt x="79" y="70"/>
                    <a:pt x="80" y="71"/>
                    <a:pt x="81" y="73"/>
                  </a:cubicBezTo>
                  <a:cubicBezTo>
                    <a:pt x="82" y="74"/>
                    <a:pt x="83" y="76"/>
                    <a:pt x="84" y="77"/>
                  </a:cubicBezTo>
                  <a:cubicBezTo>
                    <a:pt x="84" y="78"/>
                    <a:pt x="84" y="78"/>
                    <a:pt x="84" y="78"/>
                  </a:cubicBezTo>
                  <a:cubicBezTo>
                    <a:pt x="84" y="79"/>
                    <a:pt x="84" y="79"/>
                    <a:pt x="84" y="80"/>
                  </a:cubicBezTo>
                  <a:cubicBezTo>
                    <a:pt x="84" y="81"/>
                    <a:pt x="84" y="81"/>
                    <a:pt x="84" y="82"/>
                  </a:cubicBezTo>
                  <a:cubicBezTo>
                    <a:pt x="83" y="84"/>
                    <a:pt x="82" y="84"/>
                    <a:pt x="81" y="85"/>
                  </a:cubicBezTo>
                  <a:cubicBezTo>
                    <a:pt x="80" y="86"/>
                    <a:pt x="79" y="88"/>
                    <a:pt x="77" y="89"/>
                  </a:cubicBezTo>
                  <a:cubicBezTo>
                    <a:pt x="74" y="91"/>
                    <a:pt x="71" y="93"/>
                    <a:pt x="67" y="95"/>
                  </a:cubicBezTo>
                  <a:cubicBezTo>
                    <a:pt x="64" y="97"/>
                    <a:pt x="60" y="99"/>
                    <a:pt x="56" y="101"/>
                  </a:cubicBezTo>
                  <a:cubicBezTo>
                    <a:pt x="54" y="101"/>
                    <a:pt x="52" y="102"/>
                    <a:pt x="50" y="102"/>
                  </a:cubicBezTo>
                  <a:cubicBezTo>
                    <a:pt x="48" y="102"/>
                    <a:pt x="47" y="102"/>
                    <a:pt x="46" y="101"/>
                  </a:cubicBezTo>
                  <a:cubicBezTo>
                    <a:pt x="44" y="101"/>
                    <a:pt x="43" y="100"/>
                    <a:pt x="42" y="98"/>
                  </a:cubicBezTo>
                  <a:cubicBezTo>
                    <a:pt x="38" y="92"/>
                    <a:pt x="35" y="85"/>
                    <a:pt x="31" y="79"/>
                  </a:cubicBezTo>
                  <a:cubicBezTo>
                    <a:pt x="25" y="67"/>
                    <a:pt x="19" y="56"/>
                    <a:pt x="14" y="46"/>
                  </a:cubicBezTo>
                  <a:cubicBezTo>
                    <a:pt x="5" y="27"/>
                    <a:pt x="0" y="15"/>
                    <a:pt x="1" y="14"/>
                  </a:cubicBezTo>
                  <a:cubicBezTo>
                    <a:pt x="2" y="14"/>
                    <a:pt x="8" y="26"/>
                    <a:pt x="18" y="44"/>
                  </a:cubicBezTo>
                  <a:cubicBezTo>
                    <a:pt x="23" y="53"/>
                    <a:pt x="29" y="64"/>
                    <a:pt x="36" y="76"/>
                  </a:cubicBezTo>
                  <a:cubicBezTo>
                    <a:pt x="40" y="82"/>
                    <a:pt x="43" y="89"/>
                    <a:pt x="47" y="95"/>
                  </a:cubicBezTo>
                  <a:cubicBezTo>
                    <a:pt x="47" y="96"/>
                    <a:pt x="47" y="96"/>
                    <a:pt x="48" y="96"/>
                  </a:cubicBezTo>
                  <a:cubicBezTo>
                    <a:pt x="48" y="96"/>
                    <a:pt x="49" y="96"/>
                    <a:pt x="49" y="96"/>
                  </a:cubicBezTo>
                  <a:cubicBezTo>
                    <a:pt x="51" y="96"/>
                    <a:pt x="53" y="95"/>
                    <a:pt x="54" y="95"/>
                  </a:cubicBezTo>
                  <a:cubicBezTo>
                    <a:pt x="58" y="94"/>
                    <a:pt x="61" y="92"/>
                    <a:pt x="64" y="90"/>
                  </a:cubicBezTo>
                  <a:cubicBezTo>
                    <a:pt x="68" y="88"/>
                    <a:pt x="71" y="86"/>
                    <a:pt x="73" y="84"/>
                  </a:cubicBezTo>
                  <a:cubicBezTo>
                    <a:pt x="75" y="83"/>
                    <a:pt x="76" y="82"/>
                    <a:pt x="77" y="81"/>
                  </a:cubicBezTo>
                  <a:cubicBezTo>
                    <a:pt x="78" y="80"/>
                    <a:pt x="78" y="80"/>
                    <a:pt x="78" y="80"/>
                  </a:cubicBezTo>
                  <a:cubicBezTo>
                    <a:pt x="78" y="80"/>
                    <a:pt x="78" y="80"/>
                    <a:pt x="78" y="80"/>
                  </a:cubicBezTo>
                  <a:cubicBezTo>
                    <a:pt x="78" y="80"/>
                    <a:pt x="78" y="79"/>
                    <a:pt x="78" y="79"/>
                  </a:cubicBezTo>
                  <a:cubicBezTo>
                    <a:pt x="77" y="77"/>
                    <a:pt x="75" y="74"/>
                    <a:pt x="73" y="71"/>
                  </a:cubicBezTo>
                  <a:cubicBezTo>
                    <a:pt x="72" y="69"/>
                    <a:pt x="70" y="66"/>
                    <a:pt x="68" y="63"/>
                  </a:cubicBezTo>
                  <a:cubicBezTo>
                    <a:pt x="65" y="58"/>
                    <a:pt x="61" y="53"/>
                    <a:pt x="58" y="48"/>
                  </a:cubicBezTo>
                  <a:cubicBezTo>
                    <a:pt x="52" y="39"/>
                    <a:pt x="46" y="31"/>
                    <a:pt x="42" y="24"/>
                  </a:cubicBezTo>
                  <a:cubicBezTo>
                    <a:pt x="32" y="9"/>
                    <a:pt x="27" y="1"/>
                    <a:pt x="27"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5" name="iṩḷide">
              <a:extLst>
                <a:ext uri="{FF2B5EF4-FFF2-40B4-BE49-F238E27FC236}">
                  <a16:creationId xmlns:a16="http://schemas.microsoft.com/office/drawing/2014/main" xmlns="" id="{60B95146-87FE-48C5-B0FD-DFF43E8EBE35}"/>
                </a:ext>
              </a:extLst>
            </p:cNvPr>
            <p:cNvSpPr/>
            <p:nvPr/>
          </p:nvSpPr>
          <p:spPr bwMode="auto">
            <a:xfrm>
              <a:off x="4335658" y="2289660"/>
              <a:ext cx="611420" cy="1106032"/>
            </a:xfrm>
            <a:custGeom>
              <a:avLst/>
              <a:gdLst>
                <a:gd name="T0" fmla="*/ 144 w 283"/>
                <a:gd name="T1" fmla="*/ 512 h 512"/>
                <a:gd name="T2" fmla="*/ 144 w 283"/>
                <a:gd name="T3" fmla="*/ 505 h 512"/>
                <a:gd name="T4" fmla="*/ 144 w 283"/>
                <a:gd name="T5" fmla="*/ 501 h 512"/>
                <a:gd name="T6" fmla="*/ 143 w 283"/>
                <a:gd name="T7" fmla="*/ 496 h 512"/>
                <a:gd name="T8" fmla="*/ 142 w 283"/>
                <a:gd name="T9" fmla="*/ 484 h 512"/>
                <a:gd name="T10" fmla="*/ 124 w 283"/>
                <a:gd name="T11" fmla="*/ 458 h 512"/>
                <a:gd name="T12" fmla="*/ 89 w 283"/>
                <a:gd name="T13" fmla="*/ 432 h 512"/>
                <a:gd name="T14" fmla="*/ 48 w 283"/>
                <a:gd name="T15" fmla="*/ 396 h 512"/>
                <a:gd name="T16" fmla="*/ 30 w 283"/>
                <a:gd name="T17" fmla="*/ 372 h 512"/>
                <a:gd name="T18" fmla="*/ 16 w 283"/>
                <a:gd name="T19" fmla="*/ 343 h 512"/>
                <a:gd name="T20" fmla="*/ 1 w 283"/>
                <a:gd name="T21" fmla="*/ 275 h 512"/>
                <a:gd name="T22" fmla="*/ 13 w 283"/>
                <a:gd name="T23" fmla="*/ 202 h 512"/>
                <a:gd name="T24" fmla="*/ 54 w 283"/>
                <a:gd name="T25" fmla="*/ 140 h 512"/>
                <a:gd name="T26" fmla="*/ 60 w 283"/>
                <a:gd name="T27" fmla="*/ 134 h 512"/>
                <a:gd name="T28" fmla="*/ 64 w 283"/>
                <a:gd name="T29" fmla="*/ 131 h 512"/>
                <a:gd name="T30" fmla="*/ 67 w 283"/>
                <a:gd name="T31" fmla="*/ 128 h 512"/>
                <a:gd name="T32" fmla="*/ 75 w 283"/>
                <a:gd name="T33" fmla="*/ 123 h 512"/>
                <a:gd name="T34" fmla="*/ 82 w 283"/>
                <a:gd name="T35" fmla="*/ 119 h 512"/>
                <a:gd name="T36" fmla="*/ 114 w 283"/>
                <a:gd name="T37" fmla="*/ 106 h 512"/>
                <a:gd name="T38" fmla="*/ 174 w 283"/>
                <a:gd name="T39" fmla="*/ 94 h 512"/>
                <a:gd name="T40" fmla="*/ 226 w 283"/>
                <a:gd name="T41" fmla="*/ 81 h 512"/>
                <a:gd name="T42" fmla="*/ 246 w 283"/>
                <a:gd name="T43" fmla="*/ 70 h 512"/>
                <a:gd name="T44" fmla="*/ 260 w 283"/>
                <a:gd name="T45" fmla="*/ 56 h 512"/>
                <a:gd name="T46" fmla="*/ 275 w 283"/>
                <a:gd name="T47" fmla="*/ 28 h 512"/>
                <a:gd name="T48" fmla="*/ 277 w 283"/>
                <a:gd name="T49" fmla="*/ 22 h 512"/>
                <a:gd name="T50" fmla="*/ 279 w 283"/>
                <a:gd name="T51" fmla="*/ 16 h 512"/>
                <a:gd name="T52" fmla="*/ 281 w 283"/>
                <a:gd name="T53" fmla="*/ 7 h 512"/>
                <a:gd name="T54" fmla="*/ 283 w 283"/>
                <a:gd name="T55" fmla="*/ 0 h 512"/>
                <a:gd name="T56" fmla="*/ 282 w 283"/>
                <a:gd name="T57" fmla="*/ 8 h 512"/>
                <a:gd name="T58" fmla="*/ 281 w 283"/>
                <a:gd name="T59" fmla="*/ 17 h 512"/>
                <a:gd name="T60" fmla="*/ 280 w 283"/>
                <a:gd name="T61" fmla="*/ 22 h 512"/>
                <a:gd name="T62" fmla="*/ 278 w 283"/>
                <a:gd name="T63" fmla="*/ 29 h 512"/>
                <a:gd name="T64" fmla="*/ 264 w 283"/>
                <a:gd name="T65" fmla="*/ 59 h 512"/>
                <a:gd name="T66" fmla="*/ 249 w 283"/>
                <a:gd name="T67" fmla="*/ 75 h 512"/>
                <a:gd name="T68" fmla="*/ 228 w 283"/>
                <a:gd name="T69" fmla="*/ 87 h 512"/>
                <a:gd name="T70" fmla="*/ 176 w 283"/>
                <a:gd name="T71" fmla="*/ 101 h 512"/>
                <a:gd name="T72" fmla="*/ 116 w 283"/>
                <a:gd name="T73" fmla="*/ 113 h 512"/>
                <a:gd name="T74" fmla="*/ 59 w 283"/>
                <a:gd name="T75" fmla="*/ 146 h 512"/>
                <a:gd name="T76" fmla="*/ 21 w 283"/>
                <a:gd name="T77" fmla="*/ 205 h 512"/>
                <a:gd name="T78" fmla="*/ 9 w 283"/>
                <a:gd name="T79" fmla="*/ 275 h 512"/>
                <a:gd name="T80" fmla="*/ 23 w 283"/>
                <a:gd name="T81" fmla="*/ 340 h 512"/>
                <a:gd name="T82" fmla="*/ 37 w 283"/>
                <a:gd name="T83" fmla="*/ 368 h 512"/>
                <a:gd name="T84" fmla="*/ 53 w 283"/>
                <a:gd name="T85" fmla="*/ 392 h 512"/>
                <a:gd name="T86" fmla="*/ 92 w 283"/>
                <a:gd name="T87" fmla="*/ 427 h 512"/>
                <a:gd name="T88" fmla="*/ 128 w 283"/>
                <a:gd name="T89" fmla="*/ 454 h 512"/>
                <a:gd name="T90" fmla="*/ 145 w 283"/>
                <a:gd name="T91" fmla="*/ 484 h 512"/>
                <a:gd name="T92" fmla="*/ 146 w 283"/>
                <a:gd name="T93" fmla="*/ 496 h 512"/>
                <a:gd name="T94" fmla="*/ 146 w 283"/>
                <a:gd name="T95" fmla="*/ 501 h 512"/>
                <a:gd name="T96" fmla="*/ 145 w 283"/>
                <a:gd name="T97" fmla="*/ 505 h 512"/>
                <a:gd name="T98" fmla="*/ 144 w 283"/>
                <a:gd name="T99" fmla="*/ 512 h 5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83" h="512">
                  <a:moveTo>
                    <a:pt x="144" y="512"/>
                  </a:moveTo>
                  <a:cubicBezTo>
                    <a:pt x="144" y="512"/>
                    <a:pt x="144" y="510"/>
                    <a:pt x="144" y="505"/>
                  </a:cubicBezTo>
                  <a:cubicBezTo>
                    <a:pt x="144" y="504"/>
                    <a:pt x="144" y="502"/>
                    <a:pt x="144" y="501"/>
                  </a:cubicBezTo>
                  <a:cubicBezTo>
                    <a:pt x="144" y="499"/>
                    <a:pt x="144" y="498"/>
                    <a:pt x="143" y="496"/>
                  </a:cubicBezTo>
                  <a:cubicBezTo>
                    <a:pt x="143" y="493"/>
                    <a:pt x="142" y="489"/>
                    <a:pt x="142" y="484"/>
                  </a:cubicBezTo>
                  <a:cubicBezTo>
                    <a:pt x="139" y="476"/>
                    <a:pt x="134" y="466"/>
                    <a:pt x="124" y="458"/>
                  </a:cubicBezTo>
                  <a:cubicBezTo>
                    <a:pt x="115" y="449"/>
                    <a:pt x="102" y="441"/>
                    <a:pt x="89" y="432"/>
                  </a:cubicBezTo>
                  <a:cubicBezTo>
                    <a:pt x="75" y="423"/>
                    <a:pt x="61" y="411"/>
                    <a:pt x="48" y="396"/>
                  </a:cubicBezTo>
                  <a:cubicBezTo>
                    <a:pt x="42" y="389"/>
                    <a:pt x="36" y="381"/>
                    <a:pt x="30" y="372"/>
                  </a:cubicBezTo>
                  <a:cubicBezTo>
                    <a:pt x="25" y="363"/>
                    <a:pt x="20" y="353"/>
                    <a:pt x="16" y="343"/>
                  </a:cubicBezTo>
                  <a:cubicBezTo>
                    <a:pt x="7" y="322"/>
                    <a:pt x="2" y="299"/>
                    <a:pt x="1" y="275"/>
                  </a:cubicBezTo>
                  <a:cubicBezTo>
                    <a:pt x="0" y="251"/>
                    <a:pt x="4" y="226"/>
                    <a:pt x="13" y="202"/>
                  </a:cubicBezTo>
                  <a:cubicBezTo>
                    <a:pt x="22" y="178"/>
                    <a:pt x="36" y="157"/>
                    <a:pt x="54" y="140"/>
                  </a:cubicBezTo>
                  <a:cubicBezTo>
                    <a:pt x="56" y="138"/>
                    <a:pt x="58" y="136"/>
                    <a:pt x="60" y="134"/>
                  </a:cubicBezTo>
                  <a:cubicBezTo>
                    <a:pt x="64" y="131"/>
                    <a:pt x="64" y="131"/>
                    <a:pt x="64" y="131"/>
                  </a:cubicBezTo>
                  <a:cubicBezTo>
                    <a:pt x="65" y="130"/>
                    <a:pt x="66" y="129"/>
                    <a:pt x="67" y="128"/>
                  </a:cubicBezTo>
                  <a:cubicBezTo>
                    <a:pt x="70" y="126"/>
                    <a:pt x="72" y="125"/>
                    <a:pt x="75" y="123"/>
                  </a:cubicBezTo>
                  <a:cubicBezTo>
                    <a:pt x="77" y="122"/>
                    <a:pt x="80" y="120"/>
                    <a:pt x="82" y="119"/>
                  </a:cubicBezTo>
                  <a:cubicBezTo>
                    <a:pt x="92" y="113"/>
                    <a:pt x="103" y="109"/>
                    <a:pt x="114" y="106"/>
                  </a:cubicBezTo>
                  <a:cubicBezTo>
                    <a:pt x="135" y="100"/>
                    <a:pt x="156" y="97"/>
                    <a:pt x="174" y="94"/>
                  </a:cubicBezTo>
                  <a:cubicBezTo>
                    <a:pt x="193" y="91"/>
                    <a:pt x="211" y="87"/>
                    <a:pt x="226" y="81"/>
                  </a:cubicBezTo>
                  <a:cubicBezTo>
                    <a:pt x="233" y="78"/>
                    <a:pt x="240" y="75"/>
                    <a:pt x="246" y="70"/>
                  </a:cubicBezTo>
                  <a:cubicBezTo>
                    <a:pt x="251" y="66"/>
                    <a:pt x="256" y="61"/>
                    <a:pt x="260" y="56"/>
                  </a:cubicBezTo>
                  <a:cubicBezTo>
                    <a:pt x="268" y="47"/>
                    <a:pt x="272" y="36"/>
                    <a:pt x="275" y="28"/>
                  </a:cubicBezTo>
                  <a:cubicBezTo>
                    <a:pt x="276" y="26"/>
                    <a:pt x="277" y="24"/>
                    <a:pt x="277" y="22"/>
                  </a:cubicBezTo>
                  <a:cubicBezTo>
                    <a:pt x="278" y="20"/>
                    <a:pt x="278" y="18"/>
                    <a:pt x="279" y="16"/>
                  </a:cubicBezTo>
                  <a:cubicBezTo>
                    <a:pt x="280" y="13"/>
                    <a:pt x="280" y="10"/>
                    <a:pt x="281" y="7"/>
                  </a:cubicBezTo>
                  <a:cubicBezTo>
                    <a:pt x="282" y="3"/>
                    <a:pt x="282" y="0"/>
                    <a:pt x="283" y="0"/>
                  </a:cubicBezTo>
                  <a:cubicBezTo>
                    <a:pt x="283" y="0"/>
                    <a:pt x="283" y="3"/>
                    <a:pt x="282" y="8"/>
                  </a:cubicBezTo>
                  <a:cubicBezTo>
                    <a:pt x="282" y="10"/>
                    <a:pt x="282" y="13"/>
                    <a:pt x="281" y="17"/>
                  </a:cubicBezTo>
                  <a:cubicBezTo>
                    <a:pt x="281" y="18"/>
                    <a:pt x="280" y="20"/>
                    <a:pt x="280" y="22"/>
                  </a:cubicBezTo>
                  <a:cubicBezTo>
                    <a:pt x="280" y="24"/>
                    <a:pt x="279" y="26"/>
                    <a:pt x="278" y="29"/>
                  </a:cubicBezTo>
                  <a:cubicBezTo>
                    <a:pt x="276" y="38"/>
                    <a:pt x="272" y="48"/>
                    <a:pt x="264" y="59"/>
                  </a:cubicBezTo>
                  <a:cubicBezTo>
                    <a:pt x="260" y="65"/>
                    <a:pt x="255" y="70"/>
                    <a:pt x="249" y="75"/>
                  </a:cubicBezTo>
                  <a:cubicBezTo>
                    <a:pt x="243" y="79"/>
                    <a:pt x="236" y="83"/>
                    <a:pt x="228" y="87"/>
                  </a:cubicBezTo>
                  <a:cubicBezTo>
                    <a:pt x="213" y="94"/>
                    <a:pt x="195" y="97"/>
                    <a:pt x="176" y="101"/>
                  </a:cubicBezTo>
                  <a:cubicBezTo>
                    <a:pt x="157" y="104"/>
                    <a:pt x="136" y="107"/>
                    <a:pt x="116" y="113"/>
                  </a:cubicBezTo>
                  <a:cubicBezTo>
                    <a:pt x="96" y="120"/>
                    <a:pt x="75" y="129"/>
                    <a:pt x="59" y="146"/>
                  </a:cubicBezTo>
                  <a:cubicBezTo>
                    <a:pt x="43" y="162"/>
                    <a:pt x="30" y="182"/>
                    <a:pt x="21" y="205"/>
                  </a:cubicBezTo>
                  <a:cubicBezTo>
                    <a:pt x="12" y="228"/>
                    <a:pt x="9" y="252"/>
                    <a:pt x="9" y="275"/>
                  </a:cubicBezTo>
                  <a:cubicBezTo>
                    <a:pt x="10" y="298"/>
                    <a:pt x="15" y="320"/>
                    <a:pt x="23" y="340"/>
                  </a:cubicBezTo>
                  <a:cubicBezTo>
                    <a:pt x="27" y="350"/>
                    <a:pt x="32" y="359"/>
                    <a:pt x="37" y="368"/>
                  </a:cubicBezTo>
                  <a:cubicBezTo>
                    <a:pt x="42" y="376"/>
                    <a:pt x="47" y="384"/>
                    <a:pt x="53" y="392"/>
                  </a:cubicBezTo>
                  <a:cubicBezTo>
                    <a:pt x="65" y="406"/>
                    <a:pt x="79" y="418"/>
                    <a:pt x="92" y="427"/>
                  </a:cubicBezTo>
                  <a:cubicBezTo>
                    <a:pt x="105" y="437"/>
                    <a:pt x="118" y="445"/>
                    <a:pt x="128" y="454"/>
                  </a:cubicBezTo>
                  <a:cubicBezTo>
                    <a:pt x="138" y="463"/>
                    <a:pt x="143" y="474"/>
                    <a:pt x="145" y="484"/>
                  </a:cubicBezTo>
                  <a:cubicBezTo>
                    <a:pt x="145" y="488"/>
                    <a:pt x="146" y="492"/>
                    <a:pt x="146" y="496"/>
                  </a:cubicBezTo>
                  <a:cubicBezTo>
                    <a:pt x="146" y="498"/>
                    <a:pt x="146" y="499"/>
                    <a:pt x="146" y="501"/>
                  </a:cubicBezTo>
                  <a:cubicBezTo>
                    <a:pt x="146" y="502"/>
                    <a:pt x="146" y="504"/>
                    <a:pt x="145" y="505"/>
                  </a:cubicBezTo>
                  <a:cubicBezTo>
                    <a:pt x="145" y="510"/>
                    <a:pt x="144" y="512"/>
                    <a:pt x="144" y="512"/>
                  </a:cubicBezTo>
                  <a:close/>
                </a:path>
              </a:pathLst>
            </a:custGeom>
            <a:solidFill>
              <a:srgbClr val="262424"/>
            </a:solidFill>
            <a:ln w="9525">
              <a:solidFill>
                <a:srgbClr val="000000"/>
              </a:solidFill>
              <a:round/>
              <a:headEnd/>
              <a:tailEnd/>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6" name="ï$ḷiḍè">
              <a:extLst>
                <a:ext uri="{FF2B5EF4-FFF2-40B4-BE49-F238E27FC236}">
                  <a16:creationId xmlns:a16="http://schemas.microsoft.com/office/drawing/2014/main" xmlns="" id="{4844DF75-4DD2-4703-B3F8-F98D9BDF0AE7}"/>
                </a:ext>
              </a:extLst>
            </p:cNvPr>
            <p:cNvSpPr/>
            <p:nvPr/>
          </p:nvSpPr>
          <p:spPr bwMode="auto">
            <a:xfrm>
              <a:off x="4279991" y="2860014"/>
              <a:ext cx="297497" cy="518339"/>
            </a:xfrm>
            <a:custGeom>
              <a:avLst/>
              <a:gdLst>
                <a:gd name="T0" fmla="*/ 138 w 138"/>
                <a:gd name="T1" fmla="*/ 240 h 240"/>
                <a:gd name="T2" fmla="*/ 136 w 138"/>
                <a:gd name="T3" fmla="*/ 238 h 240"/>
                <a:gd name="T4" fmla="*/ 135 w 138"/>
                <a:gd name="T5" fmla="*/ 234 h 240"/>
                <a:gd name="T6" fmla="*/ 133 w 138"/>
                <a:gd name="T7" fmla="*/ 230 h 240"/>
                <a:gd name="T8" fmla="*/ 114 w 138"/>
                <a:gd name="T9" fmla="*/ 207 h 240"/>
                <a:gd name="T10" fmla="*/ 79 w 138"/>
                <a:gd name="T11" fmla="*/ 178 h 240"/>
                <a:gd name="T12" fmla="*/ 58 w 138"/>
                <a:gd name="T13" fmla="*/ 161 h 240"/>
                <a:gd name="T14" fmla="*/ 39 w 138"/>
                <a:gd name="T15" fmla="*/ 138 h 240"/>
                <a:gd name="T16" fmla="*/ 1 w 138"/>
                <a:gd name="T17" fmla="*/ 43 h 240"/>
                <a:gd name="T18" fmla="*/ 0 w 138"/>
                <a:gd name="T19" fmla="*/ 33 h 240"/>
                <a:gd name="T20" fmla="*/ 0 w 138"/>
                <a:gd name="T21" fmla="*/ 25 h 240"/>
                <a:gd name="T22" fmla="*/ 2 w 138"/>
                <a:gd name="T23" fmla="*/ 11 h 240"/>
                <a:gd name="T24" fmla="*/ 5 w 138"/>
                <a:gd name="T25" fmla="*/ 0 h 240"/>
                <a:gd name="T26" fmla="*/ 5 w 138"/>
                <a:gd name="T27" fmla="*/ 12 h 240"/>
                <a:gd name="T28" fmla="*/ 5 w 138"/>
                <a:gd name="T29" fmla="*/ 25 h 240"/>
                <a:gd name="T30" fmla="*/ 6 w 138"/>
                <a:gd name="T31" fmla="*/ 33 h 240"/>
                <a:gd name="T32" fmla="*/ 7 w 138"/>
                <a:gd name="T33" fmla="*/ 42 h 240"/>
                <a:gd name="T34" fmla="*/ 46 w 138"/>
                <a:gd name="T35" fmla="*/ 133 h 240"/>
                <a:gd name="T36" fmla="*/ 64 w 138"/>
                <a:gd name="T37" fmla="*/ 155 h 240"/>
                <a:gd name="T38" fmla="*/ 84 w 138"/>
                <a:gd name="T39" fmla="*/ 172 h 240"/>
                <a:gd name="T40" fmla="*/ 119 w 138"/>
                <a:gd name="T41" fmla="*/ 203 h 240"/>
                <a:gd name="T42" fmla="*/ 136 w 138"/>
                <a:gd name="T43" fmla="*/ 229 h 240"/>
                <a:gd name="T44" fmla="*/ 138 w 138"/>
                <a:gd name="T45" fmla="*/ 234 h 240"/>
                <a:gd name="T46" fmla="*/ 138 w 138"/>
                <a:gd name="T47" fmla="*/ 237 h 240"/>
                <a:gd name="T48" fmla="*/ 138 w 138"/>
                <a:gd name="T49" fmla="*/ 240 h 2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38" h="240">
                  <a:moveTo>
                    <a:pt x="138" y="240"/>
                  </a:moveTo>
                  <a:cubicBezTo>
                    <a:pt x="138" y="240"/>
                    <a:pt x="137" y="239"/>
                    <a:pt x="136" y="238"/>
                  </a:cubicBezTo>
                  <a:cubicBezTo>
                    <a:pt x="136" y="237"/>
                    <a:pt x="136" y="236"/>
                    <a:pt x="135" y="234"/>
                  </a:cubicBezTo>
                  <a:cubicBezTo>
                    <a:pt x="135" y="233"/>
                    <a:pt x="134" y="232"/>
                    <a:pt x="133" y="230"/>
                  </a:cubicBezTo>
                  <a:cubicBezTo>
                    <a:pt x="130" y="224"/>
                    <a:pt x="124" y="216"/>
                    <a:pt x="114" y="207"/>
                  </a:cubicBezTo>
                  <a:cubicBezTo>
                    <a:pt x="105" y="198"/>
                    <a:pt x="93" y="188"/>
                    <a:pt x="79" y="178"/>
                  </a:cubicBezTo>
                  <a:cubicBezTo>
                    <a:pt x="73" y="173"/>
                    <a:pt x="65" y="167"/>
                    <a:pt x="58" y="161"/>
                  </a:cubicBezTo>
                  <a:cubicBezTo>
                    <a:pt x="51" y="154"/>
                    <a:pt x="45" y="146"/>
                    <a:pt x="39" y="138"/>
                  </a:cubicBezTo>
                  <a:cubicBezTo>
                    <a:pt x="15" y="105"/>
                    <a:pt x="3" y="69"/>
                    <a:pt x="1" y="43"/>
                  </a:cubicBezTo>
                  <a:cubicBezTo>
                    <a:pt x="1" y="39"/>
                    <a:pt x="0" y="36"/>
                    <a:pt x="0" y="33"/>
                  </a:cubicBezTo>
                  <a:cubicBezTo>
                    <a:pt x="0" y="30"/>
                    <a:pt x="0" y="27"/>
                    <a:pt x="0" y="25"/>
                  </a:cubicBezTo>
                  <a:cubicBezTo>
                    <a:pt x="1" y="20"/>
                    <a:pt x="1" y="15"/>
                    <a:pt x="2" y="11"/>
                  </a:cubicBezTo>
                  <a:cubicBezTo>
                    <a:pt x="3" y="4"/>
                    <a:pt x="4" y="0"/>
                    <a:pt x="5" y="0"/>
                  </a:cubicBezTo>
                  <a:cubicBezTo>
                    <a:pt x="5" y="0"/>
                    <a:pt x="5" y="5"/>
                    <a:pt x="5" y="12"/>
                  </a:cubicBezTo>
                  <a:cubicBezTo>
                    <a:pt x="5" y="15"/>
                    <a:pt x="5" y="20"/>
                    <a:pt x="5" y="25"/>
                  </a:cubicBezTo>
                  <a:cubicBezTo>
                    <a:pt x="5" y="27"/>
                    <a:pt x="6" y="30"/>
                    <a:pt x="6" y="33"/>
                  </a:cubicBezTo>
                  <a:cubicBezTo>
                    <a:pt x="6" y="36"/>
                    <a:pt x="7" y="39"/>
                    <a:pt x="7" y="42"/>
                  </a:cubicBezTo>
                  <a:cubicBezTo>
                    <a:pt x="11" y="67"/>
                    <a:pt x="23" y="102"/>
                    <a:pt x="46" y="133"/>
                  </a:cubicBezTo>
                  <a:cubicBezTo>
                    <a:pt x="51" y="141"/>
                    <a:pt x="57" y="148"/>
                    <a:pt x="64" y="155"/>
                  </a:cubicBezTo>
                  <a:cubicBezTo>
                    <a:pt x="70" y="161"/>
                    <a:pt x="78" y="166"/>
                    <a:pt x="84" y="172"/>
                  </a:cubicBezTo>
                  <a:cubicBezTo>
                    <a:pt x="98" y="183"/>
                    <a:pt x="110" y="193"/>
                    <a:pt x="119" y="203"/>
                  </a:cubicBezTo>
                  <a:cubicBezTo>
                    <a:pt x="128" y="212"/>
                    <a:pt x="133" y="222"/>
                    <a:pt x="136" y="229"/>
                  </a:cubicBezTo>
                  <a:cubicBezTo>
                    <a:pt x="137" y="231"/>
                    <a:pt x="137" y="232"/>
                    <a:pt x="138" y="234"/>
                  </a:cubicBezTo>
                  <a:cubicBezTo>
                    <a:pt x="138" y="235"/>
                    <a:pt x="138" y="236"/>
                    <a:pt x="138" y="237"/>
                  </a:cubicBezTo>
                  <a:cubicBezTo>
                    <a:pt x="138" y="239"/>
                    <a:pt x="138" y="240"/>
                    <a:pt x="138" y="24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7" name="îśḷîḋê">
              <a:extLst>
                <a:ext uri="{FF2B5EF4-FFF2-40B4-BE49-F238E27FC236}">
                  <a16:creationId xmlns:a16="http://schemas.microsoft.com/office/drawing/2014/main" xmlns="" id="{F89094D9-A654-43EB-983C-A8CFD05F6D99}"/>
                </a:ext>
              </a:extLst>
            </p:cNvPr>
            <p:cNvSpPr/>
            <p:nvPr/>
          </p:nvSpPr>
          <p:spPr bwMode="auto">
            <a:xfrm>
              <a:off x="5476367" y="1859840"/>
              <a:ext cx="1825135" cy="1237441"/>
            </a:xfrm>
            <a:custGeom>
              <a:avLst/>
              <a:gdLst>
                <a:gd name="T0" fmla="*/ 818 w 845"/>
                <a:gd name="T1" fmla="*/ 570 h 573"/>
                <a:gd name="T2" fmla="*/ 835 w 845"/>
                <a:gd name="T3" fmla="*/ 531 h 573"/>
                <a:gd name="T4" fmla="*/ 832 w 845"/>
                <a:gd name="T5" fmla="*/ 443 h 573"/>
                <a:gd name="T6" fmla="*/ 771 w 845"/>
                <a:gd name="T7" fmla="*/ 336 h 573"/>
                <a:gd name="T8" fmla="*/ 728 w 845"/>
                <a:gd name="T9" fmla="*/ 304 h 573"/>
                <a:gd name="T10" fmla="*/ 710 w 845"/>
                <a:gd name="T11" fmla="*/ 297 h 573"/>
                <a:gd name="T12" fmla="*/ 672 w 845"/>
                <a:gd name="T13" fmla="*/ 284 h 573"/>
                <a:gd name="T14" fmla="*/ 659 w 845"/>
                <a:gd name="T15" fmla="*/ 279 h 573"/>
                <a:gd name="T16" fmla="*/ 634 w 845"/>
                <a:gd name="T17" fmla="*/ 268 h 573"/>
                <a:gd name="T18" fmla="*/ 504 w 845"/>
                <a:gd name="T19" fmla="*/ 147 h 573"/>
                <a:gd name="T20" fmla="*/ 431 w 845"/>
                <a:gd name="T21" fmla="*/ 52 h 573"/>
                <a:gd name="T22" fmla="*/ 333 w 845"/>
                <a:gd name="T23" fmla="*/ 9 h 573"/>
                <a:gd name="T24" fmla="*/ 235 w 845"/>
                <a:gd name="T25" fmla="*/ 21 h 573"/>
                <a:gd name="T26" fmla="*/ 98 w 845"/>
                <a:gd name="T27" fmla="*/ 104 h 573"/>
                <a:gd name="T28" fmla="*/ 63 w 845"/>
                <a:gd name="T29" fmla="*/ 116 h 573"/>
                <a:gd name="T30" fmla="*/ 50 w 845"/>
                <a:gd name="T31" fmla="*/ 117 h 573"/>
                <a:gd name="T32" fmla="*/ 11 w 845"/>
                <a:gd name="T33" fmla="*/ 107 h 573"/>
                <a:gd name="T34" fmla="*/ 11 w 845"/>
                <a:gd name="T35" fmla="*/ 105 h 573"/>
                <a:gd name="T36" fmla="*/ 50 w 845"/>
                <a:gd name="T37" fmla="*/ 113 h 573"/>
                <a:gd name="T38" fmla="*/ 62 w 845"/>
                <a:gd name="T39" fmla="*/ 112 h 573"/>
                <a:gd name="T40" fmla="*/ 96 w 845"/>
                <a:gd name="T41" fmla="*/ 100 h 573"/>
                <a:gd name="T42" fmla="*/ 233 w 845"/>
                <a:gd name="T43" fmla="*/ 14 h 573"/>
                <a:gd name="T44" fmla="*/ 334 w 845"/>
                <a:gd name="T45" fmla="*/ 1 h 573"/>
                <a:gd name="T46" fmla="*/ 437 w 845"/>
                <a:gd name="T47" fmla="*/ 46 h 573"/>
                <a:gd name="T48" fmla="*/ 511 w 845"/>
                <a:gd name="T49" fmla="*/ 142 h 573"/>
                <a:gd name="T50" fmla="*/ 637 w 845"/>
                <a:gd name="T51" fmla="*/ 261 h 573"/>
                <a:gd name="T52" fmla="*/ 662 w 845"/>
                <a:gd name="T53" fmla="*/ 272 h 573"/>
                <a:gd name="T54" fmla="*/ 675 w 845"/>
                <a:gd name="T55" fmla="*/ 277 h 573"/>
                <a:gd name="T56" fmla="*/ 712 w 845"/>
                <a:gd name="T57" fmla="*/ 290 h 573"/>
                <a:gd name="T58" fmla="*/ 731 w 845"/>
                <a:gd name="T59" fmla="*/ 297 h 573"/>
                <a:gd name="T60" fmla="*/ 776 w 845"/>
                <a:gd name="T61" fmla="*/ 331 h 573"/>
                <a:gd name="T62" fmla="*/ 837 w 845"/>
                <a:gd name="T63" fmla="*/ 442 h 573"/>
                <a:gd name="T64" fmla="*/ 839 w 845"/>
                <a:gd name="T65" fmla="*/ 532 h 573"/>
                <a:gd name="T66" fmla="*/ 818 w 845"/>
                <a:gd name="T67" fmla="*/ 570 h 5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845" h="573">
                  <a:moveTo>
                    <a:pt x="816" y="573"/>
                  </a:moveTo>
                  <a:cubicBezTo>
                    <a:pt x="816" y="573"/>
                    <a:pt x="816" y="572"/>
                    <a:pt x="818" y="570"/>
                  </a:cubicBezTo>
                  <a:cubicBezTo>
                    <a:pt x="819" y="568"/>
                    <a:pt x="821" y="566"/>
                    <a:pt x="822" y="562"/>
                  </a:cubicBezTo>
                  <a:cubicBezTo>
                    <a:pt x="827" y="556"/>
                    <a:pt x="832" y="545"/>
                    <a:pt x="835" y="531"/>
                  </a:cubicBezTo>
                  <a:cubicBezTo>
                    <a:pt x="839" y="516"/>
                    <a:pt x="841" y="498"/>
                    <a:pt x="838" y="477"/>
                  </a:cubicBezTo>
                  <a:cubicBezTo>
                    <a:pt x="837" y="466"/>
                    <a:pt x="835" y="455"/>
                    <a:pt x="832" y="443"/>
                  </a:cubicBezTo>
                  <a:cubicBezTo>
                    <a:pt x="829" y="432"/>
                    <a:pt x="825" y="420"/>
                    <a:pt x="820" y="407"/>
                  </a:cubicBezTo>
                  <a:cubicBezTo>
                    <a:pt x="809" y="383"/>
                    <a:pt x="793" y="358"/>
                    <a:pt x="771" y="336"/>
                  </a:cubicBezTo>
                  <a:cubicBezTo>
                    <a:pt x="760" y="325"/>
                    <a:pt x="748" y="314"/>
                    <a:pt x="733" y="307"/>
                  </a:cubicBezTo>
                  <a:cubicBezTo>
                    <a:pt x="728" y="304"/>
                    <a:pt x="728" y="304"/>
                    <a:pt x="728" y="304"/>
                  </a:cubicBezTo>
                  <a:cubicBezTo>
                    <a:pt x="726" y="303"/>
                    <a:pt x="724" y="302"/>
                    <a:pt x="722" y="301"/>
                  </a:cubicBezTo>
                  <a:cubicBezTo>
                    <a:pt x="718" y="300"/>
                    <a:pt x="714" y="298"/>
                    <a:pt x="710" y="297"/>
                  </a:cubicBezTo>
                  <a:cubicBezTo>
                    <a:pt x="702" y="294"/>
                    <a:pt x="693" y="292"/>
                    <a:pt x="685" y="289"/>
                  </a:cubicBezTo>
                  <a:cubicBezTo>
                    <a:pt x="681" y="287"/>
                    <a:pt x="676" y="286"/>
                    <a:pt x="672" y="284"/>
                  </a:cubicBezTo>
                  <a:cubicBezTo>
                    <a:pt x="666" y="282"/>
                    <a:pt x="666" y="282"/>
                    <a:pt x="666" y="282"/>
                  </a:cubicBezTo>
                  <a:cubicBezTo>
                    <a:pt x="659" y="279"/>
                    <a:pt x="659" y="279"/>
                    <a:pt x="659" y="279"/>
                  </a:cubicBezTo>
                  <a:cubicBezTo>
                    <a:pt x="655" y="277"/>
                    <a:pt x="651" y="276"/>
                    <a:pt x="646" y="274"/>
                  </a:cubicBezTo>
                  <a:cubicBezTo>
                    <a:pt x="642" y="272"/>
                    <a:pt x="638" y="270"/>
                    <a:pt x="634" y="268"/>
                  </a:cubicBezTo>
                  <a:cubicBezTo>
                    <a:pt x="617" y="259"/>
                    <a:pt x="600" y="249"/>
                    <a:pt x="584" y="237"/>
                  </a:cubicBezTo>
                  <a:cubicBezTo>
                    <a:pt x="553" y="213"/>
                    <a:pt x="528" y="180"/>
                    <a:pt x="504" y="147"/>
                  </a:cubicBezTo>
                  <a:cubicBezTo>
                    <a:pt x="492" y="130"/>
                    <a:pt x="481" y="112"/>
                    <a:pt x="470" y="96"/>
                  </a:cubicBezTo>
                  <a:cubicBezTo>
                    <a:pt x="458" y="80"/>
                    <a:pt x="445" y="65"/>
                    <a:pt x="431" y="52"/>
                  </a:cubicBezTo>
                  <a:cubicBezTo>
                    <a:pt x="417" y="39"/>
                    <a:pt x="402" y="29"/>
                    <a:pt x="385" y="21"/>
                  </a:cubicBezTo>
                  <a:cubicBezTo>
                    <a:pt x="368" y="14"/>
                    <a:pt x="351" y="10"/>
                    <a:pt x="333" y="9"/>
                  </a:cubicBezTo>
                  <a:cubicBezTo>
                    <a:pt x="316" y="8"/>
                    <a:pt x="299" y="8"/>
                    <a:pt x="282" y="10"/>
                  </a:cubicBezTo>
                  <a:cubicBezTo>
                    <a:pt x="266" y="12"/>
                    <a:pt x="250" y="16"/>
                    <a:pt x="235" y="21"/>
                  </a:cubicBezTo>
                  <a:cubicBezTo>
                    <a:pt x="205" y="31"/>
                    <a:pt x="180" y="47"/>
                    <a:pt x="159" y="63"/>
                  </a:cubicBezTo>
                  <a:cubicBezTo>
                    <a:pt x="137" y="78"/>
                    <a:pt x="118" y="94"/>
                    <a:pt x="98" y="104"/>
                  </a:cubicBezTo>
                  <a:cubicBezTo>
                    <a:pt x="89" y="109"/>
                    <a:pt x="79" y="113"/>
                    <a:pt x="70" y="115"/>
                  </a:cubicBezTo>
                  <a:cubicBezTo>
                    <a:pt x="68" y="116"/>
                    <a:pt x="65" y="116"/>
                    <a:pt x="63" y="116"/>
                  </a:cubicBezTo>
                  <a:cubicBezTo>
                    <a:pt x="61" y="116"/>
                    <a:pt x="59" y="117"/>
                    <a:pt x="56" y="117"/>
                  </a:cubicBezTo>
                  <a:cubicBezTo>
                    <a:pt x="54" y="117"/>
                    <a:pt x="52" y="117"/>
                    <a:pt x="50" y="117"/>
                  </a:cubicBezTo>
                  <a:cubicBezTo>
                    <a:pt x="48" y="117"/>
                    <a:pt x="46" y="116"/>
                    <a:pt x="44" y="116"/>
                  </a:cubicBezTo>
                  <a:cubicBezTo>
                    <a:pt x="29" y="115"/>
                    <a:pt x="18" y="110"/>
                    <a:pt x="11" y="107"/>
                  </a:cubicBezTo>
                  <a:cubicBezTo>
                    <a:pt x="3" y="103"/>
                    <a:pt x="0" y="101"/>
                    <a:pt x="0" y="101"/>
                  </a:cubicBezTo>
                  <a:cubicBezTo>
                    <a:pt x="0" y="100"/>
                    <a:pt x="4" y="102"/>
                    <a:pt x="11" y="105"/>
                  </a:cubicBezTo>
                  <a:cubicBezTo>
                    <a:pt x="19" y="108"/>
                    <a:pt x="30" y="112"/>
                    <a:pt x="45" y="113"/>
                  </a:cubicBezTo>
                  <a:cubicBezTo>
                    <a:pt x="46" y="113"/>
                    <a:pt x="48" y="113"/>
                    <a:pt x="50" y="113"/>
                  </a:cubicBezTo>
                  <a:cubicBezTo>
                    <a:pt x="52" y="113"/>
                    <a:pt x="54" y="113"/>
                    <a:pt x="56" y="113"/>
                  </a:cubicBezTo>
                  <a:cubicBezTo>
                    <a:pt x="58" y="113"/>
                    <a:pt x="60" y="113"/>
                    <a:pt x="62" y="112"/>
                  </a:cubicBezTo>
                  <a:cubicBezTo>
                    <a:pt x="65" y="112"/>
                    <a:pt x="67" y="112"/>
                    <a:pt x="69" y="111"/>
                  </a:cubicBezTo>
                  <a:cubicBezTo>
                    <a:pt x="78" y="109"/>
                    <a:pt x="87" y="105"/>
                    <a:pt x="96" y="100"/>
                  </a:cubicBezTo>
                  <a:cubicBezTo>
                    <a:pt x="115" y="90"/>
                    <a:pt x="133" y="74"/>
                    <a:pt x="155" y="58"/>
                  </a:cubicBezTo>
                  <a:cubicBezTo>
                    <a:pt x="177" y="42"/>
                    <a:pt x="202" y="25"/>
                    <a:pt x="233" y="14"/>
                  </a:cubicBezTo>
                  <a:cubicBezTo>
                    <a:pt x="248" y="9"/>
                    <a:pt x="264" y="5"/>
                    <a:pt x="281" y="3"/>
                  </a:cubicBezTo>
                  <a:cubicBezTo>
                    <a:pt x="298" y="0"/>
                    <a:pt x="316" y="0"/>
                    <a:pt x="334" y="1"/>
                  </a:cubicBezTo>
                  <a:cubicBezTo>
                    <a:pt x="352" y="2"/>
                    <a:pt x="371" y="6"/>
                    <a:pt x="388" y="14"/>
                  </a:cubicBezTo>
                  <a:cubicBezTo>
                    <a:pt x="406" y="22"/>
                    <a:pt x="422" y="33"/>
                    <a:pt x="437" y="46"/>
                  </a:cubicBezTo>
                  <a:cubicBezTo>
                    <a:pt x="451" y="60"/>
                    <a:pt x="464" y="75"/>
                    <a:pt x="476" y="91"/>
                  </a:cubicBezTo>
                  <a:cubicBezTo>
                    <a:pt x="488" y="108"/>
                    <a:pt x="499" y="125"/>
                    <a:pt x="511" y="142"/>
                  </a:cubicBezTo>
                  <a:cubicBezTo>
                    <a:pt x="534" y="175"/>
                    <a:pt x="559" y="207"/>
                    <a:pt x="590" y="231"/>
                  </a:cubicBezTo>
                  <a:cubicBezTo>
                    <a:pt x="605" y="242"/>
                    <a:pt x="621" y="252"/>
                    <a:pt x="637" y="261"/>
                  </a:cubicBezTo>
                  <a:cubicBezTo>
                    <a:pt x="641" y="263"/>
                    <a:pt x="646" y="265"/>
                    <a:pt x="650" y="267"/>
                  </a:cubicBezTo>
                  <a:cubicBezTo>
                    <a:pt x="654" y="268"/>
                    <a:pt x="658" y="270"/>
                    <a:pt x="662" y="272"/>
                  </a:cubicBezTo>
                  <a:cubicBezTo>
                    <a:pt x="668" y="274"/>
                    <a:pt x="668" y="274"/>
                    <a:pt x="668" y="274"/>
                  </a:cubicBezTo>
                  <a:cubicBezTo>
                    <a:pt x="675" y="277"/>
                    <a:pt x="675" y="277"/>
                    <a:pt x="675" y="277"/>
                  </a:cubicBezTo>
                  <a:cubicBezTo>
                    <a:pt x="679" y="278"/>
                    <a:pt x="683" y="280"/>
                    <a:pt x="687" y="281"/>
                  </a:cubicBezTo>
                  <a:cubicBezTo>
                    <a:pt x="696" y="284"/>
                    <a:pt x="704" y="287"/>
                    <a:pt x="712" y="290"/>
                  </a:cubicBezTo>
                  <a:cubicBezTo>
                    <a:pt x="717" y="291"/>
                    <a:pt x="721" y="292"/>
                    <a:pt x="725" y="294"/>
                  </a:cubicBezTo>
                  <a:cubicBezTo>
                    <a:pt x="727" y="295"/>
                    <a:pt x="729" y="296"/>
                    <a:pt x="731" y="297"/>
                  </a:cubicBezTo>
                  <a:cubicBezTo>
                    <a:pt x="733" y="298"/>
                    <a:pt x="735" y="299"/>
                    <a:pt x="737" y="300"/>
                  </a:cubicBezTo>
                  <a:cubicBezTo>
                    <a:pt x="752" y="308"/>
                    <a:pt x="765" y="319"/>
                    <a:pt x="776" y="331"/>
                  </a:cubicBezTo>
                  <a:cubicBezTo>
                    <a:pt x="799" y="354"/>
                    <a:pt x="815" y="380"/>
                    <a:pt x="825" y="405"/>
                  </a:cubicBezTo>
                  <a:cubicBezTo>
                    <a:pt x="831" y="418"/>
                    <a:pt x="834" y="430"/>
                    <a:pt x="837" y="442"/>
                  </a:cubicBezTo>
                  <a:cubicBezTo>
                    <a:pt x="840" y="454"/>
                    <a:pt x="842" y="465"/>
                    <a:pt x="843" y="476"/>
                  </a:cubicBezTo>
                  <a:cubicBezTo>
                    <a:pt x="845" y="498"/>
                    <a:pt x="843" y="517"/>
                    <a:pt x="839" y="532"/>
                  </a:cubicBezTo>
                  <a:cubicBezTo>
                    <a:pt x="834" y="546"/>
                    <a:pt x="829" y="557"/>
                    <a:pt x="824" y="563"/>
                  </a:cubicBezTo>
                  <a:cubicBezTo>
                    <a:pt x="822" y="567"/>
                    <a:pt x="819" y="569"/>
                    <a:pt x="818" y="570"/>
                  </a:cubicBezTo>
                  <a:cubicBezTo>
                    <a:pt x="817" y="572"/>
                    <a:pt x="816" y="573"/>
                    <a:pt x="816" y="573"/>
                  </a:cubicBezTo>
                  <a:close/>
                </a:path>
              </a:pathLst>
            </a:custGeom>
            <a:solidFill>
              <a:srgbClr val="262424"/>
            </a:solidFill>
            <a:ln w="9525">
              <a:solidFill>
                <a:srgbClr val="000000"/>
              </a:solidFill>
              <a:round/>
              <a:headEnd/>
              <a:tailEnd/>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8" name="íṣľïdé">
              <a:extLst>
                <a:ext uri="{FF2B5EF4-FFF2-40B4-BE49-F238E27FC236}">
                  <a16:creationId xmlns:a16="http://schemas.microsoft.com/office/drawing/2014/main" xmlns="" id="{89CFA602-D63E-486A-B3D1-1782A5567870}"/>
                </a:ext>
              </a:extLst>
            </p:cNvPr>
            <p:cNvSpPr/>
            <p:nvPr/>
          </p:nvSpPr>
          <p:spPr bwMode="auto">
            <a:xfrm>
              <a:off x="6661791" y="2155512"/>
              <a:ext cx="313011" cy="205328"/>
            </a:xfrm>
            <a:custGeom>
              <a:avLst/>
              <a:gdLst>
                <a:gd name="T0" fmla="*/ 144 w 145"/>
                <a:gd name="T1" fmla="*/ 94 h 95"/>
                <a:gd name="T2" fmla="*/ 118 w 145"/>
                <a:gd name="T3" fmla="*/ 91 h 95"/>
                <a:gd name="T4" fmla="*/ 58 w 145"/>
                <a:gd name="T5" fmla="*/ 69 h 95"/>
                <a:gd name="T6" fmla="*/ 30 w 145"/>
                <a:gd name="T7" fmla="*/ 47 h 95"/>
                <a:gd name="T8" fmla="*/ 19 w 145"/>
                <a:gd name="T9" fmla="*/ 36 h 95"/>
                <a:gd name="T10" fmla="*/ 11 w 145"/>
                <a:gd name="T11" fmla="*/ 25 h 95"/>
                <a:gd name="T12" fmla="*/ 6 w 145"/>
                <a:gd name="T13" fmla="*/ 16 h 95"/>
                <a:gd name="T14" fmla="*/ 2 w 145"/>
                <a:gd name="T15" fmla="*/ 8 h 95"/>
                <a:gd name="T16" fmla="*/ 0 w 145"/>
                <a:gd name="T17" fmla="*/ 1 h 95"/>
                <a:gd name="T18" fmla="*/ 16 w 145"/>
                <a:gd name="T19" fmla="*/ 22 h 95"/>
                <a:gd name="T20" fmla="*/ 25 w 145"/>
                <a:gd name="T21" fmla="*/ 31 h 95"/>
                <a:gd name="T22" fmla="*/ 35 w 145"/>
                <a:gd name="T23" fmla="*/ 41 h 95"/>
                <a:gd name="T24" fmla="*/ 63 w 145"/>
                <a:gd name="T25" fmla="*/ 61 h 95"/>
                <a:gd name="T26" fmla="*/ 120 w 145"/>
                <a:gd name="T27" fmla="*/ 86 h 95"/>
                <a:gd name="T28" fmla="*/ 144 w 145"/>
                <a:gd name="T29" fmla="*/ 9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45" h="95">
                  <a:moveTo>
                    <a:pt x="144" y="94"/>
                  </a:moveTo>
                  <a:cubicBezTo>
                    <a:pt x="144" y="95"/>
                    <a:pt x="134" y="95"/>
                    <a:pt x="118" y="91"/>
                  </a:cubicBezTo>
                  <a:cubicBezTo>
                    <a:pt x="102" y="88"/>
                    <a:pt x="80" y="81"/>
                    <a:pt x="58" y="69"/>
                  </a:cubicBezTo>
                  <a:cubicBezTo>
                    <a:pt x="48" y="62"/>
                    <a:pt x="38" y="55"/>
                    <a:pt x="30" y="47"/>
                  </a:cubicBezTo>
                  <a:cubicBezTo>
                    <a:pt x="26" y="43"/>
                    <a:pt x="23" y="40"/>
                    <a:pt x="19" y="36"/>
                  </a:cubicBezTo>
                  <a:cubicBezTo>
                    <a:pt x="16" y="32"/>
                    <a:pt x="14" y="29"/>
                    <a:pt x="11" y="25"/>
                  </a:cubicBezTo>
                  <a:cubicBezTo>
                    <a:pt x="9" y="22"/>
                    <a:pt x="7" y="18"/>
                    <a:pt x="6" y="16"/>
                  </a:cubicBezTo>
                  <a:cubicBezTo>
                    <a:pt x="4" y="13"/>
                    <a:pt x="3" y="10"/>
                    <a:pt x="2" y="8"/>
                  </a:cubicBezTo>
                  <a:cubicBezTo>
                    <a:pt x="0" y="4"/>
                    <a:pt x="0" y="1"/>
                    <a:pt x="0" y="1"/>
                  </a:cubicBezTo>
                  <a:cubicBezTo>
                    <a:pt x="2" y="0"/>
                    <a:pt x="6" y="9"/>
                    <a:pt x="16" y="22"/>
                  </a:cubicBezTo>
                  <a:cubicBezTo>
                    <a:pt x="19" y="25"/>
                    <a:pt x="21" y="28"/>
                    <a:pt x="25" y="31"/>
                  </a:cubicBezTo>
                  <a:cubicBezTo>
                    <a:pt x="28" y="35"/>
                    <a:pt x="32" y="38"/>
                    <a:pt x="35" y="41"/>
                  </a:cubicBezTo>
                  <a:cubicBezTo>
                    <a:pt x="43" y="48"/>
                    <a:pt x="52" y="55"/>
                    <a:pt x="63" y="61"/>
                  </a:cubicBezTo>
                  <a:cubicBezTo>
                    <a:pt x="84" y="73"/>
                    <a:pt x="104" y="81"/>
                    <a:pt x="120" y="86"/>
                  </a:cubicBezTo>
                  <a:cubicBezTo>
                    <a:pt x="135" y="91"/>
                    <a:pt x="145" y="93"/>
                    <a:pt x="144" y="9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19" name="iṩliḓê">
              <a:extLst>
                <a:ext uri="{FF2B5EF4-FFF2-40B4-BE49-F238E27FC236}">
                  <a16:creationId xmlns:a16="http://schemas.microsoft.com/office/drawing/2014/main" xmlns="" id="{0B406A6D-5330-4EC2-A9EF-AD95B3ACFBD2}"/>
                </a:ext>
              </a:extLst>
            </p:cNvPr>
            <p:cNvSpPr/>
            <p:nvPr/>
          </p:nvSpPr>
          <p:spPr bwMode="auto">
            <a:xfrm>
              <a:off x="5521995" y="2006764"/>
              <a:ext cx="178863" cy="69355"/>
            </a:xfrm>
            <a:custGeom>
              <a:avLst/>
              <a:gdLst>
                <a:gd name="T0" fmla="*/ 83 w 83"/>
                <a:gd name="T1" fmla="*/ 1 h 32"/>
                <a:gd name="T2" fmla="*/ 82 w 83"/>
                <a:gd name="T3" fmla="*/ 5 h 32"/>
                <a:gd name="T4" fmla="*/ 77 w 83"/>
                <a:gd name="T5" fmla="*/ 13 h 32"/>
                <a:gd name="T6" fmla="*/ 71 w 83"/>
                <a:gd name="T7" fmla="*/ 18 h 32"/>
                <a:gd name="T8" fmla="*/ 68 w 83"/>
                <a:gd name="T9" fmla="*/ 21 h 32"/>
                <a:gd name="T10" fmla="*/ 64 w 83"/>
                <a:gd name="T11" fmla="*/ 23 h 32"/>
                <a:gd name="T12" fmla="*/ 47 w 83"/>
                <a:gd name="T13" fmla="*/ 29 h 32"/>
                <a:gd name="T14" fmla="*/ 13 w 83"/>
                <a:gd name="T15" fmla="*/ 28 h 32"/>
                <a:gd name="T16" fmla="*/ 0 w 83"/>
                <a:gd name="T17" fmla="*/ 22 h 32"/>
                <a:gd name="T18" fmla="*/ 14 w 83"/>
                <a:gd name="T19" fmla="*/ 22 h 32"/>
                <a:gd name="T20" fmla="*/ 45 w 83"/>
                <a:gd name="T21" fmla="*/ 21 h 32"/>
                <a:gd name="T22" fmla="*/ 61 w 83"/>
                <a:gd name="T23" fmla="*/ 16 h 32"/>
                <a:gd name="T24" fmla="*/ 64 w 83"/>
                <a:gd name="T25" fmla="*/ 14 h 32"/>
                <a:gd name="T26" fmla="*/ 67 w 83"/>
                <a:gd name="T27" fmla="*/ 13 h 32"/>
                <a:gd name="T28" fmla="*/ 72 w 83"/>
                <a:gd name="T29" fmla="*/ 9 h 32"/>
                <a:gd name="T30" fmla="*/ 83 w 83"/>
                <a:gd name="T31" fmla="*/ 1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83" h="32">
                  <a:moveTo>
                    <a:pt x="83" y="1"/>
                  </a:moveTo>
                  <a:cubicBezTo>
                    <a:pt x="83" y="1"/>
                    <a:pt x="83" y="2"/>
                    <a:pt x="82" y="5"/>
                  </a:cubicBezTo>
                  <a:cubicBezTo>
                    <a:pt x="81" y="7"/>
                    <a:pt x="79" y="10"/>
                    <a:pt x="77" y="13"/>
                  </a:cubicBezTo>
                  <a:cubicBezTo>
                    <a:pt x="75" y="15"/>
                    <a:pt x="73" y="17"/>
                    <a:pt x="71" y="18"/>
                  </a:cubicBezTo>
                  <a:cubicBezTo>
                    <a:pt x="70" y="19"/>
                    <a:pt x="69" y="20"/>
                    <a:pt x="68" y="21"/>
                  </a:cubicBezTo>
                  <a:cubicBezTo>
                    <a:pt x="67" y="21"/>
                    <a:pt x="66" y="22"/>
                    <a:pt x="64" y="23"/>
                  </a:cubicBezTo>
                  <a:cubicBezTo>
                    <a:pt x="59" y="26"/>
                    <a:pt x="53" y="28"/>
                    <a:pt x="47" y="29"/>
                  </a:cubicBezTo>
                  <a:cubicBezTo>
                    <a:pt x="33" y="32"/>
                    <a:pt x="21" y="30"/>
                    <a:pt x="13" y="28"/>
                  </a:cubicBezTo>
                  <a:cubicBezTo>
                    <a:pt x="5" y="26"/>
                    <a:pt x="0" y="23"/>
                    <a:pt x="0" y="22"/>
                  </a:cubicBezTo>
                  <a:cubicBezTo>
                    <a:pt x="1" y="21"/>
                    <a:pt x="6" y="21"/>
                    <a:pt x="14" y="22"/>
                  </a:cubicBezTo>
                  <a:cubicBezTo>
                    <a:pt x="22" y="23"/>
                    <a:pt x="33" y="23"/>
                    <a:pt x="45" y="21"/>
                  </a:cubicBezTo>
                  <a:cubicBezTo>
                    <a:pt x="51" y="20"/>
                    <a:pt x="56" y="18"/>
                    <a:pt x="61" y="16"/>
                  </a:cubicBezTo>
                  <a:cubicBezTo>
                    <a:pt x="62" y="16"/>
                    <a:pt x="63" y="15"/>
                    <a:pt x="64" y="14"/>
                  </a:cubicBezTo>
                  <a:cubicBezTo>
                    <a:pt x="65" y="14"/>
                    <a:pt x="66" y="13"/>
                    <a:pt x="67" y="13"/>
                  </a:cubicBezTo>
                  <a:cubicBezTo>
                    <a:pt x="69" y="11"/>
                    <a:pt x="71" y="10"/>
                    <a:pt x="72" y="9"/>
                  </a:cubicBezTo>
                  <a:cubicBezTo>
                    <a:pt x="79" y="4"/>
                    <a:pt x="82" y="0"/>
                    <a:pt x="83"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0" name="iṧḻîḍé">
              <a:extLst>
                <a:ext uri="{FF2B5EF4-FFF2-40B4-BE49-F238E27FC236}">
                  <a16:creationId xmlns:a16="http://schemas.microsoft.com/office/drawing/2014/main" xmlns="" id="{6DCD8748-2435-4F23-9E9C-CB6BEA7EB359}"/>
                </a:ext>
              </a:extLst>
            </p:cNvPr>
            <p:cNvSpPr/>
            <p:nvPr/>
          </p:nvSpPr>
          <p:spPr bwMode="auto">
            <a:xfrm>
              <a:off x="5251875" y="3240555"/>
              <a:ext cx="1928254" cy="617809"/>
            </a:xfrm>
            <a:custGeom>
              <a:avLst/>
              <a:gdLst>
                <a:gd name="T0" fmla="*/ 888 w 893"/>
                <a:gd name="T1" fmla="*/ 0 h 286"/>
                <a:gd name="T2" fmla="*/ 885 w 893"/>
                <a:gd name="T3" fmla="*/ 11 h 286"/>
                <a:gd name="T4" fmla="*/ 884 w 893"/>
                <a:gd name="T5" fmla="*/ 43 h 286"/>
                <a:gd name="T6" fmla="*/ 891 w 893"/>
                <a:gd name="T7" fmla="*/ 95 h 286"/>
                <a:gd name="T8" fmla="*/ 886 w 893"/>
                <a:gd name="T9" fmla="*/ 164 h 286"/>
                <a:gd name="T10" fmla="*/ 869 w 893"/>
                <a:gd name="T11" fmla="*/ 201 h 286"/>
                <a:gd name="T12" fmla="*/ 840 w 893"/>
                <a:gd name="T13" fmla="*/ 234 h 286"/>
                <a:gd name="T14" fmla="*/ 822 w 893"/>
                <a:gd name="T15" fmla="*/ 248 h 286"/>
                <a:gd name="T16" fmla="*/ 812 w 893"/>
                <a:gd name="T17" fmla="*/ 255 h 286"/>
                <a:gd name="T18" fmla="*/ 802 w 893"/>
                <a:gd name="T19" fmla="*/ 261 h 286"/>
                <a:gd name="T20" fmla="*/ 755 w 893"/>
                <a:gd name="T21" fmla="*/ 279 h 286"/>
                <a:gd name="T22" fmla="*/ 649 w 893"/>
                <a:gd name="T23" fmla="*/ 269 h 286"/>
                <a:gd name="T24" fmla="*/ 598 w 893"/>
                <a:gd name="T25" fmla="*/ 245 h 286"/>
                <a:gd name="T26" fmla="*/ 586 w 893"/>
                <a:gd name="T27" fmla="*/ 239 h 286"/>
                <a:gd name="T28" fmla="*/ 573 w 893"/>
                <a:gd name="T29" fmla="*/ 232 h 286"/>
                <a:gd name="T30" fmla="*/ 567 w 893"/>
                <a:gd name="T31" fmla="*/ 228 h 286"/>
                <a:gd name="T32" fmla="*/ 561 w 893"/>
                <a:gd name="T33" fmla="*/ 226 h 286"/>
                <a:gd name="T34" fmla="*/ 554 w 893"/>
                <a:gd name="T35" fmla="*/ 224 h 286"/>
                <a:gd name="T36" fmla="*/ 547 w 893"/>
                <a:gd name="T37" fmla="*/ 222 h 286"/>
                <a:gd name="T38" fmla="*/ 540 w 893"/>
                <a:gd name="T39" fmla="*/ 221 h 286"/>
                <a:gd name="T40" fmla="*/ 534 w 893"/>
                <a:gd name="T41" fmla="*/ 220 h 286"/>
                <a:gd name="T42" fmla="*/ 520 w 893"/>
                <a:gd name="T43" fmla="*/ 220 h 286"/>
                <a:gd name="T44" fmla="*/ 492 w 893"/>
                <a:gd name="T45" fmla="*/ 225 h 286"/>
                <a:gd name="T46" fmla="*/ 439 w 893"/>
                <a:gd name="T47" fmla="*/ 240 h 286"/>
                <a:gd name="T48" fmla="*/ 333 w 893"/>
                <a:gd name="T49" fmla="*/ 247 h 286"/>
                <a:gd name="T50" fmla="*/ 240 w 893"/>
                <a:gd name="T51" fmla="*/ 222 h 286"/>
                <a:gd name="T52" fmla="*/ 161 w 893"/>
                <a:gd name="T53" fmla="*/ 196 h 286"/>
                <a:gd name="T54" fmla="*/ 95 w 893"/>
                <a:gd name="T55" fmla="*/ 184 h 286"/>
                <a:gd name="T56" fmla="*/ 43 w 893"/>
                <a:gd name="T57" fmla="*/ 185 h 286"/>
                <a:gd name="T58" fmla="*/ 0 w 893"/>
                <a:gd name="T59" fmla="*/ 192 h 286"/>
                <a:gd name="T60" fmla="*/ 11 w 893"/>
                <a:gd name="T61" fmla="*/ 189 h 286"/>
                <a:gd name="T62" fmla="*/ 43 w 893"/>
                <a:gd name="T63" fmla="*/ 181 h 286"/>
                <a:gd name="T64" fmla="*/ 95 w 893"/>
                <a:gd name="T65" fmla="*/ 179 h 286"/>
                <a:gd name="T66" fmla="*/ 163 w 893"/>
                <a:gd name="T67" fmla="*/ 190 h 286"/>
                <a:gd name="T68" fmla="*/ 242 w 893"/>
                <a:gd name="T69" fmla="*/ 216 h 286"/>
                <a:gd name="T70" fmla="*/ 334 w 893"/>
                <a:gd name="T71" fmla="*/ 239 h 286"/>
                <a:gd name="T72" fmla="*/ 437 w 893"/>
                <a:gd name="T73" fmla="*/ 232 h 286"/>
                <a:gd name="T74" fmla="*/ 490 w 893"/>
                <a:gd name="T75" fmla="*/ 217 h 286"/>
                <a:gd name="T76" fmla="*/ 519 w 893"/>
                <a:gd name="T77" fmla="*/ 212 h 286"/>
                <a:gd name="T78" fmla="*/ 534 w 893"/>
                <a:gd name="T79" fmla="*/ 212 h 286"/>
                <a:gd name="T80" fmla="*/ 542 w 893"/>
                <a:gd name="T81" fmla="*/ 213 h 286"/>
                <a:gd name="T82" fmla="*/ 549 w 893"/>
                <a:gd name="T83" fmla="*/ 214 h 286"/>
                <a:gd name="T84" fmla="*/ 556 w 893"/>
                <a:gd name="T85" fmla="*/ 216 h 286"/>
                <a:gd name="T86" fmla="*/ 564 w 893"/>
                <a:gd name="T87" fmla="*/ 218 h 286"/>
                <a:gd name="T88" fmla="*/ 571 w 893"/>
                <a:gd name="T89" fmla="*/ 221 h 286"/>
                <a:gd name="T90" fmla="*/ 577 w 893"/>
                <a:gd name="T91" fmla="*/ 224 h 286"/>
                <a:gd name="T92" fmla="*/ 590 w 893"/>
                <a:gd name="T93" fmla="*/ 231 h 286"/>
                <a:gd name="T94" fmla="*/ 602 w 893"/>
                <a:gd name="T95" fmla="*/ 238 h 286"/>
                <a:gd name="T96" fmla="*/ 652 w 893"/>
                <a:gd name="T97" fmla="*/ 261 h 286"/>
                <a:gd name="T98" fmla="*/ 753 w 893"/>
                <a:gd name="T99" fmla="*/ 271 h 286"/>
                <a:gd name="T100" fmla="*/ 835 w 893"/>
                <a:gd name="T101" fmla="*/ 228 h 286"/>
                <a:gd name="T102" fmla="*/ 880 w 893"/>
                <a:gd name="T103" fmla="*/ 162 h 286"/>
                <a:gd name="T104" fmla="*/ 886 w 893"/>
                <a:gd name="T105" fmla="*/ 95 h 286"/>
                <a:gd name="T106" fmla="*/ 881 w 893"/>
                <a:gd name="T107" fmla="*/ 44 h 286"/>
                <a:gd name="T108" fmla="*/ 883 w 893"/>
                <a:gd name="T109" fmla="*/ 11 h 286"/>
                <a:gd name="T110" fmla="*/ 886 w 893"/>
                <a:gd name="T111" fmla="*/ 3 h 286"/>
                <a:gd name="T112" fmla="*/ 888 w 893"/>
                <a:gd name="T113" fmla="*/ 0 h 2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893" h="286">
                  <a:moveTo>
                    <a:pt x="888" y="0"/>
                  </a:moveTo>
                  <a:cubicBezTo>
                    <a:pt x="888" y="1"/>
                    <a:pt x="886" y="4"/>
                    <a:pt x="885" y="11"/>
                  </a:cubicBezTo>
                  <a:cubicBezTo>
                    <a:pt x="883" y="18"/>
                    <a:pt x="883" y="29"/>
                    <a:pt x="884" y="43"/>
                  </a:cubicBezTo>
                  <a:cubicBezTo>
                    <a:pt x="886" y="57"/>
                    <a:pt x="889" y="74"/>
                    <a:pt x="891" y="95"/>
                  </a:cubicBezTo>
                  <a:cubicBezTo>
                    <a:pt x="893" y="115"/>
                    <a:pt x="893" y="139"/>
                    <a:pt x="886" y="164"/>
                  </a:cubicBezTo>
                  <a:cubicBezTo>
                    <a:pt x="882" y="176"/>
                    <a:pt x="877" y="189"/>
                    <a:pt x="869" y="201"/>
                  </a:cubicBezTo>
                  <a:cubicBezTo>
                    <a:pt x="861" y="212"/>
                    <a:pt x="851" y="224"/>
                    <a:pt x="840" y="234"/>
                  </a:cubicBezTo>
                  <a:cubicBezTo>
                    <a:pt x="834" y="239"/>
                    <a:pt x="828" y="244"/>
                    <a:pt x="822" y="248"/>
                  </a:cubicBezTo>
                  <a:cubicBezTo>
                    <a:pt x="819" y="250"/>
                    <a:pt x="815" y="253"/>
                    <a:pt x="812" y="255"/>
                  </a:cubicBezTo>
                  <a:cubicBezTo>
                    <a:pt x="809" y="257"/>
                    <a:pt x="805" y="259"/>
                    <a:pt x="802" y="261"/>
                  </a:cubicBezTo>
                  <a:cubicBezTo>
                    <a:pt x="788" y="269"/>
                    <a:pt x="772" y="275"/>
                    <a:pt x="755" y="279"/>
                  </a:cubicBezTo>
                  <a:cubicBezTo>
                    <a:pt x="721" y="286"/>
                    <a:pt x="684" y="282"/>
                    <a:pt x="649" y="269"/>
                  </a:cubicBezTo>
                  <a:cubicBezTo>
                    <a:pt x="632" y="263"/>
                    <a:pt x="615" y="254"/>
                    <a:pt x="598" y="245"/>
                  </a:cubicBezTo>
                  <a:cubicBezTo>
                    <a:pt x="594" y="243"/>
                    <a:pt x="590" y="241"/>
                    <a:pt x="586" y="239"/>
                  </a:cubicBezTo>
                  <a:cubicBezTo>
                    <a:pt x="581" y="236"/>
                    <a:pt x="577" y="234"/>
                    <a:pt x="573" y="232"/>
                  </a:cubicBezTo>
                  <a:cubicBezTo>
                    <a:pt x="567" y="228"/>
                    <a:pt x="567" y="228"/>
                    <a:pt x="567" y="228"/>
                  </a:cubicBezTo>
                  <a:cubicBezTo>
                    <a:pt x="565" y="227"/>
                    <a:pt x="563" y="227"/>
                    <a:pt x="561" y="226"/>
                  </a:cubicBezTo>
                  <a:cubicBezTo>
                    <a:pt x="558" y="225"/>
                    <a:pt x="556" y="224"/>
                    <a:pt x="554" y="224"/>
                  </a:cubicBezTo>
                  <a:cubicBezTo>
                    <a:pt x="547" y="222"/>
                    <a:pt x="547" y="222"/>
                    <a:pt x="547" y="222"/>
                  </a:cubicBezTo>
                  <a:cubicBezTo>
                    <a:pt x="545" y="221"/>
                    <a:pt x="543" y="221"/>
                    <a:pt x="540" y="221"/>
                  </a:cubicBezTo>
                  <a:cubicBezTo>
                    <a:pt x="538" y="221"/>
                    <a:pt x="536" y="220"/>
                    <a:pt x="534" y="220"/>
                  </a:cubicBezTo>
                  <a:cubicBezTo>
                    <a:pt x="529" y="220"/>
                    <a:pt x="524" y="220"/>
                    <a:pt x="520" y="220"/>
                  </a:cubicBezTo>
                  <a:cubicBezTo>
                    <a:pt x="511" y="221"/>
                    <a:pt x="501" y="223"/>
                    <a:pt x="492" y="225"/>
                  </a:cubicBezTo>
                  <a:cubicBezTo>
                    <a:pt x="474" y="229"/>
                    <a:pt x="457" y="235"/>
                    <a:pt x="439" y="240"/>
                  </a:cubicBezTo>
                  <a:cubicBezTo>
                    <a:pt x="403" y="250"/>
                    <a:pt x="366" y="251"/>
                    <a:pt x="333" y="247"/>
                  </a:cubicBezTo>
                  <a:cubicBezTo>
                    <a:pt x="299" y="242"/>
                    <a:pt x="268" y="232"/>
                    <a:pt x="240" y="222"/>
                  </a:cubicBezTo>
                  <a:cubicBezTo>
                    <a:pt x="212" y="213"/>
                    <a:pt x="186" y="203"/>
                    <a:pt x="161" y="196"/>
                  </a:cubicBezTo>
                  <a:cubicBezTo>
                    <a:pt x="137" y="189"/>
                    <a:pt x="115" y="185"/>
                    <a:pt x="95" y="184"/>
                  </a:cubicBezTo>
                  <a:cubicBezTo>
                    <a:pt x="75" y="182"/>
                    <a:pt x="57" y="183"/>
                    <a:pt x="43" y="185"/>
                  </a:cubicBezTo>
                  <a:cubicBezTo>
                    <a:pt x="15" y="188"/>
                    <a:pt x="0" y="193"/>
                    <a:pt x="0" y="192"/>
                  </a:cubicBezTo>
                  <a:cubicBezTo>
                    <a:pt x="0" y="192"/>
                    <a:pt x="4" y="191"/>
                    <a:pt x="11" y="189"/>
                  </a:cubicBezTo>
                  <a:cubicBezTo>
                    <a:pt x="18" y="186"/>
                    <a:pt x="29" y="184"/>
                    <a:pt x="43" y="181"/>
                  </a:cubicBezTo>
                  <a:cubicBezTo>
                    <a:pt x="57" y="179"/>
                    <a:pt x="75" y="178"/>
                    <a:pt x="95" y="179"/>
                  </a:cubicBezTo>
                  <a:cubicBezTo>
                    <a:pt x="115" y="180"/>
                    <a:pt x="138" y="184"/>
                    <a:pt x="163" y="190"/>
                  </a:cubicBezTo>
                  <a:cubicBezTo>
                    <a:pt x="188" y="197"/>
                    <a:pt x="214" y="206"/>
                    <a:pt x="242" y="216"/>
                  </a:cubicBezTo>
                  <a:cubicBezTo>
                    <a:pt x="270" y="225"/>
                    <a:pt x="301" y="235"/>
                    <a:pt x="334" y="239"/>
                  </a:cubicBezTo>
                  <a:cubicBezTo>
                    <a:pt x="367" y="243"/>
                    <a:pt x="402" y="242"/>
                    <a:pt x="437" y="232"/>
                  </a:cubicBezTo>
                  <a:cubicBezTo>
                    <a:pt x="454" y="227"/>
                    <a:pt x="472" y="221"/>
                    <a:pt x="490" y="217"/>
                  </a:cubicBezTo>
                  <a:cubicBezTo>
                    <a:pt x="500" y="215"/>
                    <a:pt x="509" y="213"/>
                    <a:pt x="519" y="212"/>
                  </a:cubicBezTo>
                  <a:cubicBezTo>
                    <a:pt x="524" y="211"/>
                    <a:pt x="529" y="212"/>
                    <a:pt x="534" y="212"/>
                  </a:cubicBezTo>
                  <a:cubicBezTo>
                    <a:pt x="537" y="212"/>
                    <a:pt x="539" y="212"/>
                    <a:pt x="542" y="213"/>
                  </a:cubicBezTo>
                  <a:cubicBezTo>
                    <a:pt x="544" y="213"/>
                    <a:pt x="547" y="213"/>
                    <a:pt x="549" y="214"/>
                  </a:cubicBezTo>
                  <a:cubicBezTo>
                    <a:pt x="556" y="216"/>
                    <a:pt x="556" y="216"/>
                    <a:pt x="556" y="216"/>
                  </a:cubicBezTo>
                  <a:cubicBezTo>
                    <a:pt x="559" y="216"/>
                    <a:pt x="561" y="217"/>
                    <a:pt x="564" y="218"/>
                  </a:cubicBezTo>
                  <a:cubicBezTo>
                    <a:pt x="566" y="219"/>
                    <a:pt x="568" y="220"/>
                    <a:pt x="571" y="221"/>
                  </a:cubicBezTo>
                  <a:cubicBezTo>
                    <a:pt x="577" y="224"/>
                    <a:pt x="577" y="224"/>
                    <a:pt x="577" y="224"/>
                  </a:cubicBezTo>
                  <a:cubicBezTo>
                    <a:pt x="582" y="226"/>
                    <a:pt x="586" y="229"/>
                    <a:pt x="590" y="231"/>
                  </a:cubicBezTo>
                  <a:cubicBezTo>
                    <a:pt x="594" y="234"/>
                    <a:pt x="598" y="236"/>
                    <a:pt x="602" y="238"/>
                  </a:cubicBezTo>
                  <a:cubicBezTo>
                    <a:pt x="619" y="247"/>
                    <a:pt x="635" y="255"/>
                    <a:pt x="652" y="261"/>
                  </a:cubicBezTo>
                  <a:cubicBezTo>
                    <a:pt x="686" y="274"/>
                    <a:pt x="721" y="278"/>
                    <a:pt x="753" y="271"/>
                  </a:cubicBezTo>
                  <a:cubicBezTo>
                    <a:pt x="786" y="264"/>
                    <a:pt x="813" y="247"/>
                    <a:pt x="835" y="228"/>
                  </a:cubicBezTo>
                  <a:cubicBezTo>
                    <a:pt x="858" y="209"/>
                    <a:pt x="873" y="186"/>
                    <a:pt x="880" y="162"/>
                  </a:cubicBezTo>
                  <a:cubicBezTo>
                    <a:pt x="888" y="138"/>
                    <a:pt x="888" y="115"/>
                    <a:pt x="886" y="95"/>
                  </a:cubicBezTo>
                  <a:cubicBezTo>
                    <a:pt x="885" y="75"/>
                    <a:pt x="882" y="58"/>
                    <a:pt x="881" y="44"/>
                  </a:cubicBezTo>
                  <a:cubicBezTo>
                    <a:pt x="880" y="29"/>
                    <a:pt x="881" y="18"/>
                    <a:pt x="883" y="11"/>
                  </a:cubicBezTo>
                  <a:cubicBezTo>
                    <a:pt x="884" y="7"/>
                    <a:pt x="885" y="4"/>
                    <a:pt x="886" y="3"/>
                  </a:cubicBezTo>
                  <a:cubicBezTo>
                    <a:pt x="887" y="1"/>
                    <a:pt x="888" y="0"/>
                    <a:pt x="888" y="0"/>
                  </a:cubicBezTo>
                  <a:close/>
                </a:path>
              </a:pathLst>
            </a:custGeom>
            <a:solidFill>
              <a:srgbClr val="262424"/>
            </a:solidFill>
            <a:ln w="9525">
              <a:solidFill>
                <a:srgbClr val="000000"/>
              </a:solidFill>
              <a:round/>
              <a:headEnd/>
              <a:tailEnd/>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1" name="išḷiḍê">
              <a:extLst>
                <a:ext uri="{FF2B5EF4-FFF2-40B4-BE49-F238E27FC236}">
                  <a16:creationId xmlns:a16="http://schemas.microsoft.com/office/drawing/2014/main" xmlns="" id="{F50D3285-9D1E-45E7-BF3B-3C3DCE8C31B6}"/>
                </a:ext>
              </a:extLst>
            </p:cNvPr>
            <p:cNvSpPr/>
            <p:nvPr/>
          </p:nvSpPr>
          <p:spPr bwMode="auto">
            <a:xfrm>
              <a:off x="6356994" y="3758893"/>
              <a:ext cx="732792" cy="166087"/>
            </a:xfrm>
            <a:custGeom>
              <a:avLst/>
              <a:gdLst>
                <a:gd name="T0" fmla="*/ 339 w 339"/>
                <a:gd name="T1" fmla="*/ 6 h 77"/>
                <a:gd name="T2" fmla="*/ 334 w 339"/>
                <a:gd name="T3" fmla="*/ 20 h 77"/>
                <a:gd name="T4" fmla="*/ 306 w 339"/>
                <a:gd name="T5" fmla="*/ 51 h 77"/>
                <a:gd name="T6" fmla="*/ 249 w 339"/>
                <a:gd name="T7" fmla="*/ 73 h 77"/>
                <a:gd name="T8" fmla="*/ 175 w 339"/>
                <a:gd name="T9" fmla="*/ 73 h 77"/>
                <a:gd name="T10" fmla="*/ 165 w 339"/>
                <a:gd name="T11" fmla="*/ 71 h 77"/>
                <a:gd name="T12" fmla="*/ 155 w 339"/>
                <a:gd name="T13" fmla="*/ 70 h 77"/>
                <a:gd name="T14" fmla="*/ 146 w 339"/>
                <a:gd name="T15" fmla="*/ 67 h 77"/>
                <a:gd name="T16" fmla="*/ 137 w 339"/>
                <a:gd name="T17" fmla="*/ 64 h 77"/>
                <a:gd name="T18" fmla="*/ 104 w 339"/>
                <a:gd name="T19" fmla="*/ 50 h 77"/>
                <a:gd name="T20" fmla="*/ 51 w 339"/>
                <a:gd name="T21" fmla="*/ 20 h 77"/>
                <a:gd name="T22" fmla="*/ 0 w 339"/>
                <a:gd name="T23" fmla="*/ 0 h 77"/>
                <a:gd name="T24" fmla="*/ 4 w 339"/>
                <a:gd name="T25" fmla="*/ 0 h 77"/>
                <a:gd name="T26" fmla="*/ 9 w 339"/>
                <a:gd name="T27" fmla="*/ 1 h 77"/>
                <a:gd name="T28" fmla="*/ 12 w 339"/>
                <a:gd name="T29" fmla="*/ 1 h 77"/>
                <a:gd name="T30" fmla="*/ 15 w 339"/>
                <a:gd name="T31" fmla="*/ 2 h 77"/>
                <a:gd name="T32" fmla="*/ 54 w 339"/>
                <a:gd name="T33" fmla="*/ 15 h 77"/>
                <a:gd name="T34" fmla="*/ 107 w 339"/>
                <a:gd name="T35" fmla="*/ 43 h 77"/>
                <a:gd name="T36" fmla="*/ 139 w 339"/>
                <a:gd name="T37" fmla="*/ 56 h 77"/>
                <a:gd name="T38" fmla="*/ 148 w 339"/>
                <a:gd name="T39" fmla="*/ 59 h 77"/>
                <a:gd name="T40" fmla="*/ 157 w 339"/>
                <a:gd name="T41" fmla="*/ 61 h 77"/>
                <a:gd name="T42" fmla="*/ 166 w 339"/>
                <a:gd name="T43" fmla="*/ 63 h 77"/>
                <a:gd name="T44" fmla="*/ 176 w 339"/>
                <a:gd name="T45" fmla="*/ 64 h 77"/>
                <a:gd name="T46" fmla="*/ 248 w 339"/>
                <a:gd name="T47" fmla="*/ 65 h 77"/>
                <a:gd name="T48" fmla="*/ 303 w 339"/>
                <a:gd name="T49" fmla="*/ 46 h 77"/>
                <a:gd name="T50" fmla="*/ 331 w 339"/>
                <a:gd name="T51" fmla="*/ 18 h 77"/>
                <a:gd name="T52" fmla="*/ 339 w 339"/>
                <a:gd name="T53" fmla="*/ 6 h 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339" h="77">
                  <a:moveTo>
                    <a:pt x="339" y="6"/>
                  </a:moveTo>
                  <a:cubicBezTo>
                    <a:pt x="339" y="6"/>
                    <a:pt x="338" y="11"/>
                    <a:pt x="334" y="20"/>
                  </a:cubicBezTo>
                  <a:cubicBezTo>
                    <a:pt x="330" y="29"/>
                    <a:pt x="321" y="41"/>
                    <a:pt x="306" y="51"/>
                  </a:cubicBezTo>
                  <a:cubicBezTo>
                    <a:pt x="292" y="61"/>
                    <a:pt x="272" y="69"/>
                    <a:pt x="249" y="73"/>
                  </a:cubicBezTo>
                  <a:cubicBezTo>
                    <a:pt x="226" y="76"/>
                    <a:pt x="201" y="77"/>
                    <a:pt x="175" y="73"/>
                  </a:cubicBezTo>
                  <a:cubicBezTo>
                    <a:pt x="171" y="72"/>
                    <a:pt x="168" y="72"/>
                    <a:pt x="165" y="71"/>
                  </a:cubicBezTo>
                  <a:cubicBezTo>
                    <a:pt x="162" y="71"/>
                    <a:pt x="158" y="70"/>
                    <a:pt x="155" y="70"/>
                  </a:cubicBezTo>
                  <a:cubicBezTo>
                    <a:pt x="152" y="69"/>
                    <a:pt x="149" y="68"/>
                    <a:pt x="146" y="67"/>
                  </a:cubicBezTo>
                  <a:cubicBezTo>
                    <a:pt x="143" y="66"/>
                    <a:pt x="140" y="65"/>
                    <a:pt x="137" y="64"/>
                  </a:cubicBezTo>
                  <a:cubicBezTo>
                    <a:pt x="125" y="60"/>
                    <a:pt x="114" y="55"/>
                    <a:pt x="104" y="50"/>
                  </a:cubicBezTo>
                  <a:cubicBezTo>
                    <a:pt x="83" y="39"/>
                    <a:pt x="66" y="28"/>
                    <a:pt x="51" y="20"/>
                  </a:cubicBezTo>
                  <a:cubicBezTo>
                    <a:pt x="21" y="4"/>
                    <a:pt x="0" y="2"/>
                    <a:pt x="0" y="0"/>
                  </a:cubicBezTo>
                  <a:cubicBezTo>
                    <a:pt x="0" y="0"/>
                    <a:pt x="1" y="0"/>
                    <a:pt x="4" y="0"/>
                  </a:cubicBezTo>
                  <a:cubicBezTo>
                    <a:pt x="5" y="0"/>
                    <a:pt x="7" y="0"/>
                    <a:pt x="9" y="1"/>
                  </a:cubicBezTo>
                  <a:cubicBezTo>
                    <a:pt x="10" y="1"/>
                    <a:pt x="11" y="1"/>
                    <a:pt x="12" y="1"/>
                  </a:cubicBezTo>
                  <a:cubicBezTo>
                    <a:pt x="13" y="1"/>
                    <a:pt x="14" y="1"/>
                    <a:pt x="15" y="2"/>
                  </a:cubicBezTo>
                  <a:cubicBezTo>
                    <a:pt x="25" y="3"/>
                    <a:pt x="38" y="7"/>
                    <a:pt x="54" y="15"/>
                  </a:cubicBezTo>
                  <a:cubicBezTo>
                    <a:pt x="70" y="22"/>
                    <a:pt x="87" y="32"/>
                    <a:pt x="107" y="43"/>
                  </a:cubicBezTo>
                  <a:cubicBezTo>
                    <a:pt x="117" y="48"/>
                    <a:pt x="128" y="53"/>
                    <a:pt x="139" y="56"/>
                  </a:cubicBezTo>
                  <a:cubicBezTo>
                    <a:pt x="142" y="57"/>
                    <a:pt x="145" y="58"/>
                    <a:pt x="148" y="59"/>
                  </a:cubicBezTo>
                  <a:cubicBezTo>
                    <a:pt x="151" y="60"/>
                    <a:pt x="154" y="61"/>
                    <a:pt x="157" y="61"/>
                  </a:cubicBezTo>
                  <a:cubicBezTo>
                    <a:pt x="160" y="62"/>
                    <a:pt x="163" y="62"/>
                    <a:pt x="166" y="63"/>
                  </a:cubicBezTo>
                  <a:cubicBezTo>
                    <a:pt x="169" y="63"/>
                    <a:pt x="173" y="64"/>
                    <a:pt x="176" y="64"/>
                  </a:cubicBezTo>
                  <a:cubicBezTo>
                    <a:pt x="201" y="68"/>
                    <a:pt x="226" y="68"/>
                    <a:pt x="248" y="65"/>
                  </a:cubicBezTo>
                  <a:cubicBezTo>
                    <a:pt x="270" y="62"/>
                    <a:pt x="289" y="55"/>
                    <a:pt x="303" y="46"/>
                  </a:cubicBezTo>
                  <a:cubicBezTo>
                    <a:pt x="317" y="37"/>
                    <a:pt x="326" y="26"/>
                    <a:pt x="331" y="18"/>
                  </a:cubicBezTo>
                  <a:cubicBezTo>
                    <a:pt x="336" y="10"/>
                    <a:pt x="338" y="5"/>
                    <a:pt x="339" y="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2" name="iṣļîḓè">
              <a:extLst>
                <a:ext uri="{FF2B5EF4-FFF2-40B4-BE49-F238E27FC236}">
                  <a16:creationId xmlns:a16="http://schemas.microsoft.com/office/drawing/2014/main" xmlns="" id="{089CE8BE-51B5-47BB-88D0-E80E13F607AB}"/>
                </a:ext>
              </a:extLst>
            </p:cNvPr>
            <p:cNvSpPr/>
            <p:nvPr/>
          </p:nvSpPr>
          <p:spPr bwMode="auto">
            <a:xfrm>
              <a:off x="4771865" y="3901254"/>
              <a:ext cx="1090518" cy="613245"/>
            </a:xfrm>
            <a:custGeom>
              <a:avLst/>
              <a:gdLst>
                <a:gd name="T0" fmla="*/ 464 w 505"/>
                <a:gd name="T1" fmla="*/ 27 h 284"/>
                <a:gd name="T2" fmla="*/ 407 w 505"/>
                <a:gd name="T3" fmla="*/ 62 h 284"/>
                <a:gd name="T4" fmla="*/ 392 w 505"/>
                <a:gd name="T5" fmla="*/ 0 h 284"/>
                <a:gd name="T6" fmla="*/ 362 w 505"/>
                <a:gd name="T7" fmla="*/ 0 h 284"/>
                <a:gd name="T8" fmla="*/ 261 w 505"/>
                <a:gd name="T9" fmla="*/ 64 h 284"/>
                <a:gd name="T10" fmla="*/ 224 w 505"/>
                <a:gd name="T11" fmla="*/ 0 h 284"/>
                <a:gd name="T12" fmla="*/ 231 w 505"/>
                <a:gd name="T13" fmla="*/ 64 h 284"/>
                <a:gd name="T14" fmla="*/ 131 w 505"/>
                <a:gd name="T15" fmla="*/ 0 h 284"/>
                <a:gd name="T16" fmla="*/ 115 w 505"/>
                <a:gd name="T17" fmla="*/ 67 h 284"/>
                <a:gd name="T18" fmla="*/ 51 w 505"/>
                <a:gd name="T19" fmla="*/ 63 h 284"/>
                <a:gd name="T20" fmla="*/ 31 w 505"/>
                <a:gd name="T21" fmla="*/ 5 h 284"/>
                <a:gd name="T22" fmla="*/ 1 w 505"/>
                <a:gd name="T23" fmla="*/ 11 h 284"/>
                <a:gd name="T24" fmla="*/ 51 w 505"/>
                <a:gd name="T25" fmla="*/ 167 h 284"/>
                <a:gd name="T26" fmla="*/ 60 w 505"/>
                <a:gd name="T27" fmla="*/ 195 h 284"/>
                <a:gd name="T28" fmla="*/ 83 w 505"/>
                <a:gd name="T29" fmla="*/ 268 h 284"/>
                <a:gd name="T30" fmla="*/ 89 w 505"/>
                <a:gd name="T31" fmla="*/ 273 h 284"/>
                <a:gd name="T32" fmla="*/ 138 w 505"/>
                <a:gd name="T33" fmla="*/ 281 h 284"/>
                <a:gd name="T34" fmla="*/ 256 w 505"/>
                <a:gd name="T35" fmla="*/ 283 h 284"/>
                <a:gd name="T36" fmla="*/ 390 w 505"/>
                <a:gd name="T37" fmla="*/ 275 h 284"/>
                <a:gd name="T38" fmla="*/ 411 w 505"/>
                <a:gd name="T39" fmla="*/ 271 h 284"/>
                <a:gd name="T40" fmla="*/ 426 w 505"/>
                <a:gd name="T41" fmla="*/ 267 h 284"/>
                <a:gd name="T42" fmla="*/ 432 w 505"/>
                <a:gd name="T43" fmla="*/ 261 h 284"/>
                <a:gd name="T44" fmla="*/ 438 w 505"/>
                <a:gd name="T45" fmla="*/ 239 h 284"/>
                <a:gd name="T46" fmla="*/ 453 w 505"/>
                <a:gd name="T47" fmla="*/ 186 h 284"/>
                <a:gd name="T48" fmla="*/ 460 w 505"/>
                <a:gd name="T49" fmla="*/ 161 h 284"/>
                <a:gd name="T50" fmla="*/ 504 w 505"/>
                <a:gd name="T51" fmla="*/ 1 h 284"/>
                <a:gd name="T52" fmla="*/ 84 w 505"/>
                <a:gd name="T53" fmla="*/ 166 h 284"/>
                <a:gd name="T54" fmla="*/ 99 w 505"/>
                <a:gd name="T55" fmla="*/ 96 h 284"/>
                <a:gd name="T56" fmla="*/ 135 w 505"/>
                <a:gd name="T57" fmla="*/ 165 h 284"/>
                <a:gd name="T58" fmla="*/ 145 w 505"/>
                <a:gd name="T59" fmla="*/ 254 h 284"/>
                <a:gd name="T60" fmla="*/ 111 w 505"/>
                <a:gd name="T61" fmla="*/ 249 h 284"/>
                <a:gd name="T62" fmla="*/ 93 w 505"/>
                <a:gd name="T63" fmla="*/ 196 h 284"/>
                <a:gd name="T64" fmla="*/ 149 w 505"/>
                <a:gd name="T65" fmla="*/ 231 h 284"/>
                <a:gd name="T66" fmla="*/ 159 w 505"/>
                <a:gd name="T67" fmla="*/ 128 h 284"/>
                <a:gd name="T68" fmla="*/ 233 w 505"/>
                <a:gd name="T69" fmla="*/ 124 h 284"/>
                <a:gd name="T70" fmla="*/ 159 w 505"/>
                <a:gd name="T71" fmla="*/ 128 h 284"/>
                <a:gd name="T72" fmla="*/ 178 w 505"/>
                <a:gd name="T73" fmla="*/ 228 h 284"/>
                <a:gd name="T74" fmla="*/ 237 w 505"/>
                <a:gd name="T75" fmla="*/ 227 h 284"/>
                <a:gd name="T76" fmla="*/ 327 w 505"/>
                <a:gd name="T77" fmla="*/ 219 h 284"/>
                <a:gd name="T78" fmla="*/ 304 w 505"/>
                <a:gd name="T79" fmla="*/ 255 h 284"/>
                <a:gd name="T80" fmla="*/ 275 w 505"/>
                <a:gd name="T81" fmla="*/ 255 h 284"/>
                <a:gd name="T82" fmla="*/ 265 w 505"/>
                <a:gd name="T83" fmla="*/ 193 h 284"/>
                <a:gd name="T84" fmla="*/ 335 w 505"/>
                <a:gd name="T85" fmla="*/ 162 h 284"/>
                <a:gd name="T86" fmla="*/ 262 w 505"/>
                <a:gd name="T87" fmla="*/ 94 h 284"/>
                <a:gd name="T88" fmla="*/ 335 w 505"/>
                <a:gd name="T89" fmla="*/ 162 h 284"/>
                <a:gd name="T90" fmla="*/ 400 w 505"/>
                <a:gd name="T91" fmla="*/ 245 h 284"/>
                <a:gd name="T92" fmla="*/ 354 w 505"/>
                <a:gd name="T93" fmla="*/ 252 h 284"/>
                <a:gd name="T94" fmla="*/ 361 w 505"/>
                <a:gd name="T95" fmla="*/ 191 h 284"/>
                <a:gd name="T96" fmla="*/ 419 w 505"/>
                <a:gd name="T97" fmla="*/ 190 h 284"/>
                <a:gd name="T98" fmla="*/ 426 w 505"/>
                <a:gd name="T99" fmla="*/ 162 h 284"/>
                <a:gd name="T100" fmla="*/ 372 w 505"/>
                <a:gd name="T101" fmla="*/ 120 h 284"/>
                <a:gd name="T102" fmla="*/ 446 w 505"/>
                <a:gd name="T103" fmla="*/ 90 h 284"/>
                <a:gd name="T104" fmla="*/ 65 w 505"/>
                <a:gd name="T105" fmla="*/ 3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505" h="284">
                  <a:moveTo>
                    <a:pt x="472" y="0"/>
                  </a:moveTo>
                  <a:cubicBezTo>
                    <a:pt x="472" y="1"/>
                    <a:pt x="472" y="2"/>
                    <a:pt x="471" y="3"/>
                  </a:cubicBezTo>
                  <a:cubicBezTo>
                    <a:pt x="469" y="10"/>
                    <a:pt x="467" y="18"/>
                    <a:pt x="464" y="27"/>
                  </a:cubicBezTo>
                  <a:cubicBezTo>
                    <a:pt x="462" y="37"/>
                    <a:pt x="459" y="47"/>
                    <a:pt x="455" y="59"/>
                  </a:cubicBezTo>
                  <a:cubicBezTo>
                    <a:pt x="455" y="60"/>
                    <a:pt x="454" y="62"/>
                    <a:pt x="454" y="63"/>
                  </a:cubicBezTo>
                  <a:cubicBezTo>
                    <a:pt x="443" y="63"/>
                    <a:pt x="427" y="63"/>
                    <a:pt x="407" y="62"/>
                  </a:cubicBezTo>
                  <a:cubicBezTo>
                    <a:pt x="382" y="62"/>
                    <a:pt x="382" y="62"/>
                    <a:pt x="382" y="62"/>
                  </a:cubicBezTo>
                  <a:cubicBezTo>
                    <a:pt x="385" y="46"/>
                    <a:pt x="387" y="31"/>
                    <a:pt x="389" y="18"/>
                  </a:cubicBezTo>
                  <a:cubicBezTo>
                    <a:pt x="390" y="11"/>
                    <a:pt x="391" y="5"/>
                    <a:pt x="392" y="0"/>
                  </a:cubicBezTo>
                  <a:cubicBezTo>
                    <a:pt x="405" y="0"/>
                    <a:pt x="418" y="0"/>
                    <a:pt x="430" y="0"/>
                  </a:cubicBezTo>
                  <a:cubicBezTo>
                    <a:pt x="414" y="0"/>
                    <a:pt x="327" y="0"/>
                    <a:pt x="294" y="0"/>
                  </a:cubicBezTo>
                  <a:cubicBezTo>
                    <a:pt x="317" y="0"/>
                    <a:pt x="340" y="0"/>
                    <a:pt x="362" y="0"/>
                  </a:cubicBezTo>
                  <a:cubicBezTo>
                    <a:pt x="361" y="5"/>
                    <a:pt x="360" y="11"/>
                    <a:pt x="359" y="18"/>
                  </a:cubicBezTo>
                  <a:cubicBezTo>
                    <a:pt x="357" y="31"/>
                    <a:pt x="354" y="46"/>
                    <a:pt x="351" y="63"/>
                  </a:cubicBezTo>
                  <a:cubicBezTo>
                    <a:pt x="324" y="63"/>
                    <a:pt x="293" y="63"/>
                    <a:pt x="261" y="64"/>
                  </a:cubicBezTo>
                  <a:cubicBezTo>
                    <a:pt x="260" y="49"/>
                    <a:pt x="260" y="36"/>
                    <a:pt x="259" y="24"/>
                  </a:cubicBezTo>
                  <a:cubicBezTo>
                    <a:pt x="259" y="15"/>
                    <a:pt x="258" y="7"/>
                    <a:pt x="258" y="0"/>
                  </a:cubicBezTo>
                  <a:cubicBezTo>
                    <a:pt x="246" y="0"/>
                    <a:pt x="233" y="0"/>
                    <a:pt x="224" y="0"/>
                  </a:cubicBezTo>
                  <a:cubicBezTo>
                    <a:pt x="225" y="0"/>
                    <a:pt x="227" y="0"/>
                    <a:pt x="228" y="0"/>
                  </a:cubicBezTo>
                  <a:cubicBezTo>
                    <a:pt x="228" y="6"/>
                    <a:pt x="229" y="13"/>
                    <a:pt x="229" y="21"/>
                  </a:cubicBezTo>
                  <a:cubicBezTo>
                    <a:pt x="229" y="34"/>
                    <a:pt x="230" y="48"/>
                    <a:pt x="231" y="64"/>
                  </a:cubicBezTo>
                  <a:cubicBezTo>
                    <a:pt x="200" y="65"/>
                    <a:pt x="171" y="66"/>
                    <a:pt x="146" y="66"/>
                  </a:cubicBezTo>
                  <a:cubicBezTo>
                    <a:pt x="143" y="52"/>
                    <a:pt x="140" y="39"/>
                    <a:pt x="138" y="28"/>
                  </a:cubicBezTo>
                  <a:cubicBezTo>
                    <a:pt x="135" y="16"/>
                    <a:pt x="133" y="7"/>
                    <a:pt x="131" y="0"/>
                  </a:cubicBezTo>
                  <a:cubicBezTo>
                    <a:pt x="123" y="0"/>
                    <a:pt x="112" y="1"/>
                    <a:pt x="102" y="1"/>
                  </a:cubicBezTo>
                  <a:cubicBezTo>
                    <a:pt x="103" y="8"/>
                    <a:pt x="105" y="18"/>
                    <a:pt x="107" y="29"/>
                  </a:cubicBezTo>
                  <a:cubicBezTo>
                    <a:pt x="110" y="40"/>
                    <a:pt x="112" y="53"/>
                    <a:pt x="115" y="67"/>
                  </a:cubicBezTo>
                  <a:cubicBezTo>
                    <a:pt x="108" y="67"/>
                    <a:pt x="101" y="67"/>
                    <a:pt x="94" y="67"/>
                  </a:cubicBezTo>
                  <a:cubicBezTo>
                    <a:pt x="77" y="67"/>
                    <a:pt x="63" y="67"/>
                    <a:pt x="52" y="67"/>
                  </a:cubicBezTo>
                  <a:cubicBezTo>
                    <a:pt x="52" y="66"/>
                    <a:pt x="51" y="65"/>
                    <a:pt x="51" y="63"/>
                  </a:cubicBezTo>
                  <a:cubicBezTo>
                    <a:pt x="47" y="52"/>
                    <a:pt x="44" y="42"/>
                    <a:pt x="41" y="34"/>
                  </a:cubicBezTo>
                  <a:cubicBezTo>
                    <a:pt x="38" y="25"/>
                    <a:pt x="35" y="17"/>
                    <a:pt x="33" y="11"/>
                  </a:cubicBezTo>
                  <a:cubicBezTo>
                    <a:pt x="33" y="9"/>
                    <a:pt x="32" y="7"/>
                    <a:pt x="31" y="5"/>
                  </a:cubicBezTo>
                  <a:cubicBezTo>
                    <a:pt x="39" y="5"/>
                    <a:pt x="46" y="4"/>
                    <a:pt x="54" y="4"/>
                  </a:cubicBezTo>
                  <a:cubicBezTo>
                    <a:pt x="32" y="5"/>
                    <a:pt x="3" y="7"/>
                    <a:pt x="0" y="7"/>
                  </a:cubicBezTo>
                  <a:cubicBezTo>
                    <a:pt x="0" y="8"/>
                    <a:pt x="0" y="9"/>
                    <a:pt x="1" y="11"/>
                  </a:cubicBezTo>
                  <a:cubicBezTo>
                    <a:pt x="2" y="15"/>
                    <a:pt x="4" y="20"/>
                    <a:pt x="6" y="26"/>
                  </a:cubicBezTo>
                  <a:cubicBezTo>
                    <a:pt x="11" y="39"/>
                    <a:pt x="17" y="58"/>
                    <a:pt x="24" y="82"/>
                  </a:cubicBezTo>
                  <a:cubicBezTo>
                    <a:pt x="31" y="106"/>
                    <a:pt x="41" y="135"/>
                    <a:pt x="51" y="167"/>
                  </a:cubicBezTo>
                  <a:cubicBezTo>
                    <a:pt x="51" y="167"/>
                    <a:pt x="51" y="168"/>
                    <a:pt x="51" y="169"/>
                  </a:cubicBezTo>
                  <a:cubicBezTo>
                    <a:pt x="54" y="177"/>
                    <a:pt x="57" y="185"/>
                    <a:pt x="59" y="193"/>
                  </a:cubicBezTo>
                  <a:cubicBezTo>
                    <a:pt x="60" y="194"/>
                    <a:pt x="60" y="195"/>
                    <a:pt x="60" y="195"/>
                  </a:cubicBezTo>
                  <a:cubicBezTo>
                    <a:pt x="60" y="195"/>
                    <a:pt x="60" y="195"/>
                    <a:pt x="60" y="195"/>
                  </a:cubicBezTo>
                  <a:cubicBezTo>
                    <a:pt x="67" y="218"/>
                    <a:pt x="75" y="242"/>
                    <a:pt x="83" y="267"/>
                  </a:cubicBezTo>
                  <a:cubicBezTo>
                    <a:pt x="83" y="268"/>
                    <a:pt x="83" y="268"/>
                    <a:pt x="83" y="268"/>
                  </a:cubicBezTo>
                  <a:cubicBezTo>
                    <a:pt x="84" y="269"/>
                    <a:pt x="84" y="269"/>
                    <a:pt x="84" y="269"/>
                  </a:cubicBezTo>
                  <a:cubicBezTo>
                    <a:pt x="85" y="270"/>
                    <a:pt x="85" y="271"/>
                    <a:pt x="86" y="271"/>
                  </a:cubicBezTo>
                  <a:cubicBezTo>
                    <a:pt x="87" y="272"/>
                    <a:pt x="88" y="273"/>
                    <a:pt x="89" y="273"/>
                  </a:cubicBezTo>
                  <a:cubicBezTo>
                    <a:pt x="92" y="274"/>
                    <a:pt x="94" y="275"/>
                    <a:pt x="96" y="276"/>
                  </a:cubicBezTo>
                  <a:cubicBezTo>
                    <a:pt x="101" y="277"/>
                    <a:pt x="106" y="278"/>
                    <a:pt x="110" y="279"/>
                  </a:cubicBezTo>
                  <a:cubicBezTo>
                    <a:pt x="120" y="280"/>
                    <a:pt x="129" y="281"/>
                    <a:pt x="138" y="281"/>
                  </a:cubicBezTo>
                  <a:cubicBezTo>
                    <a:pt x="156" y="283"/>
                    <a:pt x="173" y="283"/>
                    <a:pt x="189" y="283"/>
                  </a:cubicBezTo>
                  <a:cubicBezTo>
                    <a:pt x="212" y="284"/>
                    <a:pt x="233" y="283"/>
                    <a:pt x="251" y="283"/>
                  </a:cubicBezTo>
                  <a:cubicBezTo>
                    <a:pt x="253" y="283"/>
                    <a:pt x="255" y="283"/>
                    <a:pt x="256" y="283"/>
                  </a:cubicBezTo>
                  <a:cubicBezTo>
                    <a:pt x="275" y="282"/>
                    <a:pt x="295" y="282"/>
                    <a:pt x="316" y="281"/>
                  </a:cubicBezTo>
                  <a:cubicBezTo>
                    <a:pt x="333" y="280"/>
                    <a:pt x="351" y="279"/>
                    <a:pt x="369" y="277"/>
                  </a:cubicBezTo>
                  <a:cubicBezTo>
                    <a:pt x="376" y="277"/>
                    <a:pt x="383" y="276"/>
                    <a:pt x="390" y="275"/>
                  </a:cubicBezTo>
                  <a:cubicBezTo>
                    <a:pt x="390" y="275"/>
                    <a:pt x="391" y="275"/>
                    <a:pt x="391" y="275"/>
                  </a:cubicBezTo>
                  <a:cubicBezTo>
                    <a:pt x="393" y="274"/>
                    <a:pt x="395" y="274"/>
                    <a:pt x="397" y="274"/>
                  </a:cubicBezTo>
                  <a:cubicBezTo>
                    <a:pt x="402" y="273"/>
                    <a:pt x="407" y="272"/>
                    <a:pt x="411" y="271"/>
                  </a:cubicBezTo>
                  <a:cubicBezTo>
                    <a:pt x="415" y="270"/>
                    <a:pt x="419" y="269"/>
                    <a:pt x="422" y="268"/>
                  </a:cubicBezTo>
                  <a:cubicBezTo>
                    <a:pt x="423" y="268"/>
                    <a:pt x="424" y="268"/>
                    <a:pt x="424" y="267"/>
                  </a:cubicBezTo>
                  <a:cubicBezTo>
                    <a:pt x="425" y="267"/>
                    <a:pt x="425" y="267"/>
                    <a:pt x="426" y="267"/>
                  </a:cubicBezTo>
                  <a:cubicBezTo>
                    <a:pt x="427" y="266"/>
                    <a:pt x="428" y="265"/>
                    <a:pt x="430" y="264"/>
                  </a:cubicBezTo>
                  <a:cubicBezTo>
                    <a:pt x="430" y="264"/>
                    <a:pt x="431" y="263"/>
                    <a:pt x="431" y="262"/>
                  </a:cubicBezTo>
                  <a:cubicBezTo>
                    <a:pt x="432" y="262"/>
                    <a:pt x="432" y="262"/>
                    <a:pt x="432" y="261"/>
                  </a:cubicBezTo>
                  <a:cubicBezTo>
                    <a:pt x="432" y="261"/>
                    <a:pt x="432" y="261"/>
                    <a:pt x="432" y="260"/>
                  </a:cubicBezTo>
                  <a:cubicBezTo>
                    <a:pt x="433" y="258"/>
                    <a:pt x="434" y="256"/>
                    <a:pt x="434" y="253"/>
                  </a:cubicBezTo>
                  <a:cubicBezTo>
                    <a:pt x="435" y="249"/>
                    <a:pt x="437" y="244"/>
                    <a:pt x="438" y="239"/>
                  </a:cubicBezTo>
                  <a:cubicBezTo>
                    <a:pt x="441" y="230"/>
                    <a:pt x="443" y="221"/>
                    <a:pt x="445" y="212"/>
                  </a:cubicBezTo>
                  <a:cubicBezTo>
                    <a:pt x="448" y="204"/>
                    <a:pt x="450" y="196"/>
                    <a:pt x="452" y="189"/>
                  </a:cubicBezTo>
                  <a:cubicBezTo>
                    <a:pt x="452" y="188"/>
                    <a:pt x="453" y="187"/>
                    <a:pt x="453" y="186"/>
                  </a:cubicBezTo>
                  <a:cubicBezTo>
                    <a:pt x="455" y="179"/>
                    <a:pt x="457" y="171"/>
                    <a:pt x="459" y="164"/>
                  </a:cubicBezTo>
                  <a:cubicBezTo>
                    <a:pt x="459" y="163"/>
                    <a:pt x="459" y="163"/>
                    <a:pt x="459" y="162"/>
                  </a:cubicBezTo>
                  <a:cubicBezTo>
                    <a:pt x="459" y="162"/>
                    <a:pt x="460" y="162"/>
                    <a:pt x="460" y="161"/>
                  </a:cubicBezTo>
                  <a:cubicBezTo>
                    <a:pt x="469" y="129"/>
                    <a:pt x="477" y="100"/>
                    <a:pt x="483" y="75"/>
                  </a:cubicBezTo>
                  <a:cubicBezTo>
                    <a:pt x="490" y="50"/>
                    <a:pt x="495" y="30"/>
                    <a:pt x="499" y="17"/>
                  </a:cubicBezTo>
                  <a:cubicBezTo>
                    <a:pt x="501" y="10"/>
                    <a:pt x="503" y="5"/>
                    <a:pt x="504" y="1"/>
                  </a:cubicBezTo>
                  <a:cubicBezTo>
                    <a:pt x="504" y="1"/>
                    <a:pt x="504" y="0"/>
                    <a:pt x="505" y="0"/>
                  </a:cubicBezTo>
                  <a:cubicBezTo>
                    <a:pt x="504" y="0"/>
                    <a:pt x="489" y="0"/>
                    <a:pt x="472" y="0"/>
                  </a:cubicBezTo>
                  <a:close/>
                  <a:moveTo>
                    <a:pt x="84" y="166"/>
                  </a:moveTo>
                  <a:cubicBezTo>
                    <a:pt x="82" y="157"/>
                    <a:pt x="79" y="149"/>
                    <a:pt x="77" y="141"/>
                  </a:cubicBezTo>
                  <a:cubicBezTo>
                    <a:pt x="71" y="125"/>
                    <a:pt x="66" y="110"/>
                    <a:pt x="62" y="96"/>
                  </a:cubicBezTo>
                  <a:cubicBezTo>
                    <a:pt x="72" y="96"/>
                    <a:pt x="84" y="96"/>
                    <a:pt x="99" y="96"/>
                  </a:cubicBezTo>
                  <a:cubicBezTo>
                    <a:pt x="106" y="96"/>
                    <a:pt x="113" y="96"/>
                    <a:pt x="121" y="96"/>
                  </a:cubicBezTo>
                  <a:cubicBezTo>
                    <a:pt x="123" y="107"/>
                    <a:pt x="126" y="119"/>
                    <a:pt x="128" y="130"/>
                  </a:cubicBezTo>
                  <a:cubicBezTo>
                    <a:pt x="131" y="142"/>
                    <a:pt x="133" y="154"/>
                    <a:pt x="135" y="165"/>
                  </a:cubicBezTo>
                  <a:cubicBezTo>
                    <a:pt x="121" y="166"/>
                    <a:pt x="108" y="166"/>
                    <a:pt x="96" y="166"/>
                  </a:cubicBezTo>
                  <a:cubicBezTo>
                    <a:pt x="92" y="166"/>
                    <a:pt x="88" y="166"/>
                    <a:pt x="84" y="166"/>
                  </a:cubicBezTo>
                  <a:close/>
                  <a:moveTo>
                    <a:pt x="145" y="254"/>
                  </a:moveTo>
                  <a:cubicBezTo>
                    <a:pt x="137" y="254"/>
                    <a:pt x="128" y="253"/>
                    <a:pt x="120" y="252"/>
                  </a:cubicBezTo>
                  <a:cubicBezTo>
                    <a:pt x="118" y="251"/>
                    <a:pt x="116" y="251"/>
                    <a:pt x="114" y="250"/>
                  </a:cubicBezTo>
                  <a:cubicBezTo>
                    <a:pt x="113" y="250"/>
                    <a:pt x="112" y="250"/>
                    <a:pt x="111" y="249"/>
                  </a:cubicBezTo>
                  <a:cubicBezTo>
                    <a:pt x="111" y="249"/>
                    <a:pt x="110" y="248"/>
                    <a:pt x="110" y="248"/>
                  </a:cubicBezTo>
                  <a:cubicBezTo>
                    <a:pt x="109" y="244"/>
                    <a:pt x="107" y="240"/>
                    <a:pt x="106" y="236"/>
                  </a:cubicBezTo>
                  <a:cubicBezTo>
                    <a:pt x="102" y="222"/>
                    <a:pt x="98" y="209"/>
                    <a:pt x="93" y="196"/>
                  </a:cubicBezTo>
                  <a:cubicBezTo>
                    <a:pt x="96" y="196"/>
                    <a:pt x="99" y="195"/>
                    <a:pt x="101" y="195"/>
                  </a:cubicBezTo>
                  <a:cubicBezTo>
                    <a:pt x="113" y="195"/>
                    <a:pt x="127" y="195"/>
                    <a:pt x="141" y="195"/>
                  </a:cubicBezTo>
                  <a:cubicBezTo>
                    <a:pt x="144" y="209"/>
                    <a:pt x="147" y="221"/>
                    <a:pt x="149" y="231"/>
                  </a:cubicBezTo>
                  <a:cubicBezTo>
                    <a:pt x="152" y="240"/>
                    <a:pt x="153" y="248"/>
                    <a:pt x="155" y="254"/>
                  </a:cubicBezTo>
                  <a:cubicBezTo>
                    <a:pt x="152" y="254"/>
                    <a:pt x="148" y="254"/>
                    <a:pt x="145" y="254"/>
                  </a:cubicBezTo>
                  <a:close/>
                  <a:moveTo>
                    <a:pt x="159" y="128"/>
                  </a:moveTo>
                  <a:cubicBezTo>
                    <a:pt x="156" y="117"/>
                    <a:pt x="154" y="106"/>
                    <a:pt x="152" y="96"/>
                  </a:cubicBezTo>
                  <a:cubicBezTo>
                    <a:pt x="176" y="96"/>
                    <a:pt x="203" y="95"/>
                    <a:pt x="232" y="95"/>
                  </a:cubicBezTo>
                  <a:cubicBezTo>
                    <a:pt x="232" y="104"/>
                    <a:pt x="232" y="114"/>
                    <a:pt x="233" y="124"/>
                  </a:cubicBezTo>
                  <a:cubicBezTo>
                    <a:pt x="233" y="138"/>
                    <a:pt x="234" y="151"/>
                    <a:pt x="234" y="163"/>
                  </a:cubicBezTo>
                  <a:cubicBezTo>
                    <a:pt x="210" y="164"/>
                    <a:pt x="187" y="164"/>
                    <a:pt x="166" y="165"/>
                  </a:cubicBezTo>
                  <a:cubicBezTo>
                    <a:pt x="164" y="153"/>
                    <a:pt x="161" y="141"/>
                    <a:pt x="159" y="128"/>
                  </a:cubicBezTo>
                  <a:close/>
                  <a:moveTo>
                    <a:pt x="193" y="255"/>
                  </a:moveTo>
                  <a:cubicBezTo>
                    <a:pt x="190" y="255"/>
                    <a:pt x="186" y="255"/>
                    <a:pt x="183" y="255"/>
                  </a:cubicBezTo>
                  <a:cubicBezTo>
                    <a:pt x="181" y="248"/>
                    <a:pt x="180" y="239"/>
                    <a:pt x="178" y="228"/>
                  </a:cubicBezTo>
                  <a:cubicBezTo>
                    <a:pt x="176" y="218"/>
                    <a:pt x="174" y="207"/>
                    <a:pt x="172" y="195"/>
                  </a:cubicBezTo>
                  <a:cubicBezTo>
                    <a:pt x="192" y="195"/>
                    <a:pt x="213" y="194"/>
                    <a:pt x="235" y="194"/>
                  </a:cubicBezTo>
                  <a:cubicBezTo>
                    <a:pt x="236" y="206"/>
                    <a:pt x="236" y="218"/>
                    <a:pt x="237" y="227"/>
                  </a:cubicBezTo>
                  <a:cubicBezTo>
                    <a:pt x="238" y="238"/>
                    <a:pt x="239" y="248"/>
                    <a:pt x="239" y="255"/>
                  </a:cubicBezTo>
                  <a:cubicBezTo>
                    <a:pt x="225" y="255"/>
                    <a:pt x="209" y="255"/>
                    <a:pt x="193" y="255"/>
                  </a:cubicBezTo>
                  <a:close/>
                  <a:moveTo>
                    <a:pt x="327" y="219"/>
                  </a:moveTo>
                  <a:cubicBezTo>
                    <a:pt x="325" y="232"/>
                    <a:pt x="323" y="243"/>
                    <a:pt x="323" y="250"/>
                  </a:cubicBezTo>
                  <a:cubicBezTo>
                    <a:pt x="322" y="252"/>
                    <a:pt x="322" y="253"/>
                    <a:pt x="322" y="254"/>
                  </a:cubicBezTo>
                  <a:cubicBezTo>
                    <a:pt x="316" y="254"/>
                    <a:pt x="310" y="254"/>
                    <a:pt x="304" y="255"/>
                  </a:cubicBezTo>
                  <a:cubicBezTo>
                    <a:pt x="301" y="255"/>
                    <a:pt x="298" y="255"/>
                    <a:pt x="295" y="255"/>
                  </a:cubicBezTo>
                  <a:cubicBezTo>
                    <a:pt x="295" y="255"/>
                    <a:pt x="295" y="255"/>
                    <a:pt x="295" y="255"/>
                  </a:cubicBezTo>
                  <a:cubicBezTo>
                    <a:pt x="289" y="255"/>
                    <a:pt x="282" y="255"/>
                    <a:pt x="275" y="255"/>
                  </a:cubicBezTo>
                  <a:cubicBezTo>
                    <a:pt x="272" y="254"/>
                    <a:pt x="269" y="254"/>
                    <a:pt x="266" y="254"/>
                  </a:cubicBezTo>
                  <a:cubicBezTo>
                    <a:pt x="266" y="248"/>
                    <a:pt x="266" y="239"/>
                    <a:pt x="266" y="229"/>
                  </a:cubicBezTo>
                  <a:cubicBezTo>
                    <a:pt x="266" y="218"/>
                    <a:pt x="265" y="206"/>
                    <a:pt x="265" y="193"/>
                  </a:cubicBezTo>
                  <a:cubicBezTo>
                    <a:pt x="288" y="193"/>
                    <a:pt x="310" y="193"/>
                    <a:pt x="331" y="192"/>
                  </a:cubicBezTo>
                  <a:cubicBezTo>
                    <a:pt x="329" y="202"/>
                    <a:pt x="328" y="211"/>
                    <a:pt x="327" y="219"/>
                  </a:cubicBezTo>
                  <a:close/>
                  <a:moveTo>
                    <a:pt x="335" y="162"/>
                  </a:moveTo>
                  <a:cubicBezTo>
                    <a:pt x="313" y="162"/>
                    <a:pt x="289" y="163"/>
                    <a:pt x="264" y="163"/>
                  </a:cubicBezTo>
                  <a:cubicBezTo>
                    <a:pt x="264" y="151"/>
                    <a:pt x="264" y="139"/>
                    <a:pt x="263" y="127"/>
                  </a:cubicBezTo>
                  <a:cubicBezTo>
                    <a:pt x="263" y="115"/>
                    <a:pt x="262" y="105"/>
                    <a:pt x="262" y="94"/>
                  </a:cubicBezTo>
                  <a:cubicBezTo>
                    <a:pt x="292" y="94"/>
                    <a:pt x="320" y="93"/>
                    <a:pt x="346" y="93"/>
                  </a:cubicBezTo>
                  <a:cubicBezTo>
                    <a:pt x="345" y="101"/>
                    <a:pt x="343" y="110"/>
                    <a:pt x="342" y="118"/>
                  </a:cubicBezTo>
                  <a:cubicBezTo>
                    <a:pt x="339" y="134"/>
                    <a:pt x="337" y="148"/>
                    <a:pt x="335" y="162"/>
                  </a:cubicBezTo>
                  <a:close/>
                  <a:moveTo>
                    <a:pt x="419" y="190"/>
                  </a:moveTo>
                  <a:cubicBezTo>
                    <a:pt x="414" y="207"/>
                    <a:pt x="409" y="225"/>
                    <a:pt x="405" y="242"/>
                  </a:cubicBezTo>
                  <a:cubicBezTo>
                    <a:pt x="404" y="243"/>
                    <a:pt x="402" y="244"/>
                    <a:pt x="400" y="245"/>
                  </a:cubicBezTo>
                  <a:cubicBezTo>
                    <a:pt x="398" y="246"/>
                    <a:pt x="396" y="246"/>
                    <a:pt x="394" y="247"/>
                  </a:cubicBezTo>
                  <a:cubicBezTo>
                    <a:pt x="390" y="248"/>
                    <a:pt x="385" y="248"/>
                    <a:pt x="381" y="249"/>
                  </a:cubicBezTo>
                  <a:cubicBezTo>
                    <a:pt x="372" y="250"/>
                    <a:pt x="363" y="251"/>
                    <a:pt x="354" y="252"/>
                  </a:cubicBezTo>
                  <a:cubicBezTo>
                    <a:pt x="352" y="252"/>
                    <a:pt x="351" y="252"/>
                    <a:pt x="349" y="252"/>
                  </a:cubicBezTo>
                  <a:cubicBezTo>
                    <a:pt x="350" y="245"/>
                    <a:pt x="353" y="235"/>
                    <a:pt x="355" y="222"/>
                  </a:cubicBezTo>
                  <a:cubicBezTo>
                    <a:pt x="357" y="213"/>
                    <a:pt x="359" y="203"/>
                    <a:pt x="361" y="191"/>
                  </a:cubicBezTo>
                  <a:cubicBezTo>
                    <a:pt x="380" y="191"/>
                    <a:pt x="397" y="190"/>
                    <a:pt x="412" y="190"/>
                  </a:cubicBezTo>
                  <a:cubicBezTo>
                    <a:pt x="414" y="190"/>
                    <a:pt x="416" y="190"/>
                    <a:pt x="419" y="190"/>
                  </a:cubicBezTo>
                  <a:cubicBezTo>
                    <a:pt x="419" y="190"/>
                    <a:pt x="419" y="190"/>
                    <a:pt x="419" y="190"/>
                  </a:cubicBezTo>
                  <a:close/>
                  <a:moveTo>
                    <a:pt x="444" y="97"/>
                  </a:moveTo>
                  <a:cubicBezTo>
                    <a:pt x="440" y="111"/>
                    <a:pt x="436" y="126"/>
                    <a:pt x="432" y="142"/>
                  </a:cubicBezTo>
                  <a:cubicBezTo>
                    <a:pt x="430" y="148"/>
                    <a:pt x="428" y="155"/>
                    <a:pt x="426" y="162"/>
                  </a:cubicBezTo>
                  <a:cubicBezTo>
                    <a:pt x="421" y="162"/>
                    <a:pt x="415" y="161"/>
                    <a:pt x="409" y="161"/>
                  </a:cubicBezTo>
                  <a:cubicBezTo>
                    <a:pt x="396" y="161"/>
                    <a:pt x="381" y="162"/>
                    <a:pt x="366" y="162"/>
                  </a:cubicBezTo>
                  <a:cubicBezTo>
                    <a:pt x="368" y="148"/>
                    <a:pt x="370" y="134"/>
                    <a:pt x="372" y="120"/>
                  </a:cubicBezTo>
                  <a:cubicBezTo>
                    <a:pt x="374" y="110"/>
                    <a:pt x="376" y="101"/>
                    <a:pt x="377" y="92"/>
                  </a:cubicBezTo>
                  <a:cubicBezTo>
                    <a:pt x="389" y="92"/>
                    <a:pt x="400" y="91"/>
                    <a:pt x="410" y="91"/>
                  </a:cubicBezTo>
                  <a:cubicBezTo>
                    <a:pt x="424" y="90"/>
                    <a:pt x="436" y="90"/>
                    <a:pt x="446" y="90"/>
                  </a:cubicBezTo>
                  <a:cubicBezTo>
                    <a:pt x="446" y="92"/>
                    <a:pt x="445" y="95"/>
                    <a:pt x="444" y="97"/>
                  </a:cubicBezTo>
                  <a:close/>
                  <a:moveTo>
                    <a:pt x="56" y="4"/>
                  </a:moveTo>
                  <a:cubicBezTo>
                    <a:pt x="59" y="4"/>
                    <a:pt x="62" y="3"/>
                    <a:pt x="65" y="3"/>
                  </a:cubicBezTo>
                  <a:cubicBezTo>
                    <a:pt x="62" y="3"/>
                    <a:pt x="59" y="4"/>
                    <a:pt x="56" y="4"/>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3" name="iSļïde">
              <a:extLst>
                <a:ext uri="{FF2B5EF4-FFF2-40B4-BE49-F238E27FC236}">
                  <a16:creationId xmlns:a16="http://schemas.microsoft.com/office/drawing/2014/main" xmlns="" id="{A8FAB05E-898B-4CBF-A663-3B102F648D2C}"/>
                </a:ext>
              </a:extLst>
            </p:cNvPr>
            <p:cNvSpPr/>
            <p:nvPr/>
          </p:nvSpPr>
          <p:spPr bwMode="auto">
            <a:xfrm>
              <a:off x="4916963" y="4477996"/>
              <a:ext cx="846863" cy="334912"/>
            </a:xfrm>
            <a:custGeom>
              <a:avLst/>
              <a:gdLst>
                <a:gd name="T0" fmla="*/ 384 w 392"/>
                <a:gd name="T1" fmla="*/ 65 h 155"/>
                <a:gd name="T2" fmla="*/ 361 w 392"/>
                <a:gd name="T3" fmla="*/ 9 h 155"/>
                <a:gd name="T4" fmla="*/ 357 w 392"/>
                <a:gd name="T5" fmla="*/ 0 h 155"/>
                <a:gd name="T6" fmla="*/ 355 w 392"/>
                <a:gd name="T7" fmla="*/ 1 h 155"/>
                <a:gd name="T8" fmla="*/ 344 w 392"/>
                <a:gd name="T9" fmla="*/ 4 h 155"/>
                <a:gd name="T10" fmla="*/ 330 w 392"/>
                <a:gd name="T11" fmla="*/ 7 h 155"/>
                <a:gd name="T12" fmla="*/ 324 w 392"/>
                <a:gd name="T13" fmla="*/ 8 h 155"/>
                <a:gd name="T14" fmla="*/ 323 w 392"/>
                <a:gd name="T15" fmla="*/ 8 h 155"/>
                <a:gd name="T16" fmla="*/ 323 w 392"/>
                <a:gd name="T17" fmla="*/ 9 h 155"/>
                <a:gd name="T18" fmla="*/ 329 w 392"/>
                <a:gd name="T19" fmla="*/ 29 h 155"/>
                <a:gd name="T20" fmla="*/ 340 w 392"/>
                <a:gd name="T21" fmla="*/ 60 h 155"/>
                <a:gd name="T22" fmla="*/ 345 w 392"/>
                <a:gd name="T23" fmla="*/ 79 h 155"/>
                <a:gd name="T24" fmla="*/ 326 w 392"/>
                <a:gd name="T25" fmla="*/ 111 h 155"/>
                <a:gd name="T26" fmla="*/ 136 w 392"/>
                <a:gd name="T27" fmla="*/ 115 h 155"/>
                <a:gd name="T28" fmla="*/ 60 w 392"/>
                <a:gd name="T29" fmla="*/ 113 h 155"/>
                <a:gd name="T30" fmla="*/ 0 w 392"/>
                <a:gd name="T31" fmla="*/ 127 h 155"/>
                <a:gd name="T32" fmla="*/ 54 w 392"/>
                <a:gd name="T33" fmla="*/ 149 h 155"/>
                <a:gd name="T34" fmla="*/ 255 w 392"/>
                <a:gd name="T35" fmla="*/ 151 h 155"/>
                <a:gd name="T36" fmla="*/ 315 w 392"/>
                <a:gd name="T37" fmla="*/ 150 h 155"/>
                <a:gd name="T38" fmla="*/ 387 w 392"/>
                <a:gd name="T39" fmla="*/ 131 h 155"/>
                <a:gd name="T40" fmla="*/ 392 w 392"/>
                <a:gd name="T41" fmla="*/ 107 h 155"/>
                <a:gd name="T42" fmla="*/ 384 w 392"/>
                <a:gd name="T43" fmla="*/ 65 h 1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2" h="155">
                  <a:moveTo>
                    <a:pt x="384" y="65"/>
                  </a:moveTo>
                  <a:cubicBezTo>
                    <a:pt x="376" y="40"/>
                    <a:pt x="367" y="22"/>
                    <a:pt x="361" y="9"/>
                  </a:cubicBezTo>
                  <a:cubicBezTo>
                    <a:pt x="360" y="5"/>
                    <a:pt x="358" y="3"/>
                    <a:pt x="357" y="0"/>
                  </a:cubicBezTo>
                  <a:cubicBezTo>
                    <a:pt x="355" y="1"/>
                    <a:pt x="355" y="1"/>
                    <a:pt x="355" y="1"/>
                  </a:cubicBezTo>
                  <a:cubicBezTo>
                    <a:pt x="352" y="2"/>
                    <a:pt x="348" y="3"/>
                    <a:pt x="344" y="4"/>
                  </a:cubicBezTo>
                  <a:cubicBezTo>
                    <a:pt x="340" y="5"/>
                    <a:pt x="335" y="6"/>
                    <a:pt x="330" y="7"/>
                  </a:cubicBezTo>
                  <a:cubicBezTo>
                    <a:pt x="328" y="7"/>
                    <a:pt x="326" y="7"/>
                    <a:pt x="324" y="8"/>
                  </a:cubicBezTo>
                  <a:cubicBezTo>
                    <a:pt x="323" y="8"/>
                    <a:pt x="323" y="8"/>
                    <a:pt x="323" y="8"/>
                  </a:cubicBezTo>
                  <a:cubicBezTo>
                    <a:pt x="323" y="8"/>
                    <a:pt x="323" y="8"/>
                    <a:pt x="323" y="9"/>
                  </a:cubicBezTo>
                  <a:cubicBezTo>
                    <a:pt x="324" y="13"/>
                    <a:pt x="326" y="20"/>
                    <a:pt x="329" y="29"/>
                  </a:cubicBezTo>
                  <a:cubicBezTo>
                    <a:pt x="332" y="37"/>
                    <a:pt x="336" y="48"/>
                    <a:pt x="340" y="60"/>
                  </a:cubicBezTo>
                  <a:cubicBezTo>
                    <a:pt x="342" y="66"/>
                    <a:pt x="344" y="73"/>
                    <a:pt x="345" y="79"/>
                  </a:cubicBezTo>
                  <a:cubicBezTo>
                    <a:pt x="351" y="101"/>
                    <a:pt x="347" y="109"/>
                    <a:pt x="326" y="111"/>
                  </a:cubicBezTo>
                  <a:cubicBezTo>
                    <a:pt x="262" y="116"/>
                    <a:pt x="200" y="116"/>
                    <a:pt x="136" y="115"/>
                  </a:cubicBezTo>
                  <a:cubicBezTo>
                    <a:pt x="112" y="115"/>
                    <a:pt x="84" y="113"/>
                    <a:pt x="60" y="113"/>
                  </a:cubicBezTo>
                  <a:cubicBezTo>
                    <a:pt x="46" y="114"/>
                    <a:pt x="0" y="107"/>
                    <a:pt x="0" y="127"/>
                  </a:cubicBezTo>
                  <a:cubicBezTo>
                    <a:pt x="0" y="150"/>
                    <a:pt x="39" y="148"/>
                    <a:pt x="54" y="149"/>
                  </a:cubicBezTo>
                  <a:cubicBezTo>
                    <a:pt x="106" y="149"/>
                    <a:pt x="176" y="151"/>
                    <a:pt x="255" y="151"/>
                  </a:cubicBezTo>
                  <a:cubicBezTo>
                    <a:pt x="275" y="151"/>
                    <a:pt x="295" y="151"/>
                    <a:pt x="315" y="150"/>
                  </a:cubicBezTo>
                  <a:cubicBezTo>
                    <a:pt x="338" y="150"/>
                    <a:pt x="374" y="155"/>
                    <a:pt x="387" y="131"/>
                  </a:cubicBezTo>
                  <a:cubicBezTo>
                    <a:pt x="391" y="123"/>
                    <a:pt x="392" y="115"/>
                    <a:pt x="392" y="107"/>
                  </a:cubicBezTo>
                  <a:cubicBezTo>
                    <a:pt x="392" y="91"/>
                    <a:pt x="388" y="77"/>
                    <a:pt x="384" y="65"/>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4" name="i$ľiďé">
              <a:extLst>
                <a:ext uri="{FF2B5EF4-FFF2-40B4-BE49-F238E27FC236}">
                  <a16:creationId xmlns:a16="http://schemas.microsoft.com/office/drawing/2014/main" xmlns="" id="{DA50174E-B312-4406-861E-652E1C2E3D15}"/>
                </a:ext>
              </a:extLst>
            </p:cNvPr>
            <p:cNvSpPr/>
            <p:nvPr/>
          </p:nvSpPr>
          <p:spPr bwMode="auto">
            <a:xfrm>
              <a:off x="5003657" y="4866750"/>
              <a:ext cx="198027" cy="202590"/>
            </a:xfrm>
            <a:custGeom>
              <a:avLst/>
              <a:gdLst>
                <a:gd name="T0" fmla="*/ 91 w 92"/>
                <a:gd name="T1" fmla="*/ 41 h 94"/>
                <a:gd name="T2" fmla="*/ 66 w 92"/>
                <a:gd name="T3" fmla="*/ 6 h 94"/>
                <a:gd name="T4" fmla="*/ 16 w 92"/>
                <a:gd name="T5" fmla="*/ 12 h 94"/>
                <a:gd name="T6" fmla="*/ 1 w 92"/>
                <a:gd name="T7" fmla="*/ 39 h 94"/>
                <a:gd name="T8" fmla="*/ 4 w 92"/>
                <a:gd name="T9" fmla="*/ 63 h 94"/>
                <a:gd name="T10" fmla="*/ 19 w 92"/>
                <a:gd name="T11" fmla="*/ 83 h 94"/>
                <a:gd name="T12" fmla="*/ 67 w 92"/>
                <a:gd name="T13" fmla="*/ 86 h 94"/>
                <a:gd name="T14" fmla="*/ 91 w 92"/>
                <a:gd name="T15" fmla="*/ 41 h 94"/>
                <a:gd name="T16" fmla="*/ 70 w 92"/>
                <a:gd name="T17" fmla="*/ 47 h 94"/>
                <a:gd name="T18" fmla="*/ 70 w 92"/>
                <a:gd name="T19" fmla="*/ 48 h 94"/>
                <a:gd name="T20" fmla="*/ 70 w 92"/>
                <a:gd name="T21" fmla="*/ 49 h 94"/>
                <a:gd name="T22" fmla="*/ 69 w 92"/>
                <a:gd name="T23" fmla="*/ 50 h 94"/>
                <a:gd name="T24" fmla="*/ 57 w 92"/>
                <a:gd name="T25" fmla="*/ 66 h 94"/>
                <a:gd name="T26" fmla="*/ 34 w 92"/>
                <a:gd name="T27" fmla="*/ 64 h 94"/>
                <a:gd name="T28" fmla="*/ 27 w 92"/>
                <a:gd name="T29" fmla="*/ 54 h 94"/>
                <a:gd name="T30" fmla="*/ 25 w 92"/>
                <a:gd name="T31" fmla="*/ 42 h 94"/>
                <a:gd name="T32" fmla="*/ 29 w 92"/>
                <a:gd name="T33" fmla="*/ 32 h 94"/>
                <a:gd name="T34" fmla="*/ 37 w 92"/>
                <a:gd name="T35" fmla="*/ 26 h 94"/>
                <a:gd name="T36" fmla="*/ 50 w 92"/>
                <a:gd name="T37" fmla="*/ 24 h 94"/>
                <a:gd name="T38" fmla="*/ 50 w 92"/>
                <a:gd name="T39" fmla="*/ 24 h 94"/>
                <a:gd name="T40" fmla="*/ 52 w 92"/>
                <a:gd name="T41" fmla="*/ 24 h 94"/>
                <a:gd name="T42" fmla="*/ 52 w 92"/>
                <a:gd name="T43" fmla="*/ 24 h 94"/>
                <a:gd name="T44" fmla="*/ 55 w 92"/>
                <a:gd name="T45" fmla="*/ 25 h 94"/>
                <a:gd name="T46" fmla="*/ 55 w 92"/>
                <a:gd name="T47" fmla="*/ 25 h 94"/>
                <a:gd name="T48" fmla="*/ 56 w 92"/>
                <a:gd name="T49" fmla="*/ 26 h 94"/>
                <a:gd name="T50" fmla="*/ 63 w 92"/>
                <a:gd name="T51" fmla="*/ 30 h 94"/>
                <a:gd name="T52" fmla="*/ 70 w 92"/>
                <a:gd name="T53" fmla="*/ 43 h 94"/>
                <a:gd name="T54" fmla="*/ 70 w 92"/>
                <a:gd name="T55" fmla="*/ 47 h 94"/>
                <a:gd name="T56" fmla="*/ 68 w 92"/>
                <a:gd name="T57" fmla="*/ 58 h 94"/>
                <a:gd name="T58" fmla="*/ 68 w 92"/>
                <a:gd name="T59" fmla="*/ 58 h 94"/>
                <a:gd name="T60" fmla="*/ 63 w 92"/>
                <a:gd name="T61" fmla="*/ 65 h 94"/>
                <a:gd name="T62" fmla="*/ 68 w 92"/>
                <a:gd name="T63" fmla="*/ 58 h 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92" h="94">
                  <a:moveTo>
                    <a:pt x="91" y="41"/>
                  </a:moveTo>
                  <a:cubicBezTo>
                    <a:pt x="89" y="26"/>
                    <a:pt x="81" y="12"/>
                    <a:pt x="66" y="6"/>
                  </a:cubicBezTo>
                  <a:cubicBezTo>
                    <a:pt x="50" y="0"/>
                    <a:pt x="30" y="1"/>
                    <a:pt x="16" y="12"/>
                  </a:cubicBezTo>
                  <a:cubicBezTo>
                    <a:pt x="9" y="18"/>
                    <a:pt x="3" y="29"/>
                    <a:pt x="1" y="39"/>
                  </a:cubicBezTo>
                  <a:cubicBezTo>
                    <a:pt x="0" y="46"/>
                    <a:pt x="1" y="55"/>
                    <a:pt x="4" y="63"/>
                  </a:cubicBezTo>
                  <a:cubicBezTo>
                    <a:pt x="7" y="71"/>
                    <a:pt x="12" y="78"/>
                    <a:pt x="19" y="83"/>
                  </a:cubicBezTo>
                  <a:cubicBezTo>
                    <a:pt x="34" y="94"/>
                    <a:pt x="52" y="94"/>
                    <a:pt x="67" y="86"/>
                  </a:cubicBezTo>
                  <a:cubicBezTo>
                    <a:pt x="84" y="78"/>
                    <a:pt x="92" y="58"/>
                    <a:pt x="91" y="41"/>
                  </a:cubicBezTo>
                  <a:close/>
                  <a:moveTo>
                    <a:pt x="70" y="47"/>
                  </a:moveTo>
                  <a:cubicBezTo>
                    <a:pt x="70" y="47"/>
                    <a:pt x="70" y="48"/>
                    <a:pt x="70" y="48"/>
                  </a:cubicBezTo>
                  <a:cubicBezTo>
                    <a:pt x="70" y="48"/>
                    <a:pt x="70" y="49"/>
                    <a:pt x="70" y="49"/>
                  </a:cubicBezTo>
                  <a:cubicBezTo>
                    <a:pt x="70" y="49"/>
                    <a:pt x="69" y="50"/>
                    <a:pt x="69" y="50"/>
                  </a:cubicBezTo>
                  <a:cubicBezTo>
                    <a:pt x="68" y="56"/>
                    <a:pt x="64" y="62"/>
                    <a:pt x="57" y="66"/>
                  </a:cubicBezTo>
                  <a:cubicBezTo>
                    <a:pt x="51" y="71"/>
                    <a:pt x="41" y="69"/>
                    <a:pt x="34" y="64"/>
                  </a:cubicBezTo>
                  <a:cubicBezTo>
                    <a:pt x="31" y="61"/>
                    <a:pt x="28" y="57"/>
                    <a:pt x="27" y="54"/>
                  </a:cubicBezTo>
                  <a:cubicBezTo>
                    <a:pt x="25" y="50"/>
                    <a:pt x="25" y="46"/>
                    <a:pt x="25" y="42"/>
                  </a:cubicBezTo>
                  <a:cubicBezTo>
                    <a:pt x="26" y="38"/>
                    <a:pt x="27" y="35"/>
                    <a:pt x="29" y="32"/>
                  </a:cubicBezTo>
                  <a:cubicBezTo>
                    <a:pt x="32" y="30"/>
                    <a:pt x="34" y="28"/>
                    <a:pt x="37" y="26"/>
                  </a:cubicBezTo>
                  <a:cubicBezTo>
                    <a:pt x="42" y="23"/>
                    <a:pt x="47" y="23"/>
                    <a:pt x="50" y="24"/>
                  </a:cubicBezTo>
                  <a:cubicBezTo>
                    <a:pt x="50" y="24"/>
                    <a:pt x="50" y="24"/>
                    <a:pt x="50" y="24"/>
                  </a:cubicBezTo>
                  <a:cubicBezTo>
                    <a:pt x="51" y="24"/>
                    <a:pt x="51" y="24"/>
                    <a:pt x="52" y="24"/>
                  </a:cubicBezTo>
                  <a:cubicBezTo>
                    <a:pt x="52" y="24"/>
                    <a:pt x="52" y="24"/>
                    <a:pt x="52" y="24"/>
                  </a:cubicBezTo>
                  <a:cubicBezTo>
                    <a:pt x="54" y="25"/>
                    <a:pt x="55" y="25"/>
                    <a:pt x="55" y="25"/>
                  </a:cubicBezTo>
                  <a:cubicBezTo>
                    <a:pt x="55" y="25"/>
                    <a:pt x="55" y="25"/>
                    <a:pt x="55" y="25"/>
                  </a:cubicBezTo>
                  <a:cubicBezTo>
                    <a:pt x="55" y="25"/>
                    <a:pt x="56" y="26"/>
                    <a:pt x="56" y="26"/>
                  </a:cubicBezTo>
                  <a:cubicBezTo>
                    <a:pt x="59" y="27"/>
                    <a:pt x="61" y="28"/>
                    <a:pt x="63" y="30"/>
                  </a:cubicBezTo>
                  <a:cubicBezTo>
                    <a:pt x="66" y="34"/>
                    <a:pt x="69" y="38"/>
                    <a:pt x="70" y="43"/>
                  </a:cubicBezTo>
                  <a:cubicBezTo>
                    <a:pt x="70" y="44"/>
                    <a:pt x="70" y="46"/>
                    <a:pt x="70" y="47"/>
                  </a:cubicBezTo>
                  <a:close/>
                  <a:moveTo>
                    <a:pt x="68" y="58"/>
                  </a:moveTo>
                  <a:cubicBezTo>
                    <a:pt x="68" y="58"/>
                    <a:pt x="68" y="58"/>
                    <a:pt x="68" y="58"/>
                  </a:cubicBezTo>
                  <a:cubicBezTo>
                    <a:pt x="67" y="60"/>
                    <a:pt x="65" y="63"/>
                    <a:pt x="63" y="65"/>
                  </a:cubicBezTo>
                  <a:cubicBezTo>
                    <a:pt x="65" y="63"/>
                    <a:pt x="67" y="60"/>
                    <a:pt x="68" y="58"/>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5" name="ïŝļidé">
              <a:extLst>
                <a:ext uri="{FF2B5EF4-FFF2-40B4-BE49-F238E27FC236}">
                  <a16:creationId xmlns:a16="http://schemas.microsoft.com/office/drawing/2014/main" xmlns="" id="{60FE0E0E-ED9D-402E-9F39-3678BA978A02}"/>
                </a:ext>
              </a:extLst>
            </p:cNvPr>
            <p:cNvSpPr/>
            <p:nvPr/>
          </p:nvSpPr>
          <p:spPr bwMode="auto">
            <a:xfrm>
              <a:off x="4768215" y="3914029"/>
              <a:ext cx="777507" cy="600469"/>
            </a:xfrm>
            <a:custGeom>
              <a:avLst/>
              <a:gdLst>
                <a:gd name="T0" fmla="*/ 360 w 360"/>
                <a:gd name="T1" fmla="*/ 270 h 278"/>
                <a:gd name="T2" fmla="*/ 338 w 360"/>
                <a:gd name="T3" fmla="*/ 274 h 278"/>
                <a:gd name="T4" fmla="*/ 279 w 360"/>
                <a:gd name="T5" fmla="*/ 277 h 278"/>
                <a:gd name="T6" fmla="*/ 192 w 360"/>
                <a:gd name="T7" fmla="*/ 278 h 278"/>
                <a:gd name="T8" fmla="*/ 140 w 360"/>
                <a:gd name="T9" fmla="*/ 276 h 278"/>
                <a:gd name="T10" fmla="*/ 113 w 360"/>
                <a:gd name="T11" fmla="*/ 273 h 278"/>
                <a:gd name="T12" fmla="*/ 99 w 360"/>
                <a:gd name="T13" fmla="*/ 271 h 278"/>
                <a:gd name="T14" fmla="*/ 91 w 360"/>
                <a:gd name="T15" fmla="*/ 268 h 278"/>
                <a:gd name="T16" fmla="*/ 88 w 360"/>
                <a:gd name="T17" fmla="*/ 266 h 278"/>
                <a:gd name="T18" fmla="*/ 86 w 360"/>
                <a:gd name="T19" fmla="*/ 264 h 278"/>
                <a:gd name="T20" fmla="*/ 85 w 360"/>
                <a:gd name="T21" fmla="*/ 262 h 278"/>
                <a:gd name="T22" fmla="*/ 26 w 360"/>
                <a:gd name="T23" fmla="*/ 76 h 278"/>
                <a:gd name="T24" fmla="*/ 8 w 360"/>
                <a:gd name="T25" fmla="*/ 20 h 278"/>
                <a:gd name="T26" fmla="*/ 1 w 360"/>
                <a:gd name="T27" fmla="*/ 0 h 278"/>
                <a:gd name="T28" fmla="*/ 4 w 360"/>
                <a:gd name="T29" fmla="*/ 5 h 278"/>
                <a:gd name="T30" fmla="*/ 10 w 360"/>
                <a:gd name="T31" fmla="*/ 19 h 278"/>
                <a:gd name="T32" fmla="*/ 29 w 360"/>
                <a:gd name="T33" fmla="*/ 75 h 278"/>
                <a:gd name="T34" fmla="*/ 42 w 360"/>
                <a:gd name="T35" fmla="*/ 114 h 278"/>
                <a:gd name="T36" fmla="*/ 57 w 360"/>
                <a:gd name="T37" fmla="*/ 158 h 278"/>
                <a:gd name="T38" fmla="*/ 90 w 360"/>
                <a:gd name="T39" fmla="*/ 260 h 278"/>
                <a:gd name="T40" fmla="*/ 90 w 360"/>
                <a:gd name="T41" fmla="*/ 261 h 278"/>
                <a:gd name="T42" fmla="*/ 91 w 360"/>
                <a:gd name="T43" fmla="*/ 262 h 278"/>
                <a:gd name="T44" fmla="*/ 94 w 360"/>
                <a:gd name="T45" fmla="*/ 263 h 278"/>
                <a:gd name="T46" fmla="*/ 100 w 360"/>
                <a:gd name="T47" fmla="*/ 265 h 278"/>
                <a:gd name="T48" fmla="*/ 113 w 360"/>
                <a:gd name="T49" fmla="*/ 268 h 278"/>
                <a:gd name="T50" fmla="*/ 140 w 360"/>
                <a:gd name="T51" fmla="*/ 271 h 278"/>
                <a:gd name="T52" fmla="*/ 192 w 360"/>
                <a:gd name="T53" fmla="*/ 273 h 278"/>
                <a:gd name="T54" fmla="*/ 279 w 360"/>
                <a:gd name="T55" fmla="*/ 273 h 278"/>
                <a:gd name="T56" fmla="*/ 338 w 360"/>
                <a:gd name="T57" fmla="*/ 271 h 278"/>
                <a:gd name="T58" fmla="*/ 354 w 360"/>
                <a:gd name="T59" fmla="*/ 271 h 278"/>
                <a:gd name="T60" fmla="*/ 360 w 360"/>
                <a:gd name="T61" fmla="*/ 270 h 2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60" h="278">
                  <a:moveTo>
                    <a:pt x="360" y="270"/>
                  </a:moveTo>
                  <a:cubicBezTo>
                    <a:pt x="360" y="271"/>
                    <a:pt x="352" y="272"/>
                    <a:pt x="338" y="274"/>
                  </a:cubicBezTo>
                  <a:cubicBezTo>
                    <a:pt x="324" y="275"/>
                    <a:pt x="304" y="276"/>
                    <a:pt x="279" y="277"/>
                  </a:cubicBezTo>
                  <a:cubicBezTo>
                    <a:pt x="254" y="278"/>
                    <a:pt x="225" y="278"/>
                    <a:pt x="192" y="278"/>
                  </a:cubicBezTo>
                  <a:cubicBezTo>
                    <a:pt x="175" y="278"/>
                    <a:pt x="158" y="277"/>
                    <a:pt x="140" y="276"/>
                  </a:cubicBezTo>
                  <a:cubicBezTo>
                    <a:pt x="131" y="276"/>
                    <a:pt x="122" y="275"/>
                    <a:pt x="113" y="273"/>
                  </a:cubicBezTo>
                  <a:cubicBezTo>
                    <a:pt x="108" y="273"/>
                    <a:pt x="103" y="272"/>
                    <a:pt x="99" y="271"/>
                  </a:cubicBezTo>
                  <a:cubicBezTo>
                    <a:pt x="96" y="270"/>
                    <a:pt x="94" y="269"/>
                    <a:pt x="91" y="268"/>
                  </a:cubicBezTo>
                  <a:cubicBezTo>
                    <a:pt x="90" y="268"/>
                    <a:pt x="89" y="267"/>
                    <a:pt x="88" y="266"/>
                  </a:cubicBezTo>
                  <a:cubicBezTo>
                    <a:pt x="87" y="266"/>
                    <a:pt x="87" y="265"/>
                    <a:pt x="86" y="264"/>
                  </a:cubicBezTo>
                  <a:cubicBezTo>
                    <a:pt x="85" y="263"/>
                    <a:pt x="85" y="263"/>
                    <a:pt x="85" y="262"/>
                  </a:cubicBezTo>
                  <a:cubicBezTo>
                    <a:pt x="62" y="190"/>
                    <a:pt x="41" y="124"/>
                    <a:pt x="26" y="76"/>
                  </a:cubicBezTo>
                  <a:cubicBezTo>
                    <a:pt x="18" y="53"/>
                    <a:pt x="13" y="33"/>
                    <a:pt x="8" y="20"/>
                  </a:cubicBezTo>
                  <a:cubicBezTo>
                    <a:pt x="3" y="7"/>
                    <a:pt x="0" y="0"/>
                    <a:pt x="1" y="0"/>
                  </a:cubicBezTo>
                  <a:cubicBezTo>
                    <a:pt x="1" y="0"/>
                    <a:pt x="2" y="1"/>
                    <a:pt x="4" y="5"/>
                  </a:cubicBezTo>
                  <a:cubicBezTo>
                    <a:pt x="5" y="8"/>
                    <a:pt x="7" y="13"/>
                    <a:pt x="10" y="19"/>
                  </a:cubicBezTo>
                  <a:cubicBezTo>
                    <a:pt x="15" y="32"/>
                    <a:pt x="22" y="52"/>
                    <a:pt x="29" y="75"/>
                  </a:cubicBezTo>
                  <a:cubicBezTo>
                    <a:pt x="33" y="87"/>
                    <a:pt x="38" y="100"/>
                    <a:pt x="42" y="114"/>
                  </a:cubicBezTo>
                  <a:cubicBezTo>
                    <a:pt x="47" y="128"/>
                    <a:pt x="52" y="143"/>
                    <a:pt x="57" y="158"/>
                  </a:cubicBezTo>
                  <a:cubicBezTo>
                    <a:pt x="67" y="190"/>
                    <a:pt x="78" y="224"/>
                    <a:pt x="90" y="260"/>
                  </a:cubicBezTo>
                  <a:cubicBezTo>
                    <a:pt x="90" y="261"/>
                    <a:pt x="90" y="261"/>
                    <a:pt x="90" y="261"/>
                  </a:cubicBezTo>
                  <a:cubicBezTo>
                    <a:pt x="91" y="261"/>
                    <a:pt x="91" y="261"/>
                    <a:pt x="91" y="262"/>
                  </a:cubicBezTo>
                  <a:cubicBezTo>
                    <a:pt x="92" y="262"/>
                    <a:pt x="93" y="263"/>
                    <a:pt x="94" y="263"/>
                  </a:cubicBezTo>
                  <a:cubicBezTo>
                    <a:pt x="96" y="264"/>
                    <a:pt x="98" y="265"/>
                    <a:pt x="100" y="265"/>
                  </a:cubicBezTo>
                  <a:cubicBezTo>
                    <a:pt x="104" y="266"/>
                    <a:pt x="109" y="267"/>
                    <a:pt x="113" y="268"/>
                  </a:cubicBezTo>
                  <a:cubicBezTo>
                    <a:pt x="122" y="269"/>
                    <a:pt x="131" y="270"/>
                    <a:pt x="140" y="271"/>
                  </a:cubicBezTo>
                  <a:cubicBezTo>
                    <a:pt x="158" y="272"/>
                    <a:pt x="175" y="273"/>
                    <a:pt x="192" y="273"/>
                  </a:cubicBezTo>
                  <a:cubicBezTo>
                    <a:pt x="225" y="274"/>
                    <a:pt x="254" y="273"/>
                    <a:pt x="279" y="273"/>
                  </a:cubicBezTo>
                  <a:cubicBezTo>
                    <a:pt x="304" y="273"/>
                    <a:pt x="324" y="272"/>
                    <a:pt x="338" y="271"/>
                  </a:cubicBezTo>
                  <a:cubicBezTo>
                    <a:pt x="345" y="271"/>
                    <a:pt x="351" y="271"/>
                    <a:pt x="354" y="271"/>
                  </a:cubicBezTo>
                  <a:cubicBezTo>
                    <a:pt x="358" y="270"/>
                    <a:pt x="360" y="270"/>
                    <a:pt x="360" y="27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6" name="îşḷiḑè">
              <a:extLst>
                <a:ext uri="{FF2B5EF4-FFF2-40B4-BE49-F238E27FC236}">
                  <a16:creationId xmlns:a16="http://schemas.microsoft.com/office/drawing/2014/main" xmlns="" id="{17A2EC75-48D0-4C93-B79B-1345C5C4C691}"/>
                </a:ext>
              </a:extLst>
            </p:cNvPr>
            <p:cNvSpPr/>
            <p:nvPr/>
          </p:nvSpPr>
          <p:spPr bwMode="auto">
            <a:xfrm>
              <a:off x="4836657" y="3905816"/>
              <a:ext cx="175213" cy="532940"/>
            </a:xfrm>
            <a:custGeom>
              <a:avLst/>
              <a:gdLst>
                <a:gd name="T0" fmla="*/ 81 w 81"/>
                <a:gd name="T1" fmla="*/ 247 h 247"/>
                <a:gd name="T2" fmla="*/ 77 w 81"/>
                <a:gd name="T3" fmla="*/ 238 h 247"/>
                <a:gd name="T4" fmla="*/ 68 w 81"/>
                <a:gd name="T5" fmla="*/ 211 h 247"/>
                <a:gd name="T6" fmla="*/ 39 w 81"/>
                <a:gd name="T7" fmla="*/ 124 h 247"/>
                <a:gd name="T8" fmla="*/ 22 w 81"/>
                <a:gd name="T9" fmla="*/ 76 h 247"/>
                <a:gd name="T10" fmla="*/ 10 w 81"/>
                <a:gd name="T11" fmla="*/ 37 h 247"/>
                <a:gd name="T12" fmla="*/ 2 w 81"/>
                <a:gd name="T13" fmla="*/ 10 h 247"/>
                <a:gd name="T14" fmla="*/ 0 w 81"/>
                <a:gd name="T15" fmla="*/ 0 h 247"/>
                <a:gd name="T16" fmla="*/ 1 w 81"/>
                <a:gd name="T17" fmla="*/ 2 h 247"/>
                <a:gd name="T18" fmla="*/ 4 w 81"/>
                <a:gd name="T19" fmla="*/ 9 h 247"/>
                <a:gd name="T20" fmla="*/ 12 w 81"/>
                <a:gd name="T21" fmla="*/ 36 h 247"/>
                <a:gd name="T22" fmla="*/ 25 w 81"/>
                <a:gd name="T23" fmla="*/ 75 h 247"/>
                <a:gd name="T24" fmla="*/ 42 w 81"/>
                <a:gd name="T25" fmla="*/ 123 h 247"/>
                <a:gd name="T26" fmla="*/ 70 w 81"/>
                <a:gd name="T27" fmla="*/ 211 h 247"/>
                <a:gd name="T28" fmla="*/ 78 w 81"/>
                <a:gd name="T29" fmla="*/ 237 h 247"/>
                <a:gd name="T30" fmla="*/ 80 w 81"/>
                <a:gd name="T31" fmla="*/ 245 h 247"/>
                <a:gd name="T32" fmla="*/ 81 w 81"/>
                <a:gd name="T33" fmla="*/ 247 h 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81" h="247">
                  <a:moveTo>
                    <a:pt x="81" y="247"/>
                  </a:moveTo>
                  <a:cubicBezTo>
                    <a:pt x="80" y="247"/>
                    <a:pt x="79" y="244"/>
                    <a:pt x="77" y="238"/>
                  </a:cubicBezTo>
                  <a:cubicBezTo>
                    <a:pt x="74" y="232"/>
                    <a:pt x="71" y="223"/>
                    <a:pt x="68" y="211"/>
                  </a:cubicBezTo>
                  <a:cubicBezTo>
                    <a:pt x="60" y="189"/>
                    <a:pt x="50" y="158"/>
                    <a:pt x="39" y="124"/>
                  </a:cubicBezTo>
                  <a:cubicBezTo>
                    <a:pt x="33" y="107"/>
                    <a:pt x="27" y="91"/>
                    <a:pt x="22" y="76"/>
                  </a:cubicBezTo>
                  <a:cubicBezTo>
                    <a:pt x="17" y="61"/>
                    <a:pt x="13" y="48"/>
                    <a:pt x="10" y="37"/>
                  </a:cubicBezTo>
                  <a:cubicBezTo>
                    <a:pt x="7" y="25"/>
                    <a:pt x="4" y="16"/>
                    <a:pt x="2" y="10"/>
                  </a:cubicBezTo>
                  <a:cubicBezTo>
                    <a:pt x="1" y="3"/>
                    <a:pt x="0" y="0"/>
                    <a:pt x="0" y="0"/>
                  </a:cubicBezTo>
                  <a:cubicBezTo>
                    <a:pt x="0" y="0"/>
                    <a:pt x="0" y="1"/>
                    <a:pt x="1" y="2"/>
                  </a:cubicBezTo>
                  <a:cubicBezTo>
                    <a:pt x="2" y="4"/>
                    <a:pt x="3" y="6"/>
                    <a:pt x="4" y="9"/>
                  </a:cubicBezTo>
                  <a:cubicBezTo>
                    <a:pt x="6" y="16"/>
                    <a:pt x="9" y="25"/>
                    <a:pt x="12" y="36"/>
                  </a:cubicBezTo>
                  <a:cubicBezTo>
                    <a:pt x="15" y="47"/>
                    <a:pt x="20" y="61"/>
                    <a:pt x="25" y="75"/>
                  </a:cubicBezTo>
                  <a:cubicBezTo>
                    <a:pt x="30" y="90"/>
                    <a:pt x="36" y="106"/>
                    <a:pt x="42" y="123"/>
                  </a:cubicBezTo>
                  <a:cubicBezTo>
                    <a:pt x="53" y="157"/>
                    <a:pt x="63" y="188"/>
                    <a:pt x="70" y="211"/>
                  </a:cubicBezTo>
                  <a:cubicBezTo>
                    <a:pt x="73" y="222"/>
                    <a:pt x="76" y="231"/>
                    <a:pt x="78" y="237"/>
                  </a:cubicBezTo>
                  <a:cubicBezTo>
                    <a:pt x="79" y="241"/>
                    <a:pt x="79" y="243"/>
                    <a:pt x="80" y="245"/>
                  </a:cubicBezTo>
                  <a:cubicBezTo>
                    <a:pt x="80" y="246"/>
                    <a:pt x="81" y="247"/>
                    <a:pt x="81" y="24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7" name="iṩ1îďè">
              <a:extLst>
                <a:ext uri="{FF2B5EF4-FFF2-40B4-BE49-F238E27FC236}">
                  <a16:creationId xmlns:a16="http://schemas.microsoft.com/office/drawing/2014/main" xmlns="" id="{240DB032-BF3D-42AF-9FBE-A30CEF829853}"/>
                </a:ext>
              </a:extLst>
            </p:cNvPr>
            <p:cNvSpPr/>
            <p:nvPr/>
          </p:nvSpPr>
          <p:spPr bwMode="auto">
            <a:xfrm>
              <a:off x="5083050" y="3892128"/>
              <a:ext cx="783895" cy="622371"/>
            </a:xfrm>
            <a:custGeom>
              <a:avLst/>
              <a:gdLst>
                <a:gd name="T0" fmla="*/ 0 w 363"/>
                <a:gd name="T1" fmla="*/ 285 h 288"/>
                <a:gd name="T2" fmla="*/ 6 w 363"/>
                <a:gd name="T3" fmla="*/ 285 h 288"/>
                <a:gd name="T4" fmla="*/ 23 w 363"/>
                <a:gd name="T5" fmla="*/ 285 h 288"/>
                <a:gd name="T6" fmla="*/ 83 w 363"/>
                <a:gd name="T7" fmla="*/ 284 h 288"/>
                <a:gd name="T8" fmla="*/ 173 w 363"/>
                <a:gd name="T9" fmla="*/ 281 h 288"/>
                <a:gd name="T10" fmla="*/ 226 w 363"/>
                <a:gd name="T11" fmla="*/ 277 h 288"/>
                <a:gd name="T12" fmla="*/ 253 w 363"/>
                <a:gd name="T13" fmla="*/ 273 h 288"/>
                <a:gd name="T14" fmla="*/ 267 w 363"/>
                <a:gd name="T15" fmla="*/ 271 h 288"/>
                <a:gd name="T16" fmla="*/ 280 w 363"/>
                <a:gd name="T17" fmla="*/ 266 h 288"/>
                <a:gd name="T18" fmla="*/ 283 w 363"/>
                <a:gd name="T19" fmla="*/ 265 h 288"/>
                <a:gd name="T20" fmla="*/ 284 w 363"/>
                <a:gd name="T21" fmla="*/ 264 h 288"/>
                <a:gd name="T22" fmla="*/ 284 w 363"/>
                <a:gd name="T23" fmla="*/ 263 h 288"/>
                <a:gd name="T24" fmla="*/ 286 w 363"/>
                <a:gd name="T25" fmla="*/ 256 h 288"/>
                <a:gd name="T26" fmla="*/ 290 w 363"/>
                <a:gd name="T27" fmla="*/ 243 h 288"/>
                <a:gd name="T28" fmla="*/ 298 w 363"/>
                <a:gd name="T29" fmla="*/ 216 h 288"/>
                <a:gd name="T30" fmla="*/ 312 w 363"/>
                <a:gd name="T31" fmla="*/ 164 h 288"/>
                <a:gd name="T32" fmla="*/ 325 w 363"/>
                <a:gd name="T33" fmla="*/ 118 h 288"/>
                <a:gd name="T34" fmla="*/ 337 w 363"/>
                <a:gd name="T35" fmla="*/ 78 h 288"/>
                <a:gd name="T36" fmla="*/ 354 w 363"/>
                <a:gd name="T37" fmla="*/ 20 h 288"/>
                <a:gd name="T38" fmla="*/ 360 w 363"/>
                <a:gd name="T39" fmla="*/ 5 h 288"/>
                <a:gd name="T40" fmla="*/ 363 w 363"/>
                <a:gd name="T41" fmla="*/ 0 h 288"/>
                <a:gd name="T42" fmla="*/ 361 w 363"/>
                <a:gd name="T43" fmla="*/ 5 h 288"/>
                <a:gd name="T44" fmla="*/ 356 w 363"/>
                <a:gd name="T45" fmla="*/ 21 h 288"/>
                <a:gd name="T46" fmla="*/ 341 w 363"/>
                <a:gd name="T47" fmla="*/ 79 h 288"/>
                <a:gd name="T48" fmla="*/ 329 w 363"/>
                <a:gd name="T49" fmla="*/ 120 h 288"/>
                <a:gd name="T50" fmla="*/ 317 w 363"/>
                <a:gd name="T51" fmla="*/ 166 h 288"/>
                <a:gd name="T52" fmla="*/ 303 w 363"/>
                <a:gd name="T53" fmla="*/ 217 h 288"/>
                <a:gd name="T54" fmla="*/ 295 w 363"/>
                <a:gd name="T55" fmla="*/ 244 h 288"/>
                <a:gd name="T56" fmla="*/ 292 w 363"/>
                <a:gd name="T57" fmla="*/ 258 h 288"/>
                <a:gd name="T58" fmla="*/ 289 w 363"/>
                <a:gd name="T59" fmla="*/ 265 h 288"/>
                <a:gd name="T60" fmla="*/ 288 w 363"/>
                <a:gd name="T61" fmla="*/ 267 h 288"/>
                <a:gd name="T62" fmla="*/ 287 w 363"/>
                <a:gd name="T63" fmla="*/ 269 h 288"/>
                <a:gd name="T64" fmla="*/ 283 w 363"/>
                <a:gd name="T65" fmla="*/ 271 h 288"/>
                <a:gd name="T66" fmla="*/ 268 w 363"/>
                <a:gd name="T67" fmla="*/ 276 h 288"/>
                <a:gd name="T68" fmla="*/ 254 w 363"/>
                <a:gd name="T69" fmla="*/ 279 h 288"/>
                <a:gd name="T70" fmla="*/ 226 w 363"/>
                <a:gd name="T71" fmla="*/ 282 h 288"/>
                <a:gd name="T72" fmla="*/ 173 w 363"/>
                <a:gd name="T73" fmla="*/ 286 h 288"/>
                <a:gd name="T74" fmla="*/ 83 w 363"/>
                <a:gd name="T75" fmla="*/ 288 h 288"/>
                <a:gd name="T76" fmla="*/ 22 w 363"/>
                <a:gd name="T77" fmla="*/ 287 h 288"/>
                <a:gd name="T78" fmla="*/ 0 w 363"/>
                <a:gd name="T79" fmla="*/ 285 h 2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363" h="288">
                  <a:moveTo>
                    <a:pt x="0" y="285"/>
                  </a:moveTo>
                  <a:cubicBezTo>
                    <a:pt x="0" y="284"/>
                    <a:pt x="2" y="285"/>
                    <a:pt x="6" y="285"/>
                  </a:cubicBezTo>
                  <a:cubicBezTo>
                    <a:pt x="10" y="285"/>
                    <a:pt x="15" y="285"/>
                    <a:pt x="23" y="285"/>
                  </a:cubicBezTo>
                  <a:cubicBezTo>
                    <a:pt x="37" y="285"/>
                    <a:pt x="58" y="285"/>
                    <a:pt x="83" y="284"/>
                  </a:cubicBezTo>
                  <a:cubicBezTo>
                    <a:pt x="109" y="283"/>
                    <a:pt x="139" y="282"/>
                    <a:pt x="173" y="281"/>
                  </a:cubicBezTo>
                  <a:cubicBezTo>
                    <a:pt x="190" y="280"/>
                    <a:pt x="207" y="278"/>
                    <a:pt x="226" y="277"/>
                  </a:cubicBezTo>
                  <a:cubicBezTo>
                    <a:pt x="235" y="276"/>
                    <a:pt x="244" y="275"/>
                    <a:pt x="253" y="273"/>
                  </a:cubicBezTo>
                  <a:cubicBezTo>
                    <a:pt x="258" y="272"/>
                    <a:pt x="263" y="272"/>
                    <a:pt x="267" y="271"/>
                  </a:cubicBezTo>
                  <a:cubicBezTo>
                    <a:pt x="272" y="270"/>
                    <a:pt x="276" y="268"/>
                    <a:pt x="280" y="266"/>
                  </a:cubicBezTo>
                  <a:cubicBezTo>
                    <a:pt x="281" y="266"/>
                    <a:pt x="282" y="265"/>
                    <a:pt x="283" y="265"/>
                  </a:cubicBezTo>
                  <a:cubicBezTo>
                    <a:pt x="283" y="265"/>
                    <a:pt x="284" y="264"/>
                    <a:pt x="284" y="264"/>
                  </a:cubicBezTo>
                  <a:cubicBezTo>
                    <a:pt x="284" y="264"/>
                    <a:pt x="284" y="264"/>
                    <a:pt x="284" y="263"/>
                  </a:cubicBezTo>
                  <a:cubicBezTo>
                    <a:pt x="285" y="261"/>
                    <a:pt x="286" y="259"/>
                    <a:pt x="286" y="256"/>
                  </a:cubicBezTo>
                  <a:cubicBezTo>
                    <a:pt x="288" y="252"/>
                    <a:pt x="289" y="247"/>
                    <a:pt x="290" y="243"/>
                  </a:cubicBezTo>
                  <a:cubicBezTo>
                    <a:pt x="293" y="233"/>
                    <a:pt x="295" y="224"/>
                    <a:pt x="298" y="216"/>
                  </a:cubicBezTo>
                  <a:cubicBezTo>
                    <a:pt x="302" y="198"/>
                    <a:pt x="307" y="181"/>
                    <a:pt x="312" y="164"/>
                  </a:cubicBezTo>
                  <a:cubicBezTo>
                    <a:pt x="316" y="148"/>
                    <a:pt x="321" y="133"/>
                    <a:pt x="325" y="118"/>
                  </a:cubicBezTo>
                  <a:cubicBezTo>
                    <a:pt x="329" y="104"/>
                    <a:pt x="334" y="91"/>
                    <a:pt x="337" y="78"/>
                  </a:cubicBezTo>
                  <a:cubicBezTo>
                    <a:pt x="344" y="54"/>
                    <a:pt x="349" y="34"/>
                    <a:pt x="354" y="20"/>
                  </a:cubicBezTo>
                  <a:cubicBezTo>
                    <a:pt x="357" y="13"/>
                    <a:pt x="359" y="8"/>
                    <a:pt x="360" y="5"/>
                  </a:cubicBezTo>
                  <a:cubicBezTo>
                    <a:pt x="362" y="1"/>
                    <a:pt x="363" y="0"/>
                    <a:pt x="363" y="0"/>
                  </a:cubicBezTo>
                  <a:cubicBezTo>
                    <a:pt x="363" y="0"/>
                    <a:pt x="363" y="2"/>
                    <a:pt x="361" y="5"/>
                  </a:cubicBezTo>
                  <a:cubicBezTo>
                    <a:pt x="360" y="9"/>
                    <a:pt x="358" y="14"/>
                    <a:pt x="356" y="21"/>
                  </a:cubicBezTo>
                  <a:cubicBezTo>
                    <a:pt x="352" y="34"/>
                    <a:pt x="347" y="54"/>
                    <a:pt x="341" y="79"/>
                  </a:cubicBezTo>
                  <a:cubicBezTo>
                    <a:pt x="338" y="92"/>
                    <a:pt x="334" y="105"/>
                    <a:pt x="329" y="120"/>
                  </a:cubicBezTo>
                  <a:cubicBezTo>
                    <a:pt x="325" y="134"/>
                    <a:pt x="321" y="150"/>
                    <a:pt x="317" y="166"/>
                  </a:cubicBezTo>
                  <a:cubicBezTo>
                    <a:pt x="312" y="182"/>
                    <a:pt x="308" y="199"/>
                    <a:pt x="303" y="217"/>
                  </a:cubicBezTo>
                  <a:cubicBezTo>
                    <a:pt x="300" y="226"/>
                    <a:pt x="298" y="235"/>
                    <a:pt x="295" y="244"/>
                  </a:cubicBezTo>
                  <a:cubicBezTo>
                    <a:pt x="294" y="249"/>
                    <a:pt x="293" y="253"/>
                    <a:pt x="292" y="258"/>
                  </a:cubicBezTo>
                  <a:cubicBezTo>
                    <a:pt x="291" y="260"/>
                    <a:pt x="290" y="262"/>
                    <a:pt x="289" y="265"/>
                  </a:cubicBezTo>
                  <a:cubicBezTo>
                    <a:pt x="289" y="266"/>
                    <a:pt x="289" y="267"/>
                    <a:pt x="288" y="267"/>
                  </a:cubicBezTo>
                  <a:cubicBezTo>
                    <a:pt x="288" y="268"/>
                    <a:pt x="287" y="269"/>
                    <a:pt x="287" y="269"/>
                  </a:cubicBezTo>
                  <a:cubicBezTo>
                    <a:pt x="285" y="270"/>
                    <a:pt x="284" y="271"/>
                    <a:pt x="283" y="271"/>
                  </a:cubicBezTo>
                  <a:cubicBezTo>
                    <a:pt x="278" y="274"/>
                    <a:pt x="273" y="275"/>
                    <a:pt x="268" y="276"/>
                  </a:cubicBezTo>
                  <a:cubicBezTo>
                    <a:pt x="264" y="277"/>
                    <a:pt x="259" y="278"/>
                    <a:pt x="254" y="279"/>
                  </a:cubicBezTo>
                  <a:cubicBezTo>
                    <a:pt x="245" y="280"/>
                    <a:pt x="235" y="281"/>
                    <a:pt x="226" y="282"/>
                  </a:cubicBezTo>
                  <a:cubicBezTo>
                    <a:pt x="208" y="284"/>
                    <a:pt x="190" y="285"/>
                    <a:pt x="173" y="286"/>
                  </a:cubicBezTo>
                  <a:cubicBezTo>
                    <a:pt x="139" y="287"/>
                    <a:pt x="109" y="288"/>
                    <a:pt x="83" y="288"/>
                  </a:cubicBezTo>
                  <a:cubicBezTo>
                    <a:pt x="58" y="288"/>
                    <a:pt x="37" y="288"/>
                    <a:pt x="22" y="287"/>
                  </a:cubicBezTo>
                  <a:cubicBezTo>
                    <a:pt x="8" y="286"/>
                    <a:pt x="0" y="285"/>
                    <a:pt x="0" y="28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8" name="iṣḷîdé">
              <a:extLst>
                <a:ext uri="{FF2B5EF4-FFF2-40B4-BE49-F238E27FC236}">
                  <a16:creationId xmlns:a16="http://schemas.microsoft.com/office/drawing/2014/main" xmlns="" id="{8413C98A-7394-4E92-8993-307102CECA7C}"/>
                </a:ext>
              </a:extLst>
            </p:cNvPr>
            <p:cNvSpPr/>
            <p:nvPr/>
          </p:nvSpPr>
          <p:spPr bwMode="auto">
            <a:xfrm>
              <a:off x="5072099" y="4460657"/>
              <a:ext cx="0" cy="0"/>
            </a:xfrm>
            <a:prstGeom prst="line">
              <a:avLst/>
            </a:prstGeom>
            <a:noFill/>
            <a:ln w="14288" cap="flat">
              <a:solidFill>
                <a:srgbClr val="060606"/>
              </a:solidFill>
              <a:prstDash val="solid"/>
              <a:miter lim="800000"/>
              <a:headEnd/>
              <a:tailEnd/>
            </a:ln>
            <a:extLst>
              <a:ext uri="{909E8E84-426E-40DD-AFC4-6F175D3DCCD1}">
                <a14:hiddenFill xmlns:a14="http://schemas.microsoft.com/office/drawing/2010/main">
                  <a:noFill/>
                </a14:hiddenFill>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29" name="iSļîḑe">
              <a:extLst>
                <a:ext uri="{FF2B5EF4-FFF2-40B4-BE49-F238E27FC236}">
                  <a16:creationId xmlns:a16="http://schemas.microsoft.com/office/drawing/2014/main" xmlns="" id="{FBCFD9AE-D06B-4AA8-8184-F48FCE996731}"/>
                </a:ext>
              </a:extLst>
            </p:cNvPr>
            <p:cNvSpPr/>
            <p:nvPr/>
          </p:nvSpPr>
          <p:spPr bwMode="auto">
            <a:xfrm>
              <a:off x="5647017" y="3883915"/>
              <a:ext cx="153311" cy="542065"/>
            </a:xfrm>
            <a:custGeom>
              <a:avLst/>
              <a:gdLst>
                <a:gd name="T0" fmla="*/ 0 w 71"/>
                <a:gd name="T1" fmla="*/ 251 h 251"/>
                <a:gd name="T2" fmla="*/ 0 w 71"/>
                <a:gd name="T3" fmla="*/ 248 h 251"/>
                <a:gd name="T4" fmla="*/ 2 w 71"/>
                <a:gd name="T5" fmla="*/ 241 h 251"/>
                <a:gd name="T6" fmla="*/ 9 w 71"/>
                <a:gd name="T7" fmla="*/ 214 h 251"/>
                <a:gd name="T8" fmla="*/ 33 w 71"/>
                <a:gd name="T9" fmla="*/ 125 h 251"/>
                <a:gd name="T10" fmla="*/ 59 w 71"/>
                <a:gd name="T11" fmla="*/ 37 h 251"/>
                <a:gd name="T12" fmla="*/ 68 w 71"/>
                <a:gd name="T13" fmla="*/ 10 h 251"/>
                <a:gd name="T14" fmla="*/ 71 w 71"/>
                <a:gd name="T15" fmla="*/ 0 h 251"/>
                <a:gd name="T16" fmla="*/ 69 w 71"/>
                <a:gd name="T17" fmla="*/ 10 h 251"/>
                <a:gd name="T18" fmla="*/ 61 w 71"/>
                <a:gd name="T19" fmla="*/ 37 h 251"/>
                <a:gd name="T20" fmla="*/ 36 w 71"/>
                <a:gd name="T21" fmla="*/ 126 h 251"/>
                <a:gd name="T22" fmla="*/ 11 w 71"/>
                <a:gd name="T23" fmla="*/ 214 h 251"/>
                <a:gd name="T24" fmla="*/ 3 w 71"/>
                <a:gd name="T25" fmla="*/ 241 h 251"/>
                <a:gd name="T26" fmla="*/ 0 w 71"/>
                <a:gd name="T27" fmla="*/ 251 h 2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71" h="251">
                  <a:moveTo>
                    <a:pt x="0" y="251"/>
                  </a:moveTo>
                  <a:cubicBezTo>
                    <a:pt x="0" y="251"/>
                    <a:pt x="0" y="250"/>
                    <a:pt x="0" y="248"/>
                  </a:cubicBezTo>
                  <a:cubicBezTo>
                    <a:pt x="1" y="247"/>
                    <a:pt x="1" y="244"/>
                    <a:pt x="2" y="241"/>
                  </a:cubicBezTo>
                  <a:cubicBezTo>
                    <a:pt x="4" y="234"/>
                    <a:pt x="6" y="225"/>
                    <a:pt x="9" y="214"/>
                  </a:cubicBezTo>
                  <a:cubicBezTo>
                    <a:pt x="15" y="191"/>
                    <a:pt x="23" y="159"/>
                    <a:pt x="33" y="125"/>
                  </a:cubicBezTo>
                  <a:cubicBezTo>
                    <a:pt x="42" y="90"/>
                    <a:pt x="52" y="59"/>
                    <a:pt x="59" y="37"/>
                  </a:cubicBezTo>
                  <a:cubicBezTo>
                    <a:pt x="63" y="25"/>
                    <a:pt x="66" y="16"/>
                    <a:pt x="68" y="10"/>
                  </a:cubicBezTo>
                  <a:cubicBezTo>
                    <a:pt x="70" y="4"/>
                    <a:pt x="71" y="0"/>
                    <a:pt x="71" y="0"/>
                  </a:cubicBezTo>
                  <a:cubicBezTo>
                    <a:pt x="71" y="0"/>
                    <a:pt x="70" y="4"/>
                    <a:pt x="69" y="10"/>
                  </a:cubicBezTo>
                  <a:cubicBezTo>
                    <a:pt x="67" y="17"/>
                    <a:pt x="64" y="26"/>
                    <a:pt x="61" y="37"/>
                  </a:cubicBezTo>
                  <a:cubicBezTo>
                    <a:pt x="55" y="60"/>
                    <a:pt x="45" y="91"/>
                    <a:pt x="36" y="126"/>
                  </a:cubicBezTo>
                  <a:cubicBezTo>
                    <a:pt x="26" y="160"/>
                    <a:pt x="17" y="192"/>
                    <a:pt x="11" y="214"/>
                  </a:cubicBezTo>
                  <a:cubicBezTo>
                    <a:pt x="8" y="226"/>
                    <a:pt x="5" y="235"/>
                    <a:pt x="3" y="241"/>
                  </a:cubicBezTo>
                  <a:cubicBezTo>
                    <a:pt x="1" y="247"/>
                    <a:pt x="0" y="251"/>
                    <a:pt x="0" y="25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0" name="iş1idé">
              <a:extLst>
                <a:ext uri="{FF2B5EF4-FFF2-40B4-BE49-F238E27FC236}">
                  <a16:creationId xmlns:a16="http://schemas.microsoft.com/office/drawing/2014/main" xmlns="" id="{D8D1F9CC-C64B-4624-B942-FFF433612E36}"/>
                </a:ext>
              </a:extLst>
            </p:cNvPr>
            <p:cNvSpPr/>
            <p:nvPr/>
          </p:nvSpPr>
          <p:spPr bwMode="auto">
            <a:xfrm>
              <a:off x="5562148" y="4247117"/>
              <a:ext cx="134148" cy="6388"/>
            </a:xfrm>
            <a:custGeom>
              <a:avLst/>
              <a:gdLst>
                <a:gd name="T0" fmla="*/ 62 w 62"/>
                <a:gd name="T1" fmla="*/ 2 h 3"/>
                <a:gd name="T2" fmla="*/ 31 w 62"/>
                <a:gd name="T3" fmla="*/ 3 h 3"/>
                <a:gd name="T4" fmla="*/ 0 w 62"/>
                <a:gd name="T5" fmla="*/ 2 h 3"/>
                <a:gd name="T6" fmla="*/ 31 w 62"/>
                <a:gd name="T7" fmla="*/ 0 h 3"/>
                <a:gd name="T8" fmla="*/ 62 w 62"/>
                <a:gd name="T9" fmla="*/ 2 h 3"/>
              </a:gdLst>
              <a:ahLst/>
              <a:cxnLst>
                <a:cxn ang="0">
                  <a:pos x="T0" y="T1"/>
                </a:cxn>
                <a:cxn ang="0">
                  <a:pos x="T2" y="T3"/>
                </a:cxn>
                <a:cxn ang="0">
                  <a:pos x="T4" y="T5"/>
                </a:cxn>
                <a:cxn ang="0">
                  <a:pos x="T6" y="T7"/>
                </a:cxn>
                <a:cxn ang="0">
                  <a:pos x="T8" y="T9"/>
                </a:cxn>
              </a:cxnLst>
              <a:rect l="0" t="0" r="r" b="b"/>
              <a:pathLst>
                <a:path w="62" h="3">
                  <a:moveTo>
                    <a:pt x="62" y="2"/>
                  </a:moveTo>
                  <a:cubicBezTo>
                    <a:pt x="62" y="2"/>
                    <a:pt x="48" y="3"/>
                    <a:pt x="31" y="3"/>
                  </a:cubicBezTo>
                  <a:cubicBezTo>
                    <a:pt x="14" y="3"/>
                    <a:pt x="0" y="3"/>
                    <a:pt x="0" y="2"/>
                  </a:cubicBezTo>
                  <a:cubicBezTo>
                    <a:pt x="0" y="1"/>
                    <a:pt x="14" y="0"/>
                    <a:pt x="31" y="0"/>
                  </a:cubicBezTo>
                  <a:cubicBezTo>
                    <a:pt x="48" y="0"/>
                    <a:pt x="62" y="1"/>
                    <a:pt x="62"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1" name="íSļïdê">
              <a:extLst>
                <a:ext uri="{FF2B5EF4-FFF2-40B4-BE49-F238E27FC236}">
                  <a16:creationId xmlns:a16="http://schemas.microsoft.com/office/drawing/2014/main" xmlns="" id="{E8CDA9A4-A7E6-49BF-87D1-C21A1F85E3DE}"/>
                </a:ext>
              </a:extLst>
            </p:cNvPr>
            <p:cNvSpPr/>
            <p:nvPr/>
          </p:nvSpPr>
          <p:spPr bwMode="auto">
            <a:xfrm>
              <a:off x="5344044" y="4248942"/>
              <a:ext cx="151486" cy="8214"/>
            </a:xfrm>
            <a:custGeom>
              <a:avLst/>
              <a:gdLst>
                <a:gd name="T0" fmla="*/ 70 w 70"/>
                <a:gd name="T1" fmla="*/ 2 h 4"/>
                <a:gd name="T2" fmla="*/ 35 w 70"/>
                <a:gd name="T3" fmla="*/ 4 h 4"/>
                <a:gd name="T4" fmla="*/ 0 w 70"/>
                <a:gd name="T5" fmla="*/ 3 h 4"/>
                <a:gd name="T6" fmla="*/ 35 w 70"/>
                <a:gd name="T7" fmla="*/ 1 h 4"/>
                <a:gd name="T8" fmla="*/ 70 w 70"/>
                <a:gd name="T9" fmla="*/ 2 h 4"/>
              </a:gdLst>
              <a:ahLst/>
              <a:cxnLst>
                <a:cxn ang="0">
                  <a:pos x="T0" y="T1"/>
                </a:cxn>
                <a:cxn ang="0">
                  <a:pos x="T2" y="T3"/>
                </a:cxn>
                <a:cxn ang="0">
                  <a:pos x="T4" y="T5"/>
                </a:cxn>
                <a:cxn ang="0">
                  <a:pos x="T6" y="T7"/>
                </a:cxn>
                <a:cxn ang="0">
                  <a:pos x="T8" y="T9"/>
                </a:cxn>
              </a:cxnLst>
              <a:rect l="0" t="0" r="r" b="b"/>
              <a:pathLst>
                <a:path w="70" h="4">
                  <a:moveTo>
                    <a:pt x="70" y="2"/>
                  </a:moveTo>
                  <a:cubicBezTo>
                    <a:pt x="70" y="2"/>
                    <a:pt x="54" y="3"/>
                    <a:pt x="35" y="4"/>
                  </a:cubicBezTo>
                  <a:cubicBezTo>
                    <a:pt x="15" y="4"/>
                    <a:pt x="0" y="4"/>
                    <a:pt x="0" y="3"/>
                  </a:cubicBezTo>
                  <a:cubicBezTo>
                    <a:pt x="0" y="2"/>
                    <a:pt x="15" y="1"/>
                    <a:pt x="35" y="1"/>
                  </a:cubicBezTo>
                  <a:cubicBezTo>
                    <a:pt x="54" y="0"/>
                    <a:pt x="70" y="1"/>
                    <a:pt x="70"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2" name="îšľiďé">
              <a:extLst>
                <a:ext uri="{FF2B5EF4-FFF2-40B4-BE49-F238E27FC236}">
                  <a16:creationId xmlns:a16="http://schemas.microsoft.com/office/drawing/2014/main" xmlns="" id="{EFA3A6B2-F514-4914-81FC-5E5B1D9852D9}"/>
                </a:ext>
              </a:extLst>
            </p:cNvPr>
            <p:cNvSpPr/>
            <p:nvPr/>
          </p:nvSpPr>
          <p:spPr bwMode="auto">
            <a:xfrm>
              <a:off x="5130504" y="4253505"/>
              <a:ext cx="148749" cy="8214"/>
            </a:xfrm>
            <a:custGeom>
              <a:avLst/>
              <a:gdLst>
                <a:gd name="T0" fmla="*/ 69 w 69"/>
                <a:gd name="T1" fmla="*/ 2 h 4"/>
                <a:gd name="T2" fmla="*/ 34 w 69"/>
                <a:gd name="T3" fmla="*/ 4 h 4"/>
                <a:gd name="T4" fmla="*/ 0 w 69"/>
                <a:gd name="T5" fmla="*/ 3 h 4"/>
                <a:gd name="T6" fmla="*/ 34 w 69"/>
                <a:gd name="T7" fmla="*/ 1 h 4"/>
                <a:gd name="T8" fmla="*/ 69 w 69"/>
                <a:gd name="T9" fmla="*/ 2 h 4"/>
              </a:gdLst>
              <a:ahLst/>
              <a:cxnLst>
                <a:cxn ang="0">
                  <a:pos x="T0" y="T1"/>
                </a:cxn>
                <a:cxn ang="0">
                  <a:pos x="T2" y="T3"/>
                </a:cxn>
                <a:cxn ang="0">
                  <a:pos x="T4" y="T5"/>
                </a:cxn>
                <a:cxn ang="0">
                  <a:pos x="T6" y="T7"/>
                </a:cxn>
                <a:cxn ang="0">
                  <a:pos x="T8" y="T9"/>
                </a:cxn>
              </a:cxnLst>
              <a:rect l="0" t="0" r="r" b="b"/>
              <a:pathLst>
                <a:path w="69" h="4">
                  <a:moveTo>
                    <a:pt x="69" y="2"/>
                  </a:moveTo>
                  <a:cubicBezTo>
                    <a:pt x="69" y="3"/>
                    <a:pt x="53" y="4"/>
                    <a:pt x="34" y="4"/>
                  </a:cubicBezTo>
                  <a:cubicBezTo>
                    <a:pt x="15" y="4"/>
                    <a:pt x="0" y="4"/>
                    <a:pt x="0" y="3"/>
                  </a:cubicBezTo>
                  <a:cubicBezTo>
                    <a:pt x="0" y="2"/>
                    <a:pt x="15" y="1"/>
                    <a:pt x="34" y="1"/>
                  </a:cubicBezTo>
                  <a:cubicBezTo>
                    <a:pt x="53" y="0"/>
                    <a:pt x="69" y="1"/>
                    <a:pt x="69"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3" name="ïṣľiďe">
              <a:extLst>
                <a:ext uri="{FF2B5EF4-FFF2-40B4-BE49-F238E27FC236}">
                  <a16:creationId xmlns:a16="http://schemas.microsoft.com/office/drawing/2014/main" xmlns="" id="{12648D90-20E1-4251-B19D-B1FC024D5B75}"/>
                </a:ext>
              </a:extLst>
            </p:cNvPr>
            <p:cNvSpPr/>
            <p:nvPr/>
          </p:nvSpPr>
          <p:spPr bwMode="auto">
            <a:xfrm>
              <a:off x="4951640" y="4255330"/>
              <a:ext cx="114071" cy="6388"/>
            </a:xfrm>
            <a:custGeom>
              <a:avLst/>
              <a:gdLst>
                <a:gd name="T0" fmla="*/ 53 w 53"/>
                <a:gd name="T1" fmla="*/ 2 h 3"/>
                <a:gd name="T2" fmla="*/ 26 w 53"/>
                <a:gd name="T3" fmla="*/ 3 h 3"/>
                <a:gd name="T4" fmla="*/ 0 w 53"/>
                <a:gd name="T5" fmla="*/ 1 h 3"/>
                <a:gd name="T6" fmla="*/ 26 w 53"/>
                <a:gd name="T7" fmla="*/ 0 h 3"/>
                <a:gd name="T8" fmla="*/ 53 w 53"/>
                <a:gd name="T9" fmla="*/ 2 h 3"/>
              </a:gdLst>
              <a:ahLst/>
              <a:cxnLst>
                <a:cxn ang="0">
                  <a:pos x="T0" y="T1"/>
                </a:cxn>
                <a:cxn ang="0">
                  <a:pos x="T2" y="T3"/>
                </a:cxn>
                <a:cxn ang="0">
                  <a:pos x="T4" y="T5"/>
                </a:cxn>
                <a:cxn ang="0">
                  <a:pos x="T6" y="T7"/>
                </a:cxn>
                <a:cxn ang="0">
                  <a:pos x="T8" y="T9"/>
                </a:cxn>
              </a:cxnLst>
              <a:rect l="0" t="0" r="r" b="b"/>
              <a:pathLst>
                <a:path w="53" h="3">
                  <a:moveTo>
                    <a:pt x="53" y="2"/>
                  </a:moveTo>
                  <a:cubicBezTo>
                    <a:pt x="53" y="3"/>
                    <a:pt x="41" y="3"/>
                    <a:pt x="26" y="3"/>
                  </a:cubicBezTo>
                  <a:cubicBezTo>
                    <a:pt x="12" y="3"/>
                    <a:pt x="0" y="2"/>
                    <a:pt x="0" y="1"/>
                  </a:cubicBezTo>
                  <a:cubicBezTo>
                    <a:pt x="0" y="1"/>
                    <a:pt x="12" y="0"/>
                    <a:pt x="26" y="0"/>
                  </a:cubicBezTo>
                  <a:cubicBezTo>
                    <a:pt x="41" y="0"/>
                    <a:pt x="53" y="1"/>
                    <a:pt x="53"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4" name="ï$ḷïḓe">
              <a:extLst>
                <a:ext uri="{FF2B5EF4-FFF2-40B4-BE49-F238E27FC236}">
                  <a16:creationId xmlns:a16="http://schemas.microsoft.com/office/drawing/2014/main" xmlns="" id="{9784071B-2F66-4F8F-9E3D-96159C1A7D08}"/>
                </a:ext>
              </a:extLst>
            </p:cNvPr>
            <p:cNvSpPr/>
            <p:nvPr/>
          </p:nvSpPr>
          <p:spPr bwMode="auto">
            <a:xfrm>
              <a:off x="5553935" y="4307346"/>
              <a:ext cx="127759" cy="6388"/>
            </a:xfrm>
            <a:prstGeom prst="ellipse">
              <a:avLst/>
            </a:pr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5" name="iṧľîdé">
              <a:extLst>
                <a:ext uri="{FF2B5EF4-FFF2-40B4-BE49-F238E27FC236}">
                  <a16:creationId xmlns:a16="http://schemas.microsoft.com/office/drawing/2014/main" xmlns="" id="{FEA96937-61E4-4243-8F5D-B8A5E1C044DD}"/>
                </a:ext>
              </a:extLst>
            </p:cNvPr>
            <p:cNvSpPr/>
            <p:nvPr/>
          </p:nvSpPr>
          <p:spPr bwMode="auto">
            <a:xfrm>
              <a:off x="5342219" y="4311909"/>
              <a:ext cx="146923" cy="10038"/>
            </a:xfrm>
            <a:custGeom>
              <a:avLst/>
              <a:gdLst>
                <a:gd name="T0" fmla="*/ 68 w 68"/>
                <a:gd name="T1" fmla="*/ 3 h 5"/>
                <a:gd name="T2" fmla="*/ 33 w 68"/>
                <a:gd name="T3" fmla="*/ 4 h 5"/>
                <a:gd name="T4" fmla="*/ 0 w 68"/>
                <a:gd name="T5" fmla="*/ 2 h 5"/>
                <a:gd name="T6" fmla="*/ 34 w 68"/>
                <a:gd name="T7" fmla="*/ 1 h 5"/>
                <a:gd name="T8" fmla="*/ 68 w 68"/>
                <a:gd name="T9" fmla="*/ 3 h 5"/>
              </a:gdLst>
              <a:ahLst/>
              <a:cxnLst>
                <a:cxn ang="0">
                  <a:pos x="T0" y="T1"/>
                </a:cxn>
                <a:cxn ang="0">
                  <a:pos x="T2" y="T3"/>
                </a:cxn>
                <a:cxn ang="0">
                  <a:pos x="T4" y="T5"/>
                </a:cxn>
                <a:cxn ang="0">
                  <a:pos x="T6" y="T7"/>
                </a:cxn>
                <a:cxn ang="0">
                  <a:pos x="T8" y="T9"/>
                </a:cxn>
              </a:cxnLst>
              <a:rect l="0" t="0" r="r" b="b"/>
              <a:pathLst>
                <a:path w="68" h="5">
                  <a:moveTo>
                    <a:pt x="68" y="3"/>
                  </a:moveTo>
                  <a:cubicBezTo>
                    <a:pt x="68" y="4"/>
                    <a:pt x="52" y="5"/>
                    <a:pt x="33" y="4"/>
                  </a:cubicBezTo>
                  <a:cubicBezTo>
                    <a:pt x="15" y="3"/>
                    <a:pt x="0" y="3"/>
                    <a:pt x="0" y="2"/>
                  </a:cubicBezTo>
                  <a:cubicBezTo>
                    <a:pt x="0" y="1"/>
                    <a:pt x="15" y="0"/>
                    <a:pt x="34" y="1"/>
                  </a:cubicBezTo>
                  <a:cubicBezTo>
                    <a:pt x="52" y="2"/>
                    <a:pt x="68" y="2"/>
                    <a:pt x="68" y="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6" name="íSľídê">
              <a:extLst>
                <a:ext uri="{FF2B5EF4-FFF2-40B4-BE49-F238E27FC236}">
                  <a16:creationId xmlns:a16="http://schemas.microsoft.com/office/drawing/2014/main" xmlns="" id="{F0C6DA15-9565-4466-8354-C6E45CFFC182}"/>
                </a:ext>
              </a:extLst>
            </p:cNvPr>
            <p:cNvSpPr/>
            <p:nvPr/>
          </p:nvSpPr>
          <p:spPr bwMode="auto">
            <a:xfrm>
              <a:off x="5141455" y="4313734"/>
              <a:ext cx="142360" cy="8214"/>
            </a:xfrm>
            <a:custGeom>
              <a:avLst/>
              <a:gdLst>
                <a:gd name="T0" fmla="*/ 66 w 66"/>
                <a:gd name="T1" fmla="*/ 1 h 4"/>
                <a:gd name="T2" fmla="*/ 33 w 66"/>
                <a:gd name="T3" fmla="*/ 3 h 4"/>
                <a:gd name="T4" fmla="*/ 0 w 66"/>
                <a:gd name="T5" fmla="*/ 3 h 4"/>
                <a:gd name="T6" fmla="*/ 33 w 66"/>
                <a:gd name="T7" fmla="*/ 0 h 4"/>
                <a:gd name="T8" fmla="*/ 66 w 66"/>
                <a:gd name="T9" fmla="*/ 1 h 4"/>
              </a:gdLst>
              <a:ahLst/>
              <a:cxnLst>
                <a:cxn ang="0">
                  <a:pos x="T0" y="T1"/>
                </a:cxn>
                <a:cxn ang="0">
                  <a:pos x="T2" y="T3"/>
                </a:cxn>
                <a:cxn ang="0">
                  <a:pos x="T4" y="T5"/>
                </a:cxn>
                <a:cxn ang="0">
                  <a:pos x="T6" y="T7"/>
                </a:cxn>
                <a:cxn ang="0">
                  <a:pos x="T8" y="T9"/>
                </a:cxn>
              </a:cxnLst>
              <a:rect l="0" t="0" r="r" b="b"/>
              <a:pathLst>
                <a:path w="66" h="4">
                  <a:moveTo>
                    <a:pt x="66" y="1"/>
                  </a:moveTo>
                  <a:cubicBezTo>
                    <a:pt x="66" y="2"/>
                    <a:pt x="51" y="3"/>
                    <a:pt x="33" y="3"/>
                  </a:cubicBezTo>
                  <a:cubicBezTo>
                    <a:pt x="15" y="4"/>
                    <a:pt x="0" y="3"/>
                    <a:pt x="0" y="3"/>
                  </a:cubicBezTo>
                  <a:cubicBezTo>
                    <a:pt x="0" y="2"/>
                    <a:pt x="15" y="1"/>
                    <a:pt x="33" y="0"/>
                  </a:cubicBezTo>
                  <a:cubicBezTo>
                    <a:pt x="51" y="0"/>
                    <a:pt x="66" y="0"/>
                    <a:pt x="66"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7" name="ïśļïďe">
              <a:extLst>
                <a:ext uri="{FF2B5EF4-FFF2-40B4-BE49-F238E27FC236}">
                  <a16:creationId xmlns:a16="http://schemas.microsoft.com/office/drawing/2014/main" xmlns="" id="{1FAB083A-5410-4907-B972-36A463F813ED}"/>
                </a:ext>
              </a:extLst>
            </p:cNvPr>
            <p:cNvSpPr/>
            <p:nvPr/>
          </p:nvSpPr>
          <p:spPr bwMode="auto">
            <a:xfrm>
              <a:off x="4970804" y="4318297"/>
              <a:ext cx="107683" cy="8214"/>
            </a:xfrm>
            <a:custGeom>
              <a:avLst/>
              <a:gdLst>
                <a:gd name="T0" fmla="*/ 50 w 50"/>
                <a:gd name="T1" fmla="*/ 2 h 4"/>
                <a:gd name="T2" fmla="*/ 25 w 50"/>
                <a:gd name="T3" fmla="*/ 3 h 4"/>
                <a:gd name="T4" fmla="*/ 0 w 50"/>
                <a:gd name="T5" fmla="*/ 2 h 4"/>
                <a:gd name="T6" fmla="*/ 25 w 50"/>
                <a:gd name="T7" fmla="*/ 0 h 4"/>
                <a:gd name="T8" fmla="*/ 50 w 50"/>
                <a:gd name="T9" fmla="*/ 2 h 4"/>
              </a:gdLst>
              <a:ahLst/>
              <a:cxnLst>
                <a:cxn ang="0">
                  <a:pos x="T0" y="T1"/>
                </a:cxn>
                <a:cxn ang="0">
                  <a:pos x="T2" y="T3"/>
                </a:cxn>
                <a:cxn ang="0">
                  <a:pos x="T4" y="T5"/>
                </a:cxn>
                <a:cxn ang="0">
                  <a:pos x="T6" y="T7"/>
                </a:cxn>
                <a:cxn ang="0">
                  <a:pos x="T8" y="T9"/>
                </a:cxn>
              </a:cxnLst>
              <a:rect l="0" t="0" r="r" b="b"/>
              <a:pathLst>
                <a:path w="50" h="4">
                  <a:moveTo>
                    <a:pt x="50" y="2"/>
                  </a:moveTo>
                  <a:cubicBezTo>
                    <a:pt x="50" y="3"/>
                    <a:pt x="39" y="3"/>
                    <a:pt x="25" y="3"/>
                  </a:cubicBezTo>
                  <a:cubicBezTo>
                    <a:pt x="11" y="4"/>
                    <a:pt x="0" y="3"/>
                    <a:pt x="0" y="2"/>
                  </a:cubicBezTo>
                  <a:cubicBezTo>
                    <a:pt x="0" y="1"/>
                    <a:pt x="11" y="0"/>
                    <a:pt x="25" y="0"/>
                  </a:cubicBezTo>
                  <a:cubicBezTo>
                    <a:pt x="39" y="0"/>
                    <a:pt x="50" y="1"/>
                    <a:pt x="50"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8" name="iS1ïḓê">
              <a:extLst>
                <a:ext uri="{FF2B5EF4-FFF2-40B4-BE49-F238E27FC236}">
                  <a16:creationId xmlns:a16="http://schemas.microsoft.com/office/drawing/2014/main" xmlns="" id="{BD9161CF-C968-4D2C-93C5-0CB80F36B35A}"/>
                </a:ext>
              </a:extLst>
            </p:cNvPr>
            <p:cNvSpPr/>
            <p:nvPr/>
          </p:nvSpPr>
          <p:spPr bwMode="auto">
            <a:xfrm>
              <a:off x="5525646" y="4421417"/>
              <a:ext cx="121372" cy="28290"/>
            </a:xfrm>
            <a:custGeom>
              <a:avLst/>
              <a:gdLst>
                <a:gd name="T0" fmla="*/ 55 w 56"/>
                <a:gd name="T1" fmla="*/ 0 h 13"/>
                <a:gd name="T2" fmla="*/ 54 w 56"/>
                <a:gd name="T3" fmla="*/ 3 h 13"/>
                <a:gd name="T4" fmla="*/ 49 w 56"/>
                <a:gd name="T5" fmla="*/ 6 h 13"/>
                <a:gd name="T6" fmla="*/ 29 w 56"/>
                <a:gd name="T7" fmla="*/ 11 h 13"/>
                <a:gd name="T8" fmla="*/ 0 w 56"/>
                <a:gd name="T9" fmla="*/ 12 h 13"/>
                <a:gd name="T10" fmla="*/ 28 w 56"/>
                <a:gd name="T11" fmla="*/ 8 h 13"/>
                <a:gd name="T12" fmla="*/ 48 w 56"/>
                <a:gd name="T13" fmla="*/ 4 h 13"/>
                <a:gd name="T14" fmla="*/ 54 w 56"/>
                <a:gd name="T15" fmla="*/ 2 h 13"/>
                <a:gd name="T16" fmla="*/ 55 w 56"/>
                <a:gd name="T17"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6" h="13">
                  <a:moveTo>
                    <a:pt x="55" y="0"/>
                  </a:moveTo>
                  <a:cubicBezTo>
                    <a:pt x="56" y="0"/>
                    <a:pt x="56" y="1"/>
                    <a:pt x="54" y="3"/>
                  </a:cubicBezTo>
                  <a:cubicBezTo>
                    <a:pt x="53" y="4"/>
                    <a:pt x="51" y="5"/>
                    <a:pt x="49" y="6"/>
                  </a:cubicBezTo>
                  <a:cubicBezTo>
                    <a:pt x="44" y="8"/>
                    <a:pt x="37" y="10"/>
                    <a:pt x="29" y="11"/>
                  </a:cubicBezTo>
                  <a:cubicBezTo>
                    <a:pt x="13" y="13"/>
                    <a:pt x="0" y="12"/>
                    <a:pt x="0" y="12"/>
                  </a:cubicBezTo>
                  <a:cubicBezTo>
                    <a:pt x="0" y="11"/>
                    <a:pt x="13" y="10"/>
                    <a:pt x="28" y="8"/>
                  </a:cubicBezTo>
                  <a:cubicBezTo>
                    <a:pt x="36" y="7"/>
                    <a:pt x="43" y="5"/>
                    <a:pt x="48" y="4"/>
                  </a:cubicBezTo>
                  <a:cubicBezTo>
                    <a:pt x="51" y="3"/>
                    <a:pt x="53" y="2"/>
                    <a:pt x="54" y="2"/>
                  </a:cubicBezTo>
                  <a:cubicBezTo>
                    <a:pt x="55" y="1"/>
                    <a:pt x="55" y="0"/>
                    <a:pt x="55"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39" name="ïs1ïdê">
              <a:extLst>
                <a:ext uri="{FF2B5EF4-FFF2-40B4-BE49-F238E27FC236}">
                  <a16:creationId xmlns:a16="http://schemas.microsoft.com/office/drawing/2014/main" xmlns="" id="{21151790-50F7-43A4-9E59-A1C5A6C36D1F}"/>
                </a:ext>
              </a:extLst>
            </p:cNvPr>
            <p:cNvSpPr/>
            <p:nvPr/>
          </p:nvSpPr>
          <p:spPr bwMode="auto">
            <a:xfrm>
              <a:off x="5346783" y="4445144"/>
              <a:ext cx="120459" cy="9126"/>
            </a:xfrm>
            <a:custGeom>
              <a:avLst/>
              <a:gdLst>
                <a:gd name="T0" fmla="*/ 56 w 56"/>
                <a:gd name="T1" fmla="*/ 1 h 4"/>
                <a:gd name="T2" fmla="*/ 28 w 56"/>
                <a:gd name="T3" fmla="*/ 3 h 4"/>
                <a:gd name="T4" fmla="*/ 0 w 56"/>
                <a:gd name="T5" fmla="*/ 2 h 4"/>
                <a:gd name="T6" fmla="*/ 28 w 56"/>
                <a:gd name="T7" fmla="*/ 0 h 4"/>
                <a:gd name="T8" fmla="*/ 56 w 56"/>
                <a:gd name="T9" fmla="*/ 1 h 4"/>
              </a:gdLst>
              <a:ahLst/>
              <a:cxnLst>
                <a:cxn ang="0">
                  <a:pos x="T0" y="T1"/>
                </a:cxn>
                <a:cxn ang="0">
                  <a:pos x="T2" y="T3"/>
                </a:cxn>
                <a:cxn ang="0">
                  <a:pos x="T4" y="T5"/>
                </a:cxn>
                <a:cxn ang="0">
                  <a:pos x="T6" y="T7"/>
                </a:cxn>
                <a:cxn ang="0">
                  <a:pos x="T8" y="T9"/>
                </a:cxn>
              </a:cxnLst>
              <a:rect l="0" t="0" r="r" b="b"/>
              <a:pathLst>
                <a:path w="56" h="4">
                  <a:moveTo>
                    <a:pt x="56" y="1"/>
                  </a:moveTo>
                  <a:cubicBezTo>
                    <a:pt x="56" y="2"/>
                    <a:pt x="44" y="3"/>
                    <a:pt x="28" y="3"/>
                  </a:cubicBezTo>
                  <a:cubicBezTo>
                    <a:pt x="13" y="4"/>
                    <a:pt x="0" y="3"/>
                    <a:pt x="0" y="2"/>
                  </a:cubicBezTo>
                  <a:cubicBezTo>
                    <a:pt x="0" y="2"/>
                    <a:pt x="13" y="1"/>
                    <a:pt x="28" y="0"/>
                  </a:cubicBezTo>
                  <a:cubicBezTo>
                    <a:pt x="44" y="0"/>
                    <a:pt x="56" y="0"/>
                    <a:pt x="56"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0" name="iṩlîḓe">
              <a:extLst>
                <a:ext uri="{FF2B5EF4-FFF2-40B4-BE49-F238E27FC236}">
                  <a16:creationId xmlns:a16="http://schemas.microsoft.com/office/drawing/2014/main" xmlns="" id="{F0C0DCEF-2412-47A3-ADC6-BA6F0C487506}"/>
                </a:ext>
              </a:extLst>
            </p:cNvPr>
            <p:cNvSpPr/>
            <p:nvPr/>
          </p:nvSpPr>
          <p:spPr bwMode="auto">
            <a:xfrm>
              <a:off x="5165181" y="4447881"/>
              <a:ext cx="123197" cy="8214"/>
            </a:xfrm>
            <a:custGeom>
              <a:avLst/>
              <a:gdLst>
                <a:gd name="T0" fmla="*/ 57 w 57"/>
                <a:gd name="T1" fmla="*/ 1 h 4"/>
                <a:gd name="T2" fmla="*/ 28 w 57"/>
                <a:gd name="T3" fmla="*/ 3 h 4"/>
                <a:gd name="T4" fmla="*/ 0 w 57"/>
                <a:gd name="T5" fmla="*/ 2 h 4"/>
                <a:gd name="T6" fmla="*/ 28 w 57"/>
                <a:gd name="T7" fmla="*/ 0 h 4"/>
                <a:gd name="T8" fmla="*/ 57 w 57"/>
                <a:gd name="T9" fmla="*/ 1 h 4"/>
              </a:gdLst>
              <a:ahLst/>
              <a:cxnLst>
                <a:cxn ang="0">
                  <a:pos x="T0" y="T1"/>
                </a:cxn>
                <a:cxn ang="0">
                  <a:pos x="T2" y="T3"/>
                </a:cxn>
                <a:cxn ang="0">
                  <a:pos x="T4" y="T5"/>
                </a:cxn>
                <a:cxn ang="0">
                  <a:pos x="T6" y="T7"/>
                </a:cxn>
                <a:cxn ang="0">
                  <a:pos x="T8" y="T9"/>
                </a:cxn>
              </a:cxnLst>
              <a:rect l="0" t="0" r="r" b="b"/>
              <a:pathLst>
                <a:path w="57" h="4">
                  <a:moveTo>
                    <a:pt x="57" y="1"/>
                  </a:moveTo>
                  <a:cubicBezTo>
                    <a:pt x="57" y="2"/>
                    <a:pt x="44" y="3"/>
                    <a:pt x="28" y="3"/>
                  </a:cubicBezTo>
                  <a:cubicBezTo>
                    <a:pt x="13" y="4"/>
                    <a:pt x="0" y="3"/>
                    <a:pt x="0" y="2"/>
                  </a:cubicBezTo>
                  <a:cubicBezTo>
                    <a:pt x="0" y="1"/>
                    <a:pt x="13" y="1"/>
                    <a:pt x="28" y="0"/>
                  </a:cubicBezTo>
                  <a:cubicBezTo>
                    <a:pt x="44" y="0"/>
                    <a:pt x="57" y="1"/>
                    <a:pt x="57"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1" name="í$ḷïḓê">
              <a:extLst>
                <a:ext uri="{FF2B5EF4-FFF2-40B4-BE49-F238E27FC236}">
                  <a16:creationId xmlns:a16="http://schemas.microsoft.com/office/drawing/2014/main" xmlns="" id="{1C41BE5E-67F3-49C5-A228-AC7522A71A92}"/>
                </a:ext>
              </a:extLst>
            </p:cNvPr>
            <p:cNvSpPr/>
            <p:nvPr/>
          </p:nvSpPr>
          <p:spPr bwMode="auto">
            <a:xfrm>
              <a:off x="5010045" y="4436930"/>
              <a:ext cx="92170" cy="17339"/>
            </a:xfrm>
            <a:custGeom>
              <a:avLst/>
              <a:gdLst>
                <a:gd name="T0" fmla="*/ 43 w 43"/>
                <a:gd name="T1" fmla="*/ 6 h 8"/>
                <a:gd name="T2" fmla="*/ 21 w 43"/>
                <a:gd name="T3" fmla="*/ 7 h 8"/>
                <a:gd name="T4" fmla="*/ 0 w 43"/>
                <a:gd name="T5" fmla="*/ 1 h 8"/>
                <a:gd name="T6" fmla="*/ 22 w 43"/>
                <a:gd name="T7" fmla="*/ 4 h 8"/>
                <a:gd name="T8" fmla="*/ 43 w 43"/>
                <a:gd name="T9" fmla="*/ 6 h 8"/>
              </a:gdLst>
              <a:ahLst/>
              <a:cxnLst>
                <a:cxn ang="0">
                  <a:pos x="T0" y="T1"/>
                </a:cxn>
                <a:cxn ang="0">
                  <a:pos x="T2" y="T3"/>
                </a:cxn>
                <a:cxn ang="0">
                  <a:pos x="T4" y="T5"/>
                </a:cxn>
                <a:cxn ang="0">
                  <a:pos x="T6" y="T7"/>
                </a:cxn>
                <a:cxn ang="0">
                  <a:pos x="T8" y="T9"/>
                </a:cxn>
              </a:cxnLst>
              <a:rect l="0" t="0" r="r" b="b"/>
              <a:pathLst>
                <a:path w="43" h="8">
                  <a:moveTo>
                    <a:pt x="43" y="6"/>
                  </a:moveTo>
                  <a:cubicBezTo>
                    <a:pt x="43" y="7"/>
                    <a:pt x="34" y="8"/>
                    <a:pt x="21" y="7"/>
                  </a:cubicBezTo>
                  <a:cubicBezTo>
                    <a:pt x="9" y="6"/>
                    <a:pt x="0" y="2"/>
                    <a:pt x="0" y="1"/>
                  </a:cubicBezTo>
                  <a:cubicBezTo>
                    <a:pt x="1" y="0"/>
                    <a:pt x="10" y="3"/>
                    <a:pt x="22" y="4"/>
                  </a:cubicBezTo>
                  <a:cubicBezTo>
                    <a:pt x="34" y="5"/>
                    <a:pt x="43" y="5"/>
                    <a:pt x="43" y="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2" name="íṥľîdé">
              <a:extLst>
                <a:ext uri="{FF2B5EF4-FFF2-40B4-BE49-F238E27FC236}">
                  <a16:creationId xmlns:a16="http://schemas.microsoft.com/office/drawing/2014/main" xmlns="" id="{CCFBE553-074A-4432-9A7B-3AE5AE8D6F4E}"/>
                </a:ext>
              </a:extLst>
            </p:cNvPr>
            <p:cNvSpPr/>
            <p:nvPr/>
          </p:nvSpPr>
          <p:spPr bwMode="auto">
            <a:xfrm>
              <a:off x="5279252" y="4311909"/>
              <a:ext cx="10951" cy="142360"/>
            </a:xfrm>
            <a:custGeom>
              <a:avLst/>
              <a:gdLst>
                <a:gd name="T0" fmla="*/ 4 w 5"/>
                <a:gd name="T1" fmla="*/ 66 h 66"/>
                <a:gd name="T2" fmla="*/ 1 w 5"/>
                <a:gd name="T3" fmla="*/ 33 h 66"/>
                <a:gd name="T4" fmla="*/ 1 w 5"/>
                <a:gd name="T5" fmla="*/ 0 h 66"/>
                <a:gd name="T6" fmla="*/ 4 w 5"/>
                <a:gd name="T7" fmla="*/ 33 h 66"/>
                <a:gd name="T8" fmla="*/ 4 w 5"/>
                <a:gd name="T9" fmla="*/ 66 h 66"/>
              </a:gdLst>
              <a:ahLst/>
              <a:cxnLst>
                <a:cxn ang="0">
                  <a:pos x="T0" y="T1"/>
                </a:cxn>
                <a:cxn ang="0">
                  <a:pos x="T2" y="T3"/>
                </a:cxn>
                <a:cxn ang="0">
                  <a:pos x="T4" y="T5"/>
                </a:cxn>
                <a:cxn ang="0">
                  <a:pos x="T6" y="T7"/>
                </a:cxn>
                <a:cxn ang="0">
                  <a:pos x="T8" y="T9"/>
                </a:cxn>
              </a:cxnLst>
              <a:rect l="0" t="0" r="r" b="b"/>
              <a:pathLst>
                <a:path w="5" h="66">
                  <a:moveTo>
                    <a:pt x="4" y="66"/>
                  </a:moveTo>
                  <a:cubicBezTo>
                    <a:pt x="3" y="66"/>
                    <a:pt x="1" y="51"/>
                    <a:pt x="1" y="33"/>
                  </a:cubicBezTo>
                  <a:cubicBezTo>
                    <a:pt x="0" y="15"/>
                    <a:pt x="0" y="0"/>
                    <a:pt x="1" y="0"/>
                  </a:cubicBezTo>
                  <a:cubicBezTo>
                    <a:pt x="2" y="0"/>
                    <a:pt x="3" y="15"/>
                    <a:pt x="4" y="33"/>
                  </a:cubicBezTo>
                  <a:cubicBezTo>
                    <a:pt x="5" y="51"/>
                    <a:pt x="5" y="66"/>
                    <a:pt x="4" y="6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3" name="îšlîḓê">
              <a:extLst>
                <a:ext uri="{FF2B5EF4-FFF2-40B4-BE49-F238E27FC236}">
                  <a16:creationId xmlns:a16="http://schemas.microsoft.com/office/drawing/2014/main" xmlns="" id="{63E560DC-A314-4836-9742-8B41665CCB9F}"/>
                </a:ext>
              </a:extLst>
            </p:cNvPr>
            <p:cNvSpPr/>
            <p:nvPr/>
          </p:nvSpPr>
          <p:spPr bwMode="auto">
            <a:xfrm>
              <a:off x="5271039" y="4103844"/>
              <a:ext cx="10951" cy="153312"/>
            </a:xfrm>
            <a:custGeom>
              <a:avLst/>
              <a:gdLst>
                <a:gd name="T0" fmla="*/ 4 w 5"/>
                <a:gd name="T1" fmla="*/ 71 h 71"/>
                <a:gd name="T2" fmla="*/ 1 w 5"/>
                <a:gd name="T3" fmla="*/ 36 h 71"/>
                <a:gd name="T4" fmla="*/ 1 w 5"/>
                <a:gd name="T5" fmla="*/ 0 h 71"/>
                <a:gd name="T6" fmla="*/ 4 w 5"/>
                <a:gd name="T7" fmla="*/ 36 h 71"/>
                <a:gd name="T8" fmla="*/ 4 w 5"/>
                <a:gd name="T9" fmla="*/ 71 h 71"/>
              </a:gdLst>
              <a:ahLst/>
              <a:cxnLst>
                <a:cxn ang="0">
                  <a:pos x="T0" y="T1"/>
                </a:cxn>
                <a:cxn ang="0">
                  <a:pos x="T2" y="T3"/>
                </a:cxn>
                <a:cxn ang="0">
                  <a:pos x="T4" y="T5"/>
                </a:cxn>
                <a:cxn ang="0">
                  <a:pos x="T6" y="T7"/>
                </a:cxn>
                <a:cxn ang="0">
                  <a:pos x="T8" y="T9"/>
                </a:cxn>
              </a:cxnLst>
              <a:rect l="0" t="0" r="r" b="b"/>
              <a:pathLst>
                <a:path w="5" h="71">
                  <a:moveTo>
                    <a:pt x="4" y="71"/>
                  </a:moveTo>
                  <a:cubicBezTo>
                    <a:pt x="3" y="71"/>
                    <a:pt x="1" y="55"/>
                    <a:pt x="1" y="36"/>
                  </a:cubicBezTo>
                  <a:cubicBezTo>
                    <a:pt x="0" y="16"/>
                    <a:pt x="0" y="0"/>
                    <a:pt x="1" y="0"/>
                  </a:cubicBezTo>
                  <a:cubicBezTo>
                    <a:pt x="2" y="0"/>
                    <a:pt x="3" y="16"/>
                    <a:pt x="4" y="36"/>
                  </a:cubicBezTo>
                  <a:cubicBezTo>
                    <a:pt x="5" y="55"/>
                    <a:pt x="4" y="71"/>
                    <a:pt x="4" y="7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4" name="ïs1íḑê">
              <a:extLst>
                <a:ext uri="{FF2B5EF4-FFF2-40B4-BE49-F238E27FC236}">
                  <a16:creationId xmlns:a16="http://schemas.microsoft.com/office/drawing/2014/main" xmlns="" id="{C74EF212-3A71-4670-ACD2-A8FB1DE2EF1C}"/>
                </a:ext>
              </a:extLst>
            </p:cNvPr>
            <p:cNvSpPr/>
            <p:nvPr/>
          </p:nvSpPr>
          <p:spPr bwMode="auto">
            <a:xfrm>
              <a:off x="5264651" y="3899428"/>
              <a:ext cx="8214" cy="144186"/>
            </a:xfrm>
            <a:custGeom>
              <a:avLst/>
              <a:gdLst>
                <a:gd name="T0" fmla="*/ 4 w 4"/>
                <a:gd name="T1" fmla="*/ 67 h 67"/>
                <a:gd name="T2" fmla="*/ 0 w 4"/>
                <a:gd name="T3" fmla="*/ 34 h 67"/>
                <a:gd name="T4" fmla="*/ 0 w 4"/>
                <a:gd name="T5" fmla="*/ 0 h 67"/>
                <a:gd name="T6" fmla="*/ 4 w 4"/>
                <a:gd name="T7" fmla="*/ 34 h 67"/>
                <a:gd name="T8" fmla="*/ 4 w 4"/>
                <a:gd name="T9" fmla="*/ 67 h 67"/>
              </a:gdLst>
              <a:ahLst/>
              <a:cxnLst>
                <a:cxn ang="0">
                  <a:pos x="T0" y="T1"/>
                </a:cxn>
                <a:cxn ang="0">
                  <a:pos x="T2" y="T3"/>
                </a:cxn>
                <a:cxn ang="0">
                  <a:pos x="T4" y="T5"/>
                </a:cxn>
                <a:cxn ang="0">
                  <a:pos x="T6" y="T7"/>
                </a:cxn>
                <a:cxn ang="0">
                  <a:pos x="T8" y="T9"/>
                </a:cxn>
              </a:cxnLst>
              <a:rect l="0" t="0" r="r" b="b"/>
              <a:pathLst>
                <a:path w="4" h="67">
                  <a:moveTo>
                    <a:pt x="4" y="67"/>
                  </a:moveTo>
                  <a:cubicBezTo>
                    <a:pt x="3" y="67"/>
                    <a:pt x="1" y="52"/>
                    <a:pt x="0" y="34"/>
                  </a:cubicBezTo>
                  <a:cubicBezTo>
                    <a:pt x="0" y="15"/>
                    <a:pt x="0" y="0"/>
                    <a:pt x="0" y="0"/>
                  </a:cubicBezTo>
                  <a:cubicBezTo>
                    <a:pt x="1" y="0"/>
                    <a:pt x="3" y="15"/>
                    <a:pt x="4" y="34"/>
                  </a:cubicBezTo>
                  <a:cubicBezTo>
                    <a:pt x="4" y="52"/>
                    <a:pt x="4" y="67"/>
                    <a:pt x="4" y="6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5" name="íṩḻîḍé">
              <a:extLst>
                <a:ext uri="{FF2B5EF4-FFF2-40B4-BE49-F238E27FC236}">
                  <a16:creationId xmlns:a16="http://schemas.microsoft.com/office/drawing/2014/main" xmlns="" id="{F87D8905-9713-4684-894F-A6E11D6DB73B}"/>
                </a:ext>
              </a:extLst>
            </p:cNvPr>
            <p:cNvSpPr/>
            <p:nvPr/>
          </p:nvSpPr>
          <p:spPr bwMode="auto">
            <a:xfrm>
              <a:off x="5340394" y="4313734"/>
              <a:ext cx="8214" cy="138711"/>
            </a:xfrm>
            <a:custGeom>
              <a:avLst/>
              <a:gdLst>
                <a:gd name="T0" fmla="*/ 3 w 4"/>
                <a:gd name="T1" fmla="*/ 64 h 64"/>
                <a:gd name="T2" fmla="*/ 0 w 4"/>
                <a:gd name="T3" fmla="*/ 32 h 64"/>
                <a:gd name="T4" fmla="*/ 1 w 4"/>
                <a:gd name="T5" fmla="*/ 1 h 64"/>
                <a:gd name="T6" fmla="*/ 3 w 4"/>
                <a:gd name="T7" fmla="*/ 32 h 64"/>
                <a:gd name="T8" fmla="*/ 3 w 4"/>
                <a:gd name="T9" fmla="*/ 64 h 64"/>
              </a:gdLst>
              <a:ahLst/>
              <a:cxnLst>
                <a:cxn ang="0">
                  <a:pos x="T0" y="T1"/>
                </a:cxn>
                <a:cxn ang="0">
                  <a:pos x="T2" y="T3"/>
                </a:cxn>
                <a:cxn ang="0">
                  <a:pos x="T4" y="T5"/>
                </a:cxn>
                <a:cxn ang="0">
                  <a:pos x="T6" y="T7"/>
                </a:cxn>
                <a:cxn ang="0">
                  <a:pos x="T8" y="T9"/>
                </a:cxn>
              </a:cxnLst>
              <a:rect l="0" t="0" r="r" b="b"/>
              <a:pathLst>
                <a:path w="4" h="64">
                  <a:moveTo>
                    <a:pt x="3" y="64"/>
                  </a:moveTo>
                  <a:cubicBezTo>
                    <a:pt x="2" y="64"/>
                    <a:pt x="1" y="50"/>
                    <a:pt x="0" y="32"/>
                  </a:cubicBezTo>
                  <a:cubicBezTo>
                    <a:pt x="0" y="15"/>
                    <a:pt x="0" y="1"/>
                    <a:pt x="1" y="1"/>
                  </a:cubicBezTo>
                  <a:cubicBezTo>
                    <a:pt x="2" y="0"/>
                    <a:pt x="3" y="15"/>
                    <a:pt x="3" y="32"/>
                  </a:cubicBezTo>
                  <a:cubicBezTo>
                    <a:pt x="4" y="50"/>
                    <a:pt x="4" y="64"/>
                    <a:pt x="3" y="6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6" name="îṡļíḑê">
              <a:extLst>
                <a:ext uri="{FF2B5EF4-FFF2-40B4-BE49-F238E27FC236}">
                  <a16:creationId xmlns:a16="http://schemas.microsoft.com/office/drawing/2014/main" xmlns="" id="{E1053E5F-3F26-482B-A80B-E0923E94C4C1}"/>
                </a:ext>
              </a:extLst>
            </p:cNvPr>
            <p:cNvSpPr/>
            <p:nvPr/>
          </p:nvSpPr>
          <p:spPr bwMode="auto">
            <a:xfrm>
              <a:off x="5335831" y="4102019"/>
              <a:ext cx="8214" cy="155136"/>
            </a:xfrm>
            <a:custGeom>
              <a:avLst/>
              <a:gdLst>
                <a:gd name="T0" fmla="*/ 3 w 4"/>
                <a:gd name="T1" fmla="*/ 72 h 72"/>
                <a:gd name="T2" fmla="*/ 1 w 4"/>
                <a:gd name="T3" fmla="*/ 36 h 72"/>
                <a:gd name="T4" fmla="*/ 1 w 4"/>
                <a:gd name="T5" fmla="*/ 0 h 72"/>
                <a:gd name="T6" fmla="*/ 4 w 4"/>
                <a:gd name="T7" fmla="*/ 36 h 72"/>
                <a:gd name="T8" fmla="*/ 3 w 4"/>
                <a:gd name="T9" fmla="*/ 72 h 72"/>
              </a:gdLst>
              <a:ahLst/>
              <a:cxnLst>
                <a:cxn ang="0">
                  <a:pos x="T0" y="T1"/>
                </a:cxn>
                <a:cxn ang="0">
                  <a:pos x="T2" y="T3"/>
                </a:cxn>
                <a:cxn ang="0">
                  <a:pos x="T4" y="T5"/>
                </a:cxn>
                <a:cxn ang="0">
                  <a:pos x="T6" y="T7"/>
                </a:cxn>
                <a:cxn ang="0">
                  <a:pos x="T8" y="T9"/>
                </a:cxn>
              </a:cxnLst>
              <a:rect l="0" t="0" r="r" b="b"/>
              <a:pathLst>
                <a:path w="4" h="72">
                  <a:moveTo>
                    <a:pt x="3" y="72"/>
                  </a:moveTo>
                  <a:cubicBezTo>
                    <a:pt x="2" y="72"/>
                    <a:pt x="1" y="56"/>
                    <a:pt x="1" y="36"/>
                  </a:cubicBezTo>
                  <a:cubicBezTo>
                    <a:pt x="0" y="16"/>
                    <a:pt x="0" y="0"/>
                    <a:pt x="1" y="0"/>
                  </a:cubicBezTo>
                  <a:cubicBezTo>
                    <a:pt x="2" y="0"/>
                    <a:pt x="3" y="16"/>
                    <a:pt x="4" y="36"/>
                  </a:cubicBezTo>
                  <a:cubicBezTo>
                    <a:pt x="4" y="55"/>
                    <a:pt x="4" y="72"/>
                    <a:pt x="3" y="7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7" name="í$líḑe">
              <a:extLst>
                <a:ext uri="{FF2B5EF4-FFF2-40B4-BE49-F238E27FC236}">
                  <a16:creationId xmlns:a16="http://schemas.microsoft.com/office/drawing/2014/main" xmlns="" id="{3AD2C1F9-0507-4F06-A920-9A4946F4CDB2}"/>
                </a:ext>
              </a:extLst>
            </p:cNvPr>
            <p:cNvSpPr/>
            <p:nvPr/>
          </p:nvSpPr>
          <p:spPr bwMode="auto">
            <a:xfrm>
              <a:off x="5324881" y="3896691"/>
              <a:ext cx="12776" cy="142360"/>
            </a:xfrm>
            <a:custGeom>
              <a:avLst/>
              <a:gdLst>
                <a:gd name="T0" fmla="*/ 5 w 6"/>
                <a:gd name="T1" fmla="*/ 66 h 66"/>
                <a:gd name="T2" fmla="*/ 1 w 6"/>
                <a:gd name="T3" fmla="*/ 33 h 66"/>
                <a:gd name="T4" fmla="*/ 1 w 6"/>
                <a:gd name="T5" fmla="*/ 0 h 66"/>
                <a:gd name="T6" fmla="*/ 4 w 6"/>
                <a:gd name="T7" fmla="*/ 33 h 66"/>
                <a:gd name="T8" fmla="*/ 5 w 6"/>
                <a:gd name="T9" fmla="*/ 66 h 66"/>
              </a:gdLst>
              <a:ahLst/>
              <a:cxnLst>
                <a:cxn ang="0">
                  <a:pos x="T0" y="T1"/>
                </a:cxn>
                <a:cxn ang="0">
                  <a:pos x="T2" y="T3"/>
                </a:cxn>
                <a:cxn ang="0">
                  <a:pos x="T4" y="T5"/>
                </a:cxn>
                <a:cxn ang="0">
                  <a:pos x="T6" y="T7"/>
                </a:cxn>
                <a:cxn ang="0">
                  <a:pos x="T8" y="T9"/>
                </a:cxn>
              </a:cxnLst>
              <a:rect l="0" t="0" r="r" b="b"/>
              <a:pathLst>
                <a:path w="6" h="66">
                  <a:moveTo>
                    <a:pt x="5" y="66"/>
                  </a:moveTo>
                  <a:cubicBezTo>
                    <a:pt x="4" y="66"/>
                    <a:pt x="3" y="51"/>
                    <a:pt x="1" y="33"/>
                  </a:cubicBezTo>
                  <a:cubicBezTo>
                    <a:pt x="0" y="15"/>
                    <a:pt x="0" y="0"/>
                    <a:pt x="1" y="0"/>
                  </a:cubicBezTo>
                  <a:cubicBezTo>
                    <a:pt x="2" y="0"/>
                    <a:pt x="3" y="15"/>
                    <a:pt x="4" y="33"/>
                  </a:cubicBezTo>
                  <a:cubicBezTo>
                    <a:pt x="6" y="51"/>
                    <a:pt x="6" y="66"/>
                    <a:pt x="5" y="6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8" name="íśḻîḋe">
              <a:extLst>
                <a:ext uri="{FF2B5EF4-FFF2-40B4-BE49-F238E27FC236}">
                  <a16:creationId xmlns:a16="http://schemas.microsoft.com/office/drawing/2014/main" xmlns="" id="{BA305214-3D0B-423F-A453-F5821B5990FA}"/>
                </a:ext>
              </a:extLst>
            </p:cNvPr>
            <p:cNvSpPr/>
            <p:nvPr/>
          </p:nvSpPr>
          <p:spPr bwMode="auto">
            <a:xfrm>
              <a:off x="4910576" y="4473433"/>
              <a:ext cx="856901" cy="333087"/>
            </a:xfrm>
            <a:custGeom>
              <a:avLst/>
              <a:gdLst>
                <a:gd name="T0" fmla="*/ 16 w 397"/>
                <a:gd name="T1" fmla="*/ 116 h 154"/>
                <a:gd name="T2" fmla="*/ 11 w 397"/>
                <a:gd name="T3" fmla="*/ 118 h 154"/>
                <a:gd name="T4" fmla="*/ 6 w 397"/>
                <a:gd name="T5" fmla="*/ 122 h 154"/>
                <a:gd name="T6" fmla="*/ 3 w 397"/>
                <a:gd name="T7" fmla="*/ 130 h 154"/>
                <a:gd name="T8" fmla="*/ 8 w 397"/>
                <a:gd name="T9" fmla="*/ 139 h 154"/>
                <a:gd name="T10" fmla="*/ 21 w 397"/>
                <a:gd name="T11" fmla="*/ 144 h 154"/>
                <a:gd name="T12" fmla="*/ 36 w 397"/>
                <a:gd name="T13" fmla="*/ 147 h 154"/>
                <a:gd name="T14" fmla="*/ 54 w 397"/>
                <a:gd name="T15" fmla="*/ 147 h 154"/>
                <a:gd name="T16" fmla="*/ 253 w 397"/>
                <a:gd name="T17" fmla="*/ 148 h 154"/>
                <a:gd name="T18" fmla="*/ 310 w 397"/>
                <a:gd name="T19" fmla="*/ 148 h 154"/>
                <a:gd name="T20" fmla="*/ 362 w 397"/>
                <a:gd name="T21" fmla="*/ 146 h 154"/>
                <a:gd name="T22" fmla="*/ 382 w 397"/>
                <a:gd name="T23" fmla="*/ 137 h 154"/>
                <a:gd name="T24" fmla="*/ 388 w 397"/>
                <a:gd name="T25" fmla="*/ 128 h 154"/>
                <a:gd name="T26" fmla="*/ 391 w 397"/>
                <a:gd name="T27" fmla="*/ 118 h 154"/>
                <a:gd name="T28" fmla="*/ 386 w 397"/>
                <a:gd name="T29" fmla="*/ 77 h 154"/>
                <a:gd name="T30" fmla="*/ 376 w 397"/>
                <a:gd name="T31" fmla="*/ 45 h 154"/>
                <a:gd name="T32" fmla="*/ 366 w 397"/>
                <a:gd name="T33" fmla="*/ 21 h 154"/>
                <a:gd name="T34" fmla="*/ 360 w 397"/>
                <a:gd name="T35" fmla="*/ 6 h 154"/>
                <a:gd name="T36" fmla="*/ 359 w 397"/>
                <a:gd name="T37" fmla="*/ 0 h 154"/>
                <a:gd name="T38" fmla="*/ 361 w 397"/>
                <a:gd name="T39" fmla="*/ 5 h 154"/>
                <a:gd name="T40" fmla="*/ 368 w 397"/>
                <a:gd name="T41" fmla="*/ 20 h 154"/>
                <a:gd name="T42" fmla="*/ 379 w 397"/>
                <a:gd name="T43" fmla="*/ 44 h 154"/>
                <a:gd name="T44" fmla="*/ 391 w 397"/>
                <a:gd name="T45" fmla="*/ 76 h 154"/>
                <a:gd name="T46" fmla="*/ 396 w 397"/>
                <a:gd name="T47" fmla="*/ 118 h 154"/>
                <a:gd name="T48" fmla="*/ 393 w 397"/>
                <a:gd name="T49" fmla="*/ 130 h 154"/>
                <a:gd name="T50" fmla="*/ 386 w 397"/>
                <a:gd name="T51" fmla="*/ 141 h 154"/>
                <a:gd name="T52" fmla="*/ 376 w 397"/>
                <a:gd name="T53" fmla="*/ 148 h 154"/>
                <a:gd name="T54" fmla="*/ 369 w 397"/>
                <a:gd name="T55" fmla="*/ 150 h 154"/>
                <a:gd name="T56" fmla="*/ 363 w 397"/>
                <a:gd name="T57" fmla="*/ 152 h 154"/>
                <a:gd name="T58" fmla="*/ 310 w 397"/>
                <a:gd name="T59" fmla="*/ 154 h 154"/>
                <a:gd name="T60" fmla="*/ 253 w 397"/>
                <a:gd name="T61" fmla="*/ 154 h 154"/>
                <a:gd name="T62" fmla="*/ 54 w 397"/>
                <a:gd name="T63" fmla="*/ 152 h 154"/>
                <a:gd name="T64" fmla="*/ 36 w 397"/>
                <a:gd name="T65" fmla="*/ 151 h 154"/>
                <a:gd name="T66" fmla="*/ 19 w 397"/>
                <a:gd name="T67" fmla="*/ 148 h 154"/>
                <a:gd name="T68" fmla="*/ 7 w 397"/>
                <a:gd name="T69" fmla="*/ 141 h 154"/>
                <a:gd name="T70" fmla="*/ 0 w 397"/>
                <a:gd name="T71" fmla="*/ 130 h 154"/>
                <a:gd name="T72" fmla="*/ 5 w 397"/>
                <a:gd name="T73" fmla="*/ 121 h 154"/>
                <a:gd name="T74" fmla="*/ 11 w 397"/>
                <a:gd name="T75" fmla="*/ 117 h 154"/>
                <a:gd name="T76" fmla="*/ 16 w 397"/>
                <a:gd name="T77" fmla="*/ 116 h 1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97" h="154">
                  <a:moveTo>
                    <a:pt x="16" y="116"/>
                  </a:moveTo>
                  <a:cubicBezTo>
                    <a:pt x="16" y="116"/>
                    <a:pt x="15" y="117"/>
                    <a:pt x="11" y="118"/>
                  </a:cubicBezTo>
                  <a:cubicBezTo>
                    <a:pt x="10" y="119"/>
                    <a:pt x="8" y="120"/>
                    <a:pt x="6" y="122"/>
                  </a:cubicBezTo>
                  <a:cubicBezTo>
                    <a:pt x="4" y="124"/>
                    <a:pt x="2" y="127"/>
                    <a:pt x="3" y="130"/>
                  </a:cubicBezTo>
                  <a:cubicBezTo>
                    <a:pt x="3" y="133"/>
                    <a:pt x="5" y="136"/>
                    <a:pt x="8" y="139"/>
                  </a:cubicBezTo>
                  <a:cubicBezTo>
                    <a:pt x="12" y="141"/>
                    <a:pt x="16" y="143"/>
                    <a:pt x="21" y="144"/>
                  </a:cubicBezTo>
                  <a:cubicBezTo>
                    <a:pt x="25" y="146"/>
                    <a:pt x="30" y="147"/>
                    <a:pt x="36" y="147"/>
                  </a:cubicBezTo>
                  <a:cubicBezTo>
                    <a:pt x="42" y="148"/>
                    <a:pt x="48" y="147"/>
                    <a:pt x="54" y="147"/>
                  </a:cubicBezTo>
                  <a:cubicBezTo>
                    <a:pt x="105" y="146"/>
                    <a:pt x="175" y="148"/>
                    <a:pt x="253" y="148"/>
                  </a:cubicBezTo>
                  <a:cubicBezTo>
                    <a:pt x="272" y="148"/>
                    <a:pt x="291" y="148"/>
                    <a:pt x="310" y="148"/>
                  </a:cubicBezTo>
                  <a:cubicBezTo>
                    <a:pt x="328" y="148"/>
                    <a:pt x="346" y="147"/>
                    <a:pt x="362" y="146"/>
                  </a:cubicBezTo>
                  <a:cubicBezTo>
                    <a:pt x="370" y="145"/>
                    <a:pt x="377" y="142"/>
                    <a:pt x="382" y="137"/>
                  </a:cubicBezTo>
                  <a:cubicBezTo>
                    <a:pt x="385" y="135"/>
                    <a:pt x="387" y="131"/>
                    <a:pt x="388" y="128"/>
                  </a:cubicBezTo>
                  <a:cubicBezTo>
                    <a:pt x="390" y="125"/>
                    <a:pt x="390" y="121"/>
                    <a:pt x="391" y="118"/>
                  </a:cubicBezTo>
                  <a:cubicBezTo>
                    <a:pt x="392" y="103"/>
                    <a:pt x="389" y="90"/>
                    <a:pt x="386" y="77"/>
                  </a:cubicBezTo>
                  <a:cubicBezTo>
                    <a:pt x="383" y="65"/>
                    <a:pt x="379" y="54"/>
                    <a:pt x="376" y="45"/>
                  </a:cubicBezTo>
                  <a:cubicBezTo>
                    <a:pt x="372" y="36"/>
                    <a:pt x="369" y="28"/>
                    <a:pt x="366" y="21"/>
                  </a:cubicBezTo>
                  <a:cubicBezTo>
                    <a:pt x="363" y="14"/>
                    <a:pt x="361" y="9"/>
                    <a:pt x="360" y="6"/>
                  </a:cubicBezTo>
                  <a:cubicBezTo>
                    <a:pt x="359" y="2"/>
                    <a:pt x="359" y="0"/>
                    <a:pt x="359" y="0"/>
                  </a:cubicBezTo>
                  <a:cubicBezTo>
                    <a:pt x="359" y="0"/>
                    <a:pt x="360" y="2"/>
                    <a:pt x="361" y="5"/>
                  </a:cubicBezTo>
                  <a:cubicBezTo>
                    <a:pt x="363" y="9"/>
                    <a:pt x="365" y="14"/>
                    <a:pt x="368" y="20"/>
                  </a:cubicBezTo>
                  <a:cubicBezTo>
                    <a:pt x="371" y="26"/>
                    <a:pt x="375" y="34"/>
                    <a:pt x="379" y="44"/>
                  </a:cubicBezTo>
                  <a:cubicBezTo>
                    <a:pt x="383" y="53"/>
                    <a:pt x="387" y="64"/>
                    <a:pt x="391" y="76"/>
                  </a:cubicBezTo>
                  <a:cubicBezTo>
                    <a:pt x="394" y="89"/>
                    <a:pt x="397" y="103"/>
                    <a:pt x="396" y="118"/>
                  </a:cubicBezTo>
                  <a:cubicBezTo>
                    <a:pt x="396" y="122"/>
                    <a:pt x="395" y="126"/>
                    <a:pt x="393" y="130"/>
                  </a:cubicBezTo>
                  <a:cubicBezTo>
                    <a:pt x="392" y="134"/>
                    <a:pt x="390" y="138"/>
                    <a:pt x="386" y="141"/>
                  </a:cubicBezTo>
                  <a:cubicBezTo>
                    <a:pt x="383" y="144"/>
                    <a:pt x="380" y="146"/>
                    <a:pt x="376" y="148"/>
                  </a:cubicBezTo>
                  <a:cubicBezTo>
                    <a:pt x="373" y="149"/>
                    <a:pt x="371" y="150"/>
                    <a:pt x="369" y="150"/>
                  </a:cubicBezTo>
                  <a:cubicBezTo>
                    <a:pt x="367" y="151"/>
                    <a:pt x="365" y="151"/>
                    <a:pt x="363" y="152"/>
                  </a:cubicBezTo>
                  <a:cubicBezTo>
                    <a:pt x="346" y="153"/>
                    <a:pt x="328" y="154"/>
                    <a:pt x="310" y="154"/>
                  </a:cubicBezTo>
                  <a:cubicBezTo>
                    <a:pt x="291" y="154"/>
                    <a:pt x="272" y="154"/>
                    <a:pt x="253" y="154"/>
                  </a:cubicBezTo>
                  <a:cubicBezTo>
                    <a:pt x="175" y="154"/>
                    <a:pt x="105" y="152"/>
                    <a:pt x="54" y="152"/>
                  </a:cubicBezTo>
                  <a:cubicBezTo>
                    <a:pt x="48" y="151"/>
                    <a:pt x="42" y="152"/>
                    <a:pt x="36" y="151"/>
                  </a:cubicBezTo>
                  <a:cubicBezTo>
                    <a:pt x="30" y="151"/>
                    <a:pt x="24" y="149"/>
                    <a:pt x="19" y="148"/>
                  </a:cubicBezTo>
                  <a:cubicBezTo>
                    <a:pt x="15" y="146"/>
                    <a:pt x="10" y="144"/>
                    <a:pt x="7" y="141"/>
                  </a:cubicBezTo>
                  <a:cubicBezTo>
                    <a:pt x="3" y="138"/>
                    <a:pt x="0" y="134"/>
                    <a:pt x="0" y="130"/>
                  </a:cubicBezTo>
                  <a:cubicBezTo>
                    <a:pt x="0" y="126"/>
                    <a:pt x="3" y="123"/>
                    <a:pt x="5" y="121"/>
                  </a:cubicBezTo>
                  <a:cubicBezTo>
                    <a:pt x="7" y="119"/>
                    <a:pt x="9" y="118"/>
                    <a:pt x="11" y="117"/>
                  </a:cubicBezTo>
                  <a:cubicBezTo>
                    <a:pt x="14" y="116"/>
                    <a:pt x="16" y="116"/>
                    <a:pt x="16" y="11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49" name="îṥḷíḓé">
              <a:extLst>
                <a:ext uri="{FF2B5EF4-FFF2-40B4-BE49-F238E27FC236}">
                  <a16:creationId xmlns:a16="http://schemas.microsoft.com/office/drawing/2014/main" xmlns="" id="{1D3C0050-0322-48E3-A347-94534B0EA038}"/>
                </a:ext>
              </a:extLst>
            </p:cNvPr>
            <p:cNvSpPr/>
            <p:nvPr/>
          </p:nvSpPr>
          <p:spPr bwMode="auto">
            <a:xfrm>
              <a:off x="5057498" y="4916028"/>
              <a:ext cx="96732" cy="104033"/>
            </a:xfrm>
            <a:custGeom>
              <a:avLst/>
              <a:gdLst>
                <a:gd name="T0" fmla="*/ 44 w 45"/>
                <a:gd name="T1" fmla="*/ 27 h 48"/>
                <a:gd name="T2" fmla="*/ 32 w 45"/>
                <a:gd name="T3" fmla="*/ 43 h 48"/>
                <a:gd name="T4" fmla="*/ 9 w 45"/>
                <a:gd name="T5" fmla="*/ 41 h 48"/>
                <a:gd name="T6" fmla="*/ 2 w 45"/>
                <a:gd name="T7" fmla="*/ 31 h 48"/>
                <a:gd name="T8" fmla="*/ 0 w 45"/>
                <a:gd name="T9" fmla="*/ 19 h 48"/>
                <a:gd name="T10" fmla="*/ 4 w 45"/>
                <a:gd name="T11" fmla="*/ 9 h 48"/>
                <a:gd name="T12" fmla="*/ 12 w 45"/>
                <a:gd name="T13" fmla="*/ 3 h 48"/>
                <a:gd name="T14" fmla="*/ 25 w 45"/>
                <a:gd name="T15" fmla="*/ 1 h 48"/>
                <a:gd name="T16" fmla="*/ 25 w 45"/>
                <a:gd name="T17" fmla="*/ 1 h 48"/>
                <a:gd name="T18" fmla="*/ 27 w 45"/>
                <a:gd name="T19" fmla="*/ 1 h 48"/>
                <a:gd name="T20" fmla="*/ 27 w 45"/>
                <a:gd name="T21" fmla="*/ 1 h 48"/>
                <a:gd name="T22" fmla="*/ 30 w 45"/>
                <a:gd name="T23" fmla="*/ 2 h 48"/>
                <a:gd name="T24" fmla="*/ 30 w 45"/>
                <a:gd name="T25" fmla="*/ 2 h 48"/>
                <a:gd name="T26" fmla="*/ 31 w 45"/>
                <a:gd name="T27" fmla="*/ 3 h 48"/>
                <a:gd name="T28" fmla="*/ 38 w 45"/>
                <a:gd name="T29" fmla="*/ 7 h 48"/>
                <a:gd name="T30" fmla="*/ 45 w 45"/>
                <a:gd name="T31" fmla="*/ 20 h 48"/>
                <a:gd name="T32" fmla="*/ 45 w 45"/>
                <a:gd name="T33" fmla="*/ 24 h 48"/>
                <a:gd name="T34" fmla="*/ 45 w 45"/>
                <a:gd name="T35" fmla="*/ 25 h 48"/>
                <a:gd name="T36" fmla="*/ 45 w 45"/>
                <a:gd name="T37" fmla="*/ 26 h 48"/>
                <a:gd name="T38" fmla="*/ 44 w 45"/>
                <a:gd name="T39" fmla="*/ 27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5" h="48">
                  <a:moveTo>
                    <a:pt x="44" y="27"/>
                  </a:moveTo>
                  <a:cubicBezTo>
                    <a:pt x="43" y="33"/>
                    <a:pt x="39" y="39"/>
                    <a:pt x="32" y="43"/>
                  </a:cubicBezTo>
                  <a:cubicBezTo>
                    <a:pt x="26" y="48"/>
                    <a:pt x="16" y="46"/>
                    <a:pt x="9" y="41"/>
                  </a:cubicBezTo>
                  <a:cubicBezTo>
                    <a:pt x="6" y="38"/>
                    <a:pt x="3" y="34"/>
                    <a:pt x="2" y="31"/>
                  </a:cubicBezTo>
                  <a:cubicBezTo>
                    <a:pt x="0" y="27"/>
                    <a:pt x="0" y="23"/>
                    <a:pt x="0" y="19"/>
                  </a:cubicBezTo>
                  <a:cubicBezTo>
                    <a:pt x="1" y="15"/>
                    <a:pt x="2" y="12"/>
                    <a:pt x="4" y="9"/>
                  </a:cubicBezTo>
                  <a:cubicBezTo>
                    <a:pt x="7" y="7"/>
                    <a:pt x="9" y="5"/>
                    <a:pt x="12" y="3"/>
                  </a:cubicBezTo>
                  <a:cubicBezTo>
                    <a:pt x="17" y="0"/>
                    <a:pt x="22" y="0"/>
                    <a:pt x="25" y="1"/>
                  </a:cubicBezTo>
                  <a:cubicBezTo>
                    <a:pt x="25" y="1"/>
                    <a:pt x="25" y="1"/>
                    <a:pt x="25" y="1"/>
                  </a:cubicBezTo>
                  <a:cubicBezTo>
                    <a:pt x="26" y="1"/>
                    <a:pt x="26" y="1"/>
                    <a:pt x="27" y="1"/>
                  </a:cubicBezTo>
                  <a:cubicBezTo>
                    <a:pt x="27" y="1"/>
                    <a:pt x="27" y="1"/>
                    <a:pt x="27" y="1"/>
                  </a:cubicBezTo>
                  <a:cubicBezTo>
                    <a:pt x="29" y="2"/>
                    <a:pt x="30" y="2"/>
                    <a:pt x="30" y="2"/>
                  </a:cubicBezTo>
                  <a:cubicBezTo>
                    <a:pt x="30" y="2"/>
                    <a:pt x="30" y="2"/>
                    <a:pt x="30" y="2"/>
                  </a:cubicBezTo>
                  <a:cubicBezTo>
                    <a:pt x="30" y="2"/>
                    <a:pt x="31" y="3"/>
                    <a:pt x="31" y="3"/>
                  </a:cubicBezTo>
                  <a:cubicBezTo>
                    <a:pt x="34" y="4"/>
                    <a:pt x="36" y="5"/>
                    <a:pt x="38" y="7"/>
                  </a:cubicBezTo>
                  <a:cubicBezTo>
                    <a:pt x="41" y="11"/>
                    <a:pt x="44" y="15"/>
                    <a:pt x="45" y="20"/>
                  </a:cubicBezTo>
                  <a:cubicBezTo>
                    <a:pt x="45" y="21"/>
                    <a:pt x="45" y="23"/>
                    <a:pt x="45" y="24"/>
                  </a:cubicBezTo>
                  <a:cubicBezTo>
                    <a:pt x="45" y="24"/>
                    <a:pt x="45" y="25"/>
                    <a:pt x="45" y="25"/>
                  </a:cubicBezTo>
                  <a:cubicBezTo>
                    <a:pt x="45" y="25"/>
                    <a:pt x="45" y="26"/>
                    <a:pt x="45" y="26"/>
                  </a:cubicBezTo>
                  <a:cubicBezTo>
                    <a:pt x="45" y="26"/>
                    <a:pt x="44" y="27"/>
                    <a:pt x="44" y="27"/>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0" name="işļïḍè">
              <a:extLst>
                <a:ext uri="{FF2B5EF4-FFF2-40B4-BE49-F238E27FC236}">
                  <a16:creationId xmlns:a16="http://schemas.microsoft.com/office/drawing/2014/main" xmlns="" id="{7E2B605F-D1A5-46F8-A3C9-965A498CA615}"/>
                </a:ext>
              </a:extLst>
            </p:cNvPr>
            <p:cNvSpPr/>
            <p:nvPr/>
          </p:nvSpPr>
          <p:spPr bwMode="auto">
            <a:xfrm>
              <a:off x="5534771" y="4855799"/>
              <a:ext cx="198027" cy="205328"/>
            </a:xfrm>
            <a:custGeom>
              <a:avLst/>
              <a:gdLst>
                <a:gd name="T0" fmla="*/ 91 w 92"/>
                <a:gd name="T1" fmla="*/ 41 h 95"/>
                <a:gd name="T2" fmla="*/ 66 w 92"/>
                <a:gd name="T3" fmla="*/ 6 h 95"/>
                <a:gd name="T4" fmla="*/ 16 w 92"/>
                <a:gd name="T5" fmla="*/ 12 h 95"/>
                <a:gd name="T6" fmla="*/ 1 w 92"/>
                <a:gd name="T7" fmla="*/ 39 h 95"/>
                <a:gd name="T8" fmla="*/ 4 w 92"/>
                <a:gd name="T9" fmla="*/ 63 h 95"/>
                <a:gd name="T10" fmla="*/ 19 w 92"/>
                <a:gd name="T11" fmla="*/ 83 h 95"/>
                <a:gd name="T12" fmla="*/ 67 w 92"/>
                <a:gd name="T13" fmla="*/ 86 h 95"/>
                <a:gd name="T14" fmla="*/ 91 w 92"/>
                <a:gd name="T15" fmla="*/ 41 h 95"/>
                <a:gd name="T16" fmla="*/ 70 w 92"/>
                <a:gd name="T17" fmla="*/ 47 h 95"/>
                <a:gd name="T18" fmla="*/ 70 w 92"/>
                <a:gd name="T19" fmla="*/ 48 h 95"/>
                <a:gd name="T20" fmla="*/ 70 w 92"/>
                <a:gd name="T21" fmla="*/ 49 h 95"/>
                <a:gd name="T22" fmla="*/ 69 w 92"/>
                <a:gd name="T23" fmla="*/ 50 h 95"/>
                <a:gd name="T24" fmla="*/ 57 w 92"/>
                <a:gd name="T25" fmla="*/ 66 h 95"/>
                <a:gd name="T26" fmla="*/ 34 w 92"/>
                <a:gd name="T27" fmla="*/ 64 h 95"/>
                <a:gd name="T28" fmla="*/ 27 w 92"/>
                <a:gd name="T29" fmla="*/ 54 h 95"/>
                <a:gd name="T30" fmla="*/ 25 w 92"/>
                <a:gd name="T31" fmla="*/ 42 h 95"/>
                <a:gd name="T32" fmla="*/ 29 w 92"/>
                <a:gd name="T33" fmla="*/ 32 h 95"/>
                <a:gd name="T34" fmla="*/ 37 w 92"/>
                <a:gd name="T35" fmla="*/ 26 h 95"/>
                <a:gd name="T36" fmla="*/ 50 w 92"/>
                <a:gd name="T37" fmla="*/ 24 h 95"/>
                <a:gd name="T38" fmla="*/ 50 w 92"/>
                <a:gd name="T39" fmla="*/ 24 h 95"/>
                <a:gd name="T40" fmla="*/ 52 w 92"/>
                <a:gd name="T41" fmla="*/ 24 h 95"/>
                <a:gd name="T42" fmla="*/ 52 w 92"/>
                <a:gd name="T43" fmla="*/ 24 h 95"/>
                <a:gd name="T44" fmla="*/ 55 w 92"/>
                <a:gd name="T45" fmla="*/ 25 h 95"/>
                <a:gd name="T46" fmla="*/ 55 w 92"/>
                <a:gd name="T47" fmla="*/ 25 h 95"/>
                <a:gd name="T48" fmla="*/ 56 w 92"/>
                <a:gd name="T49" fmla="*/ 26 h 95"/>
                <a:gd name="T50" fmla="*/ 63 w 92"/>
                <a:gd name="T51" fmla="*/ 30 h 95"/>
                <a:gd name="T52" fmla="*/ 70 w 92"/>
                <a:gd name="T53" fmla="*/ 43 h 95"/>
                <a:gd name="T54" fmla="*/ 70 w 92"/>
                <a:gd name="T55" fmla="*/ 47 h 95"/>
                <a:gd name="T56" fmla="*/ 68 w 92"/>
                <a:gd name="T57" fmla="*/ 58 h 95"/>
                <a:gd name="T58" fmla="*/ 68 w 92"/>
                <a:gd name="T59" fmla="*/ 58 h 95"/>
                <a:gd name="T60" fmla="*/ 63 w 92"/>
                <a:gd name="T61" fmla="*/ 65 h 95"/>
                <a:gd name="T62" fmla="*/ 68 w 92"/>
                <a:gd name="T63" fmla="*/ 58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92" h="95">
                  <a:moveTo>
                    <a:pt x="91" y="41"/>
                  </a:moveTo>
                  <a:cubicBezTo>
                    <a:pt x="89" y="26"/>
                    <a:pt x="81" y="12"/>
                    <a:pt x="66" y="6"/>
                  </a:cubicBezTo>
                  <a:cubicBezTo>
                    <a:pt x="50" y="0"/>
                    <a:pt x="29" y="1"/>
                    <a:pt x="16" y="12"/>
                  </a:cubicBezTo>
                  <a:cubicBezTo>
                    <a:pt x="8" y="18"/>
                    <a:pt x="2" y="29"/>
                    <a:pt x="1" y="39"/>
                  </a:cubicBezTo>
                  <a:cubicBezTo>
                    <a:pt x="0" y="46"/>
                    <a:pt x="1" y="55"/>
                    <a:pt x="4" y="63"/>
                  </a:cubicBezTo>
                  <a:cubicBezTo>
                    <a:pt x="7" y="71"/>
                    <a:pt x="12" y="78"/>
                    <a:pt x="19" y="83"/>
                  </a:cubicBezTo>
                  <a:cubicBezTo>
                    <a:pt x="34" y="95"/>
                    <a:pt x="52" y="94"/>
                    <a:pt x="67" y="86"/>
                  </a:cubicBezTo>
                  <a:cubicBezTo>
                    <a:pt x="84" y="78"/>
                    <a:pt x="92" y="58"/>
                    <a:pt x="91" y="41"/>
                  </a:cubicBezTo>
                  <a:close/>
                  <a:moveTo>
                    <a:pt x="70" y="47"/>
                  </a:moveTo>
                  <a:cubicBezTo>
                    <a:pt x="70" y="47"/>
                    <a:pt x="70" y="48"/>
                    <a:pt x="70" y="48"/>
                  </a:cubicBezTo>
                  <a:cubicBezTo>
                    <a:pt x="70" y="48"/>
                    <a:pt x="70" y="49"/>
                    <a:pt x="70" y="49"/>
                  </a:cubicBezTo>
                  <a:cubicBezTo>
                    <a:pt x="70" y="49"/>
                    <a:pt x="69" y="50"/>
                    <a:pt x="69" y="50"/>
                  </a:cubicBezTo>
                  <a:cubicBezTo>
                    <a:pt x="68" y="56"/>
                    <a:pt x="64" y="62"/>
                    <a:pt x="57" y="66"/>
                  </a:cubicBezTo>
                  <a:cubicBezTo>
                    <a:pt x="51" y="71"/>
                    <a:pt x="41" y="69"/>
                    <a:pt x="34" y="64"/>
                  </a:cubicBezTo>
                  <a:cubicBezTo>
                    <a:pt x="31" y="61"/>
                    <a:pt x="28" y="58"/>
                    <a:pt x="27" y="54"/>
                  </a:cubicBezTo>
                  <a:cubicBezTo>
                    <a:pt x="25" y="50"/>
                    <a:pt x="25" y="46"/>
                    <a:pt x="25" y="42"/>
                  </a:cubicBezTo>
                  <a:cubicBezTo>
                    <a:pt x="25" y="38"/>
                    <a:pt x="27" y="35"/>
                    <a:pt x="29" y="32"/>
                  </a:cubicBezTo>
                  <a:cubicBezTo>
                    <a:pt x="31" y="30"/>
                    <a:pt x="34" y="28"/>
                    <a:pt x="37" y="26"/>
                  </a:cubicBezTo>
                  <a:cubicBezTo>
                    <a:pt x="42" y="23"/>
                    <a:pt x="47" y="23"/>
                    <a:pt x="50" y="24"/>
                  </a:cubicBezTo>
                  <a:cubicBezTo>
                    <a:pt x="50" y="24"/>
                    <a:pt x="50" y="24"/>
                    <a:pt x="50" y="24"/>
                  </a:cubicBezTo>
                  <a:cubicBezTo>
                    <a:pt x="50" y="24"/>
                    <a:pt x="51" y="24"/>
                    <a:pt x="52" y="24"/>
                  </a:cubicBezTo>
                  <a:cubicBezTo>
                    <a:pt x="52" y="24"/>
                    <a:pt x="52" y="24"/>
                    <a:pt x="52" y="24"/>
                  </a:cubicBezTo>
                  <a:cubicBezTo>
                    <a:pt x="54" y="25"/>
                    <a:pt x="55" y="26"/>
                    <a:pt x="55" y="25"/>
                  </a:cubicBezTo>
                  <a:cubicBezTo>
                    <a:pt x="55" y="25"/>
                    <a:pt x="55" y="25"/>
                    <a:pt x="55" y="25"/>
                  </a:cubicBezTo>
                  <a:cubicBezTo>
                    <a:pt x="55" y="25"/>
                    <a:pt x="56" y="26"/>
                    <a:pt x="56" y="26"/>
                  </a:cubicBezTo>
                  <a:cubicBezTo>
                    <a:pt x="59" y="27"/>
                    <a:pt x="61" y="28"/>
                    <a:pt x="63" y="30"/>
                  </a:cubicBezTo>
                  <a:cubicBezTo>
                    <a:pt x="66" y="34"/>
                    <a:pt x="69" y="38"/>
                    <a:pt x="70" y="43"/>
                  </a:cubicBezTo>
                  <a:cubicBezTo>
                    <a:pt x="70" y="44"/>
                    <a:pt x="70" y="46"/>
                    <a:pt x="70" y="47"/>
                  </a:cubicBezTo>
                  <a:close/>
                  <a:moveTo>
                    <a:pt x="68" y="58"/>
                  </a:moveTo>
                  <a:cubicBezTo>
                    <a:pt x="68" y="58"/>
                    <a:pt x="68" y="58"/>
                    <a:pt x="68" y="58"/>
                  </a:cubicBezTo>
                  <a:cubicBezTo>
                    <a:pt x="67" y="60"/>
                    <a:pt x="65" y="63"/>
                    <a:pt x="63" y="65"/>
                  </a:cubicBezTo>
                  <a:cubicBezTo>
                    <a:pt x="65" y="63"/>
                    <a:pt x="66" y="60"/>
                    <a:pt x="68" y="58"/>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1" name="iŝ1ïdé">
              <a:extLst>
                <a:ext uri="{FF2B5EF4-FFF2-40B4-BE49-F238E27FC236}">
                  <a16:creationId xmlns:a16="http://schemas.microsoft.com/office/drawing/2014/main" xmlns="" id="{1227CF76-F3BB-4EB3-AB99-B9B432A0CC34}"/>
                </a:ext>
              </a:extLst>
            </p:cNvPr>
            <p:cNvSpPr/>
            <p:nvPr/>
          </p:nvSpPr>
          <p:spPr bwMode="auto">
            <a:xfrm>
              <a:off x="5588612" y="4905990"/>
              <a:ext cx="96732" cy="103120"/>
            </a:xfrm>
            <a:custGeom>
              <a:avLst/>
              <a:gdLst>
                <a:gd name="T0" fmla="*/ 44 w 45"/>
                <a:gd name="T1" fmla="*/ 27 h 48"/>
                <a:gd name="T2" fmla="*/ 32 w 45"/>
                <a:gd name="T3" fmla="*/ 43 h 48"/>
                <a:gd name="T4" fmla="*/ 9 w 45"/>
                <a:gd name="T5" fmla="*/ 41 h 48"/>
                <a:gd name="T6" fmla="*/ 2 w 45"/>
                <a:gd name="T7" fmla="*/ 31 h 48"/>
                <a:gd name="T8" fmla="*/ 0 w 45"/>
                <a:gd name="T9" fmla="*/ 19 h 48"/>
                <a:gd name="T10" fmla="*/ 4 w 45"/>
                <a:gd name="T11" fmla="*/ 9 h 48"/>
                <a:gd name="T12" fmla="*/ 12 w 45"/>
                <a:gd name="T13" fmla="*/ 3 h 48"/>
                <a:gd name="T14" fmla="*/ 25 w 45"/>
                <a:gd name="T15" fmla="*/ 1 h 48"/>
                <a:gd name="T16" fmla="*/ 25 w 45"/>
                <a:gd name="T17" fmla="*/ 1 h 48"/>
                <a:gd name="T18" fmla="*/ 27 w 45"/>
                <a:gd name="T19" fmla="*/ 1 h 48"/>
                <a:gd name="T20" fmla="*/ 27 w 45"/>
                <a:gd name="T21" fmla="*/ 1 h 48"/>
                <a:gd name="T22" fmla="*/ 30 w 45"/>
                <a:gd name="T23" fmla="*/ 2 h 48"/>
                <a:gd name="T24" fmla="*/ 30 w 45"/>
                <a:gd name="T25" fmla="*/ 2 h 48"/>
                <a:gd name="T26" fmla="*/ 31 w 45"/>
                <a:gd name="T27" fmla="*/ 3 h 48"/>
                <a:gd name="T28" fmla="*/ 38 w 45"/>
                <a:gd name="T29" fmla="*/ 7 h 48"/>
                <a:gd name="T30" fmla="*/ 45 w 45"/>
                <a:gd name="T31" fmla="*/ 20 h 48"/>
                <a:gd name="T32" fmla="*/ 45 w 45"/>
                <a:gd name="T33" fmla="*/ 24 h 48"/>
                <a:gd name="T34" fmla="*/ 45 w 45"/>
                <a:gd name="T35" fmla="*/ 25 h 48"/>
                <a:gd name="T36" fmla="*/ 45 w 45"/>
                <a:gd name="T37" fmla="*/ 26 h 48"/>
                <a:gd name="T38" fmla="*/ 44 w 45"/>
                <a:gd name="T39" fmla="*/ 27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5" h="48">
                  <a:moveTo>
                    <a:pt x="44" y="27"/>
                  </a:moveTo>
                  <a:cubicBezTo>
                    <a:pt x="43" y="33"/>
                    <a:pt x="39" y="39"/>
                    <a:pt x="32" y="43"/>
                  </a:cubicBezTo>
                  <a:cubicBezTo>
                    <a:pt x="26" y="48"/>
                    <a:pt x="16" y="46"/>
                    <a:pt x="9" y="41"/>
                  </a:cubicBezTo>
                  <a:cubicBezTo>
                    <a:pt x="6" y="38"/>
                    <a:pt x="3" y="35"/>
                    <a:pt x="2" y="31"/>
                  </a:cubicBezTo>
                  <a:cubicBezTo>
                    <a:pt x="0" y="27"/>
                    <a:pt x="0" y="23"/>
                    <a:pt x="0" y="19"/>
                  </a:cubicBezTo>
                  <a:cubicBezTo>
                    <a:pt x="0" y="15"/>
                    <a:pt x="2" y="12"/>
                    <a:pt x="4" y="9"/>
                  </a:cubicBezTo>
                  <a:cubicBezTo>
                    <a:pt x="6" y="7"/>
                    <a:pt x="9" y="5"/>
                    <a:pt x="12" y="3"/>
                  </a:cubicBezTo>
                  <a:cubicBezTo>
                    <a:pt x="17" y="0"/>
                    <a:pt x="22" y="0"/>
                    <a:pt x="25" y="1"/>
                  </a:cubicBezTo>
                  <a:cubicBezTo>
                    <a:pt x="25" y="1"/>
                    <a:pt x="25" y="1"/>
                    <a:pt x="25" y="1"/>
                  </a:cubicBezTo>
                  <a:cubicBezTo>
                    <a:pt x="25" y="1"/>
                    <a:pt x="26" y="1"/>
                    <a:pt x="27" y="1"/>
                  </a:cubicBezTo>
                  <a:cubicBezTo>
                    <a:pt x="27" y="1"/>
                    <a:pt x="27" y="1"/>
                    <a:pt x="27" y="1"/>
                  </a:cubicBezTo>
                  <a:cubicBezTo>
                    <a:pt x="29" y="2"/>
                    <a:pt x="30" y="3"/>
                    <a:pt x="30" y="2"/>
                  </a:cubicBezTo>
                  <a:cubicBezTo>
                    <a:pt x="30" y="2"/>
                    <a:pt x="30" y="2"/>
                    <a:pt x="30" y="2"/>
                  </a:cubicBezTo>
                  <a:cubicBezTo>
                    <a:pt x="30" y="2"/>
                    <a:pt x="31" y="3"/>
                    <a:pt x="31" y="3"/>
                  </a:cubicBezTo>
                  <a:cubicBezTo>
                    <a:pt x="34" y="4"/>
                    <a:pt x="36" y="5"/>
                    <a:pt x="38" y="7"/>
                  </a:cubicBezTo>
                  <a:cubicBezTo>
                    <a:pt x="41" y="11"/>
                    <a:pt x="44" y="15"/>
                    <a:pt x="45" y="20"/>
                  </a:cubicBezTo>
                  <a:cubicBezTo>
                    <a:pt x="45" y="21"/>
                    <a:pt x="45" y="23"/>
                    <a:pt x="45" y="24"/>
                  </a:cubicBezTo>
                  <a:cubicBezTo>
                    <a:pt x="45" y="24"/>
                    <a:pt x="45" y="25"/>
                    <a:pt x="45" y="25"/>
                  </a:cubicBezTo>
                  <a:cubicBezTo>
                    <a:pt x="45" y="25"/>
                    <a:pt x="45" y="26"/>
                    <a:pt x="45" y="26"/>
                  </a:cubicBezTo>
                  <a:cubicBezTo>
                    <a:pt x="45" y="26"/>
                    <a:pt x="44" y="27"/>
                    <a:pt x="44" y="27"/>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2" name="ï$ľídè">
              <a:extLst>
                <a:ext uri="{FF2B5EF4-FFF2-40B4-BE49-F238E27FC236}">
                  <a16:creationId xmlns:a16="http://schemas.microsoft.com/office/drawing/2014/main" xmlns="" id="{ABD370BF-874D-4747-9518-A03D043BB6D7}"/>
                </a:ext>
              </a:extLst>
            </p:cNvPr>
            <p:cNvSpPr/>
            <p:nvPr/>
          </p:nvSpPr>
          <p:spPr bwMode="auto">
            <a:xfrm>
              <a:off x="5074838" y="4320122"/>
              <a:ext cx="31940" cy="129585"/>
            </a:xfrm>
            <a:custGeom>
              <a:avLst/>
              <a:gdLst>
                <a:gd name="T0" fmla="*/ 15 w 15"/>
                <a:gd name="T1" fmla="*/ 60 h 60"/>
                <a:gd name="T2" fmla="*/ 6 w 15"/>
                <a:gd name="T3" fmla="*/ 31 h 60"/>
                <a:gd name="T4" fmla="*/ 1 w 15"/>
                <a:gd name="T5" fmla="*/ 1 h 60"/>
                <a:gd name="T6" fmla="*/ 9 w 15"/>
                <a:gd name="T7" fmla="*/ 30 h 60"/>
                <a:gd name="T8" fmla="*/ 15 w 15"/>
                <a:gd name="T9" fmla="*/ 60 h 60"/>
              </a:gdLst>
              <a:ahLst/>
              <a:cxnLst>
                <a:cxn ang="0">
                  <a:pos x="T0" y="T1"/>
                </a:cxn>
                <a:cxn ang="0">
                  <a:pos x="T2" y="T3"/>
                </a:cxn>
                <a:cxn ang="0">
                  <a:pos x="T4" y="T5"/>
                </a:cxn>
                <a:cxn ang="0">
                  <a:pos x="T6" y="T7"/>
                </a:cxn>
                <a:cxn ang="0">
                  <a:pos x="T8" y="T9"/>
                </a:cxn>
              </a:cxnLst>
              <a:rect l="0" t="0" r="r" b="b"/>
              <a:pathLst>
                <a:path w="15" h="60">
                  <a:moveTo>
                    <a:pt x="15" y="60"/>
                  </a:moveTo>
                  <a:cubicBezTo>
                    <a:pt x="14" y="60"/>
                    <a:pt x="10" y="47"/>
                    <a:pt x="6" y="31"/>
                  </a:cubicBezTo>
                  <a:cubicBezTo>
                    <a:pt x="3" y="14"/>
                    <a:pt x="0" y="1"/>
                    <a:pt x="1" y="1"/>
                  </a:cubicBezTo>
                  <a:cubicBezTo>
                    <a:pt x="2" y="0"/>
                    <a:pt x="6" y="13"/>
                    <a:pt x="9" y="30"/>
                  </a:cubicBezTo>
                  <a:cubicBezTo>
                    <a:pt x="13" y="46"/>
                    <a:pt x="15" y="60"/>
                    <a:pt x="15" y="6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3" name="îṣľïďè">
              <a:extLst>
                <a:ext uri="{FF2B5EF4-FFF2-40B4-BE49-F238E27FC236}">
                  <a16:creationId xmlns:a16="http://schemas.microsoft.com/office/drawing/2014/main" xmlns="" id="{1DB06D25-2F9E-4202-8C1F-834F7D78D8FC}"/>
                </a:ext>
              </a:extLst>
            </p:cNvPr>
            <p:cNvSpPr/>
            <p:nvPr/>
          </p:nvSpPr>
          <p:spPr bwMode="auto">
            <a:xfrm>
              <a:off x="5031034" y="4106581"/>
              <a:ext cx="37416" cy="153312"/>
            </a:xfrm>
            <a:custGeom>
              <a:avLst/>
              <a:gdLst>
                <a:gd name="T0" fmla="*/ 16 w 17"/>
                <a:gd name="T1" fmla="*/ 71 h 71"/>
                <a:gd name="T2" fmla="*/ 7 w 17"/>
                <a:gd name="T3" fmla="*/ 36 h 71"/>
                <a:gd name="T4" fmla="*/ 2 w 17"/>
                <a:gd name="T5" fmla="*/ 11 h 71"/>
                <a:gd name="T6" fmla="*/ 1 w 17"/>
                <a:gd name="T7" fmla="*/ 0 h 71"/>
                <a:gd name="T8" fmla="*/ 5 w 17"/>
                <a:gd name="T9" fmla="*/ 10 h 71"/>
                <a:gd name="T10" fmla="*/ 10 w 17"/>
                <a:gd name="T11" fmla="*/ 35 h 71"/>
                <a:gd name="T12" fmla="*/ 16 w 17"/>
                <a:gd name="T13" fmla="*/ 71 h 71"/>
              </a:gdLst>
              <a:ahLst/>
              <a:cxnLst>
                <a:cxn ang="0">
                  <a:pos x="T0" y="T1"/>
                </a:cxn>
                <a:cxn ang="0">
                  <a:pos x="T2" y="T3"/>
                </a:cxn>
                <a:cxn ang="0">
                  <a:pos x="T4" y="T5"/>
                </a:cxn>
                <a:cxn ang="0">
                  <a:pos x="T6" y="T7"/>
                </a:cxn>
                <a:cxn ang="0">
                  <a:pos x="T8" y="T9"/>
                </a:cxn>
                <a:cxn ang="0">
                  <a:pos x="T10" y="T11"/>
                </a:cxn>
                <a:cxn ang="0">
                  <a:pos x="T12" y="T13"/>
                </a:cxn>
              </a:cxnLst>
              <a:rect l="0" t="0" r="r" b="b"/>
              <a:pathLst>
                <a:path w="17" h="71">
                  <a:moveTo>
                    <a:pt x="16" y="71"/>
                  </a:moveTo>
                  <a:cubicBezTo>
                    <a:pt x="15" y="71"/>
                    <a:pt x="11" y="55"/>
                    <a:pt x="7" y="36"/>
                  </a:cubicBezTo>
                  <a:cubicBezTo>
                    <a:pt x="5" y="26"/>
                    <a:pt x="4" y="17"/>
                    <a:pt x="2" y="11"/>
                  </a:cubicBezTo>
                  <a:cubicBezTo>
                    <a:pt x="1" y="5"/>
                    <a:pt x="0" y="1"/>
                    <a:pt x="1" y="0"/>
                  </a:cubicBezTo>
                  <a:cubicBezTo>
                    <a:pt x="1" y="0"/>
                    <a:pt x="3" y="4"/>
                    <a:pt x="5" y="10"/>
                  </a:cubicBezTo>
                  <a:cubicBezTo>
                    <a:pt x="6" y="17"/>
                    <a:pt x="8" y="26"/>
                    <a:pt x="10" y="35"/>
                  </a:cubicBezTo>
                  <a:cubicBezTo>
                    <a:pt x="14" y="55"/>
                    <a:pt x="17" y="71"/>
                    <a:pt x="16" y="7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4" name="ïšlîďê">
              <a:extLst>
                <a:ext uri="{FF2B5EF4-FFF2-40B4-BE49-F238E27FC236}">
                  <a16:creationId xmlns:a16="http://schemas.microsoft.com/office/drawing/2014/main" xmlns="" id="{89F09D16-0A30-4F7F-89C7-DA17F7A2ED12}"/>
                </a:ext>
              </a:extLst>
            </p:cNvPr>
            <p:cNvSpPr/>
            <p:nvPr/>
          </p:nvSpPr>
          <p:spPr bwMode="auto">
            <a:xfrm>
              <a:off x="5141455" y="4318297"/>
              <a:ext cx="25552" cy="134148"/>
            </a:xfrm>
            <a:custGeom>
              <a:avLst/>
              <a:gdLst>
                <a:gd name="T0" fmla="*/ 11 w 12"/>
                <a:gd name="T1" fmla="*/ 62 h 62"/>
                <a:gd name="T2" fmla="*/ 5 w 12"/>
                <a:gd name="T3" fmla="*/ 31 h 62"/>
                <a:gd name="T4" fmla="*/ 0 w 12"/>
                <a:gd name="T5" fmla="*/ 0 h 62"/>
                <a:gd name="T6" fmla="*/ 8 w 12"/>
                <a:gd name="T7" fmla="*/ 31 h 62"/>
                <a:gd name="T8" fmla="*/ 11 w 12"/>
                <a:gd name="T9" fmla="*/ 62 h 62"/>
              </a:gdLst>
              <a:ahLst/>
              <a:cxnLst>
                <a:cxn ang="0">
                  <a:pos x="T0" y="T1"/>
                </a:cxn>
                <a:cxn ang="0">
                  <a:pos x="T2" y="T3"/>
                </a:cxn>
                <a:cxn ang="0">
                  <a:pos x="T4" y="T5"/>
                </a:cxn>
                <a:cxn ang="0">
                  <a:pos x="T6" y="T7"/>
                </a:cxn>
                <a:cxn ang="0">
                  <a:pos x="T8" y="T9"/>
                </a:cxn>
              </a:cxnLst>
              <a:rect l="0" t="0" r="r" b="b"/>
              <a:pathLst>
                <a:path w="12" h="62">
                  <a:moveTo>
                    <a:pt x="11" y="62"/>
                  </a:moveTo>
                  <a:cubicBezTo>
                    <a:pt x="10" y="62"/>
                    <a:pt x="8" y="48"/>
                    <a:pt x="5" y="31"/>
                  </a:cubicBezTo>
                  <a:cubicBezTo>
                    <a:pt x="2" y="14"/>
                    <a:pt x="0" y="0"/>
                    <a:pt x="0" y="0"/>
                  </a:cubicBezTo>
                  <a:cubicBezTo>
                    <a:pt x="1" y="0"/>
                    <a:pt x="5" y="13"/>
                    <a:pt x="8" y="31"/>
                  </a:cubicBezTo>
                  <a:cubicBezTo>
                    <a:pt x="11" y="48"/>
                    <a:pt x="12" y="62"/>
                    <a:pt x="11" y="6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5" name="ïsḷïḋé">
              <a:extLst>
                <a:ext uri="{FF2B5EF4-FFF2-40B4-BE49-F238E27FC236}">
                  <a16:creationId xmlns:a16="http://schemas.microsoft.com/office/drawing/2014/main" xmlns="" id="{05FE8247-EAE2-499C-8DFD-50828A78B16D}"/>
                </a:ext>
              </a:extLst>
            </p:cNvPr>
            <p:cNvSpPr/>
            <p:nvPr/>
          </p:nvSpPr>
          <p:spPr bwMode="auto">
            <a:xfrm>
              <a:off x="4989969" y="3903079"/>
              <a:ext cx="32852" cy="143274"/>
            </a:xfrm>
            <a:custGeom>
              <a:avLst/>
              <a:gdLst>
                <a:gd name="T0" fmla="*/ 14 w 15"/>
                <a:gd name="T1" fmla="*/ 66 h 66"/>
                <a:gd name="T2" fmla="*/ 6 w 15"/>
                <a:gd name="T3" fmla="*/ 33 h 66"/>
                <a:gd name="T4" fmla="*/ 0 w 15"/>
                <a:gd name="T5" fmla="*/ 0 h 66"/>
                <a:gd name="T6" fmla="*/ 9 w 15"/>
                <a:gd name="T7" fmla="*/ 32 h 66"/>
                <a:gd name="T8" fmla="*/ 14 w 15"/>
                <a:gd name="T9" fmla="*/ 66 h 66"/>
              </a:gdLst>
              <a:ahLst/>
              <a:cxnLst>
                <a:cxn ang="0">
                  <a:pos x="T0" y="T1"/>
                </a:cxn>
                <a:cxn ang="0">
                  <a:pos x="T2" y="T3"/>
                </a:cxn>
                <a:cxn ang="0">
                  <a:pos x="T4" y="T5"/>
                </a:cxn>
                <a:cxn ang="0">
                  <a:pos x="T6" y="T7"/>
                </a:cxn>
                <a:cxn ang="0">
                  <a:pos x="T8" y="T9"/>
                </a:cxn>
              </a:cxnLst>
              <a:rect l="0" t="0" r="r" b="b"/>
              <a:pathLst>
                <a:path w="15" h="66">
                  <a:moveTo>
                    <a:pt x="14" y="66"/>
                  </a:moveTo>
                  <a:cubicBezTo>
                    <a:pt x="13" y="66"/>
                    <a:pt x="10" y="51"/>
                    <a:pt x="6" y="33"/>
                  </a:cubicBezTo>
                  <a:cubicBezTo>
                    <a:pt x="3" y="15"/>
                    <a:pt x="0" y="0"/>
                    <a:pt x="0" y="0"/>
                  </a:cubicBezTo>
                  <a:cubicBezTo>
                    <a:pt x="1" y="0"/>
                    <a:pt x="6" y="14"/>
                    <a:pt x="9" y="32"/>
                  </a:cubicBezTo>
                  <a:cubicBezTo>
                    <a:pt x="13" y="51"/>
                    <a:pt x="15" y="66"/>
                    <a:pt x="14" y="6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6" name="íṣḷïḋê">
              <a:extLst>
                <a:ext uri="{FF2B5EF4-FFF2-40B4-BE49-F238E27FC236}">
                  <a16:creationId xmlns:a16="http://schemas.microsoft.com/office/drawing/2014/main" xmlns="" id="{BC8DECF4-5E12-4B25-ABEE-982758196DD4}"/>
                </a:ext>
              </a:extLst>
            </p:cNvPr>
            <p:cNvSpPr/>
            <p:nvPr/>
          </p:nvSpPr>
          <p:spPr bwMode="auto">
            <a:xfrm>
              <a:off x="5098564" y="4103844"/>
              <a:ext cx="34677" cy="156049"/>
            </a:xfrm>
            <a:custGeom>
              <a:avLst/>
              <a:gdLst>
                <a:gd name="T0" fmla="*/ 15 w 16"/>
                <a:gd name="T1" fmla="*/ 72 h 72"/>
                <a:gd name="T2" fmla="*/ 6 w 16"/>
                <a:gd name="T3" fmla="*/ 36 h 72"/>
                <a:gd name="T4" fmla="*/ 0 w 16"/>
                <a:gd name="T5" fmla="*/ 0 h 72"/>
                <a:gd name="T6" fmla="*/ 9 w 16"/>
                <a:gd name="T7" fmla="*/ 35 h 72"/>
                <a:gd name="T8" fmla="*/ 15 w 16"/>
                <a:gd name="T9" fmla="*/ 72 h 72"/>
              </a:gdLst>
              <a:ahLst/>
              <a:cxnLst>
                <a:cxn ang="0">
                  <a:pos x="T0" y="T1"/>
                </a:cxn>
                <a:cxn ang="0">
                  <a:pos x="T2" y="T3"/>
                </a:cxn>
                <a:cxn ang="0">
                  <a:pos x="T4" y="T5"/>
                </a:cxn>
                <a:cxn ang="0">
                  <a:pos x="T6" y="T7"/>
                </a:cxn>
                <a:cxn ang="0">
                  <a:pos x="T8" y="T9"/>
                </a:cxn>
              </a:cxnLst>
              <a:rect l="0" t="0" r="r" b="b"/>
              <a:pathLst>
                <a:path w="16" h="72">
                  <a:moveTo>
                    <a:pt x="15" y="72"/>
                  </a:moveTo>
                  <a:cubicBezTo>
                    <a:pt x="14" y="72"/>
                    <a:pt x="10" y="56"/>
                    <a:pt x="6" y="36"/>
                  </a:cubicBezTo>
                  <a:cubicBezTo>
                    <a:pt x="2" y="16"/>
                    <a:pt x="0" y="0"/>
                    <a:pt x="0" y="0"/>
                  </a:cubicBezTo>
                  <a:cubicBezTo>
                    <a:pt x="1" y="0"/>
                    <a:pt x="5" y="16"/>
                    <a:pt x="9" y="35"/>
                  </a:cubicBezTo>
                  <a:cubicBezTo>
                    <a:pt x="13" y="55"/>
                    <a:pt x="16" y="71"/>
                    <a:pt x="15" y="7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7" name="iŝliḑe">
              <a:extLst>
                <a:ext uri="{FF2B5EF4-FFF2-40B4-BE49-F238E27FC236}">
                  <a16:creationId xmlns:a16="http://schemas.microsoft.com/office/drawing/2014/main" xmlns="" id="{0341A6EE-E358-4C0A-9755-F5916B894819}"/>
                </a:ext>
              </a:extLst>
            </p:cNvPr>
            <p:cNvSpPr/>
            <p:nvPr/>
          </p:nvSpPr>
          <p:spPr bwMode="auto">
            <a:xfrm>
              <a:off x="5051111" y="3899428"/>
              <a:ext cx="38328" cy="148749"/>
            </a:xfrm>
            <a:custGeom>
              <a:avLst/>
              <a:gdLst>
                <a:gd name="T0" fmla="*/ 17 w 18"/>
                <a:gd name="T1" fmla="*/ 68 h 69"/>
                <a:gd name="T2" fmla="*/ 8 w 18"/>
                <a:gd name="T3" fmla="*/ 35 h 69"/>
                <a:gd name="T4" fmla="*/ 1 w 18"/>
                <a:gd name="T5" fmla="*/ 0 h 69"/>
                <a:gd name="T6" fmla="*/ 11 w 18"/>
                <a:gd name="T7" fmla="*/ 34 h 69"/>
                <a:gd name="T8" fmla="*/ 17 w 18"/>
                <a:gd name="T9" fmla="*/ 68 h 69"/>
              </a:gdLst>
              <a:ahLst/>
              <a:cxnLst>
                <a:cxn ang="0">
                  <a:pos x="T0" y="T1"/>
                </a:cxn>
                <a:cxn ang="0">
                  <a:pos x="T2" y="T3"/>
                </a:cxn>
                <a:cxn ang="0">
                  <a:pos x="T4" y="T5"/>
                </a:cxn>
                <a:cxn ang="0">
                  <a:pos x="T6" y="T7"/>
                </a:cxn>
                <a:cxn ang="0">
                  <a:pos x="T8" y="T9"/>
                </a:cxn>
              </a:cxnLst>
              <a:rect l="0" t="0" r="r" b="b"/>
              <a:pathLst>
                <a:path w="18" h="69">
                  <a:moveTo>
                    <a:pt x="17" y="68"/>
                  </a:moveTo>
                  <a:cubicBezTo>
                    <a:pt x="17" y="69"/>
                    <a:pt x="13" y="53"/>
                    <a:pt x="8" y="35"/>
                  </a:cubicBezTo>
                  <a:cubicBezTo>
                    <a:pt x="3" y="16"/>
                    <a:pt x="0" y="1"/>
                    <a:pt x="1" y="0"/>
                  </a:cubicBezTo>
                  <a:cubicBezTo>
                    <a:pt x="2" y="0"/>
                    <a:pt x="6" y="15"/>
                    <a:pt x="11" y="34"/>
                  </a:cubicBezTo>
                  <a:cubicBezTo>
                    <a:pt x="16" y="53"/>
                    <a:pt x="18" y="68"/>
                    <a:pt x="17" y="6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8" name="ïsľíďe">
              <a:extLst>
                <a:ext uri="{FF2B5EF4-FFF2-40B4-BE49-F238E27FC236}">
                  <a16:creationId xmlns:a16="http://schemas.microsoft.com/office/drawing/2014/main" xmlns="" id="{60FE674C-B61A-4E9A-B1AE-711466AD5C52}"/>
                </a:ext>
              </a:extLst>
            </p:cNvPr>
            <p:cNvSpPr/>
            <p:nvPr/>
          </p:nvSpPr>
          <p:spPr bwMode="auto">
            <a:xfrm>
              <a:off x="5523820" y="4315559"/>
              <a:ext cx="30115" cy="129585"/>
            </a:xfrm>
            <a:custGeom>
              <a:avLst/>
              <a:gdLst>
                <a:gd name="T0" fmla="*/ 1 w 14"/>
                <a:gd name="T1" fmla="*/ 60 h 60"/>
                <a:gd name="T2" fmla="*/ 6 w 14"/>
                <a:gd name="T3" fmla="*/ 30 h 60"/>
                <a:gd name="T4" fmla="*/ 13 w 14"/>
                <a:gd name="T5" fmla="*/ 0 h 60"/>
                <a:gd name="T6" fmla="*/ 9 w 14"/>
                <a:gd name="T7" fmla="*/ 30 h 60"/>
                <a:gd name="T8" fmla="*/ 1 w 14"/>
                <a:gd name="T9" fmla="*/ 60 h 60"/>
              </a:gdLst>
              <a:ahLst/>
              <a:cxnLst>
                <a:cxn ang="0">
                  <a:pos x="T0" y="T1"/>
                </a:cxn>
                <a:cxn ang="0">
                  <a:pos x="T2" y="T3"/>
                </a:cxn>
                <a:cxn ang="0">
                  <a:pos x="T4" y="T5"/>
                </a:cxn>
                <a:cxn ang="0">
                  <a:pos x="T6" y="T7"/>
                </a:cxn>
                <a:cxn ang="0">
                  <a:pos x="T8" y="T9"/>
                </a:cxn>
              </a:cxnLst>
              <a:rect l="0" t="0" r="r" b="b"/>
              <a:pathLst>
                <a:path w="14" h="60">
                  <a:moveTo>
                    <a:pt x="1" y="60"/>
                  </a:moveTo>
                  <a:cubicBezTo>
                    <a:pt x="0" y="60"/>
                    <a:pt x="2" y="46"/>
                    <a:pt x="6" y="30"/>
                  </a:cubicBezTo>
                  <a:cubicBezTo>
                    <a:pt x="9" y="13"/>
                    <a:pt x="13" y="0"/>
                    <a:pt x="13" y="0"/>
                  </a:cubicBezTo>
                  <a:cubicBezTo>
                    <a:pt x="14" y="0"/>
                    <a:pt x="12" y="14"/>
                    <a:pt x="9" y="30"/>
                  </a:cubicBezTo>
                  <a:cubicBezTo>
                    <a:pt x="5" y="47"/>
                    <a:pt x="2" y="60"/>
                    <a:pt x="1" y="6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59" name="iś1iḓé">
              <a:extLst>
                <a:ext uri="{FF2B5EF4-FFF2-40B4-BE49-F238E27FC236}">
                  <a16:creationId xmlns:a16="http://schemas.microsoft.com/office/drawing/2014/main" xmlns="" id="{EBD1096B-B27D-4E5A-B214-7E53DA4C9AAE}"/>
                </a:ext>
              </a:extLst>
            </p:cNvPr>
            <p:cNvSpPr/>
            <p:nvPr/>
          </p:nvSpPr>
          <p:spPr bwMode="auto">
            <a:xfrm>
              <a:off x="5560323" y="4097456"/>
              <a:ext cx="28290" cy="157875"/>
            </a:xfrm>
            <a:custGeom>
              <a:avLst/>
              <a:gdLst>
                <a:gd name="T0" fmla="*/ 1 w 13"/>
                <a:gd name="T1" fmla="*/ 72 h 73"/>
                <a:gd name="T2" fmla="*/ 5 w 13"/>
                <a:gd name="T3" fmla="*/ 36 h 73"/>
                <a:gd name="T4" fmla="*/ 9 w 13"/>
                <a:gd name="T5" fmla="*/ 10 h 73"/>
                <a:gd name="T6" fmla="*/ 12 w 13"/>
                <a:gd name="T7" fmla="*/ 0 h 73"/>
                <a:gd name="T8" fmla="*/ 11 w 13"/>
                <a:gd name="T9" fmla="*/ 10 h 73"/>
                <a:gd name="T10" fmla="*/ 8 w 13"/>
                <a:gd name="T11" fmla="*/ 36 h 73"/>
                <a:gd name="T12" fmla="*/ 1 w 13"/>
                <a:gd name="T13" fmla="*/ 72 h 73"/>
              </a:gdLst>
              <a:ahLst/>
              <a:cxnLst>
                <a:cxn ang="0">
                  <a:pos x="T0" y="T1"/>
                </a:cxn>
                <a:cxn ang="0">
                  <a:pos x="T2" y="T3"/>
                </a:cxn>
                <a:cxn ang="0">
                  <a:pos x="T4" y="T5"/>
                </a:cxn>
                <a:cxn ang="0">
                  <a:pos x="T6" y="T7"/>
                </a:cxn>
                <a:cxn ang="0">
                  <a:pos x="T8" y="T9"/>
                </a:cxn>
                <a:cxn ang="0">
                  <a:pos x="T10" y="T11"/>
                </a:cxn>
                <a:cxn ang="0">
                  <a:pos x="T12" y="T13"/>
                </a:cxn>
              </a:cxnLst>
              <a:rect l="0" t="0" r="r" b="b"/>
              <a:pathLst>
                <a:path w="13" h="73">
                  <a:moveTo>
                    <a:pt x="1" y="72"/>
                  </a:moveTo>
                  <a:cubicBezTo>
                    <a:pt x="0" y="72"/>
                    <a:pt x="2" y="56"/>
                    <a:pt x="5" y="36"/>
                  </a:cubicBezTo>
                  <a:cubicBezTo>
                    <a:pt x="6" y="26"/>
                    <a:pt x="8" y="17"/>
                    <a:pt x="9" y="10"/>
                  </a:cubicBezTo>
                  <a:cubicBezTo>
                    <a:pt x="11" y="4"/>
                    <a:pt x="12" y="0"/>
                    <a:pt x="12" y="0"/>
                  </a:cubicBezTo>
                  <a:cubicBezTo>
                    <a:pt x="13" y="0"/>
                    <a:pt x="12" y="4"/>
                    <a:pt x="11" y="10"/>
                  </a:cubicBezTo>
                  <a:cubicBezTo>
                    <a:pt x="10" y="17"/>
                    <a:pt x="9" y="26"/>
                    <a:pt x="8" y="36"/>
                  </a:cubicBezTo>
                  <a:cubicBezTo>
                    <a:pt x="5" y="56"/>
                    <a:pt x="2" y="73"/>
                    <a:pt x="1" y="7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0" name="iṡḷiďê">
              <a:extLst>
                <a:ext uri="{FF2B5EF4-FFF2-40B4-BE49-F238E27FC236}">
                  <a16:creationId xmlns:a16="http://schemas.microsoft.com/office/drawing/2014/main" xmlns="" id="{99AEB56A-8EE1-4BE5-93EB-E83EF6AB97DC}"/>
                </a:ext>
              </a:extLst>
            </p:cNvPr>
            <p:cNvSpPr/>
            <p:nvPr/>
          </p:nvSpPr>
          <p:spPr bwMode="auto">
            <a:xfrm>
              <a:off x="5465416" y="4313734"/>
              <a:ext cx="23727" cy="134148"/>
            </a:xfrm>
            <a:custGeom>
              <a:avLst/>
              <a:gdLst>
                <a:gd name="T0" fmla="*/ 1 w 11"/>
                <a:gd name="T1" fmla="*/ 62 h 62"/>
                <a:gd name="T2" fmla="*/ 4 w 11"/>
                <a:gd name="T3" fmla="*/ 31 h 62"/>
                <a:gd name="T4" fmla="*/ 10 w 11"/>
                <a:gd name="T5" fmla="*/ 0 h 62"/>
                <a:gd name="T6" fmla="*/ 7 w 11"/>
                <a:gd name="T7" fmla="*/ 31 h 62"/>
                <a:gd name="T8" fmla="*/ 1 w 11"/>
                <a:gd name="T9" fmla="*/ 62 h 62"/>
              </a:gdLst>
              <a:ahLst/>
              <a:cxnLst>
                <a:cxn ang="0">
                  <a:pos x="T0" y="T1"/>
                </a:cxn>
                <a:cxn ang="0">
                  <a:pos x="T2" y="T3"/>
                </a:cxn>
                <a:cxn ang="0">
                  <a:pos x="T4" y="T5"/>
                </a:cxn>
                <a:cxn ang="0">
                  <a:pos x="T6" y="T7"/>
                </a:cxn>
                <a:cxn ang="0">
                  <a:pos x="T8" y="T9"/>
                </a:cxn>
              </a:cxnLst>
              <a:rect l="0" t="0" r="r" b="b"/>
              <a:pathLst>
                <a:path w="11" h="62">
                  <a:moveTo>
                    <a:pt x="1" y="62"/>
                  </a:moveTo>
                  <a:cubicBezTo>
                    <a:pt x="0" y="62"/>
                    <a:pt x="1" y="48"/>
                    <a:pt x="4" y="31"/>
                  </a:cubicBezTo>
                  <a:cubicBezTo>
                    <a:pt x="6" y="14"/>
                    <a:pt x="9" y="0"/>
                    <a:pt x="10" y="0"/>
                  </a:cubicBezTo>
                  <a:cubicBezTo>
                    <a:pt x="11" y="1"/>
                    <a:pt x="9" y="14"/>
                    <a:pt x="7" y="31"/>
                  </a:cubicBezTo>
                  <a:cubicBezTo>
                    <a:pt x="4" y="49"/>
                    <a:pt x="2" y="62"/>
                    <a:pt x="1" y="6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1" name="iSḻîdè">
              <a:extLst>
                <a:ext uri="{FF2B5EF4-FFF2-40B4-BE49-F238E27FC236}">
                  <a16:creationId xmlns:a16="http://schemas.microsoft.com/office/drawing/2014/main" xmlns="" id="{23BCF6C6-8D36-4BE2-A28D-1343EA9D7EB4}"/>
                </a:ext>
              </a:extLst>
            </p:cNvPr>
            <p:cNvSpPr/>
            <p:nvPr/>
          </p:nvSpPr>
          <p:spPr bwMode="auto">
            <a:xfrm>
              <a:off x="5595001" y="3894865"/>
              <a:ext cx="30115" cy="142360"/>
            </a:xfrm>
            <a:custGeom>
              <a:avLst/>
              <a:gdLst>
                <a:gd name="T0" fmla="*/ 1 w 14"/>
                <a:gd name="T1" fmla="*/ 66 h 66"/>
                <a:gd name="T2" fmla="*/ 5 w 14"/>
                <a:gd name="T3" fmla="*/ 33 h 66"/>
                <a:gd name="T4" fmla="*/ 13 w 14"/>
                <a:gd name="T5" fmla="*/ 0 h 66"/>
                <a:gd name="T6" fmla="*/ 8 w 14"/>
                <a:gd name="T7" fmla="*/ 34 h 66"/>
                <a:gd name="T8" fmla="*/ 1 w 14"/>
                <a:gd name="T9" fmla="*/ 66 h 66"/>
              </a:gdLst>
              <a:ahLst/>
              <a:cxnLst>
                <a:cxn ang="0">
                  <a:pos x="T0" y="T1"/>
                </a:cxn>
                <a:cxn ang="0">
                  <a:pos x="T2" y="T3"/>
                </a:cxn>
                <a:cxn ang="0">
                  <a:pos x="T4" y="T5"/>
                </a:cxn>
                <a:cxn ang="0">
                  <a:pos x="T6" y="T7"/>
                </a:cxn>
                <a:cxn ang="0">
                  <a:pos x="T8" y="T9"/>
                </a:cxn>
              </a:cxnLst>
              <a:rect l="0" t="0" r="r" b="b"/>
              <a:pathLst>
                <a:path w="14" h="66">
                  <a:moveTo>
                    <a:pt x="1" y="66"/>
                  </a:moveTo>
                  <a:cubicBezTo>
                    <a:pt x="0" y="66"/>
                    <a:pt x="2" y="51"/>
                    <a:pt x="5" y="33"/>
                  </a:cubicBezTo>
                  <a:cubicBezTo>
                    <a:pt x="9" y="15"/>
                    <a:pt x="12" y="0"/>
                    <a:pt x="13" y="0"/>
                  </a:cubicBezTo>
                  <a:cubicBezTo>
                    <a:pt x="14" y="0"/>
                    <a:pt x="12" y="15"/>
                    <a:pt x="8" y="34"/>
                  </a:cubicBezTo>
                  <a:cubicBezTo>
                    <a:pt x="5" y="52"/>
                    <a:pt x="2" y="66"/>
                    <a:pt x="1" y="6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2" name="îṣľîḓè">
              <a:extLst>
                <a:ext uri="{FF2B5EF4-FFF2-40B4-BE49-F238E27FC236}">
                  <a16:creationId xmlns:a16="http://schemas.microsoft.com/office/drawing/2014/main" xmlns="" id="{9A71F736-2930-4120-8693-86220EE44D20}"/>
                </a:ext>
              </a:extLst>
            </p:cNvPr>
            <p:cNvSpPr/>
            <p:nvPr/>
          </p:nvSpPr>
          <p:spPr bwMode="auto">
            <a:xfrm>
              <a:off x="5493705" y="4095630"/>
              <a:ext cx="28290" cy="157875"/>
            </a:xfrm>
            <a:custGeom>
              <a:avLst/>
              <a:gdLst>
                <a:gd name="T0" fmla="*/ 1 w 13"/>
                <a:gd name="T1" fmla="*/ 73 h 73"/>
                <a:gd name="T2" fmla="*/ 5 w 13"/>
                <a:gd name="T3" fmla="*/ 37 h 73"/>
                <a:gd name="T4" fmla="*/ 12 w 13"/>
                <a:gd name="T5" fmla="*/ 0 h 73"/>
                <a:gd name="T6" fmla="*/ 8 w 13"/>
                <a:gd name="T7" fmla="*/ 37 h 73"/>
                <a:gd name="T8" fmla="*/ 1 w 13"/>
                <a:gd name="T9" fmla="*/ 73 h 73"/>
              </a:gdLst>
              <a:ahLst/>
              <a:cxnLst>
                <a:cxn ang="0">
                  <a:pos x="T0" y="T1"/>
                </a:cxn>
                <a:cxn ang="0">
                  <a:pos x="T2" y="T3"/>
                </a:cxn>
                <a:cxn ang="0">
                  <a:pos x="T4" y="T5"/>
                </a:cxn>
                <a:cxn ang="0">
                  <a:pos x="T6" y="T7"/>
                </a:cxn>
                <a:cxn ang="0">
                  <a:pos x="T8" y="T9"/>
                </a:cxn>
              </a:cxnLst>
              <a:rect l="0" t="0" r="r" b="b"/>
              <a:pathLst>
                <a:path w="13" h="73">
                  <a:moveTo>
                    <a:pt x="1" y="73"/>
                  </a:moveTo>
                  <a:cubicBezTo>
                    <a:pt x="0" y="73"/>
                    <a:pt x="2" y="57"/>
                    <a:pt x="5" y="37"/>
                  </a:cubicBezTo>
                  <a:cubicBezTo>
                    <a:pt x="8" y="17"/>
                    <a:pt x="12" y="0"/>
                    <a:pt x="12" y="0"/>
                  </a:cubicBezTo>
                  <a:cubicBezTo>
                    <a:pt x="13" y="1"/>
                    <a:pt x="11" y="17"/>
                    <a:pt x="8" y="37"/>
                  </a:cubicBezTo>
                  <a:cubicBezTo>
                    <a:pt x="5" y="57"/>
                    <a:pt x="2" y="73"/>
                    <a:pt x="1" y="7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3" name="iŝliḓê">
              <a:extLst>
                <a:ext uri="{FF2B5EF4-FFF2-40B4-BE49-F238E27FC236}">
                  <a16:creationId xmlns:a16="http://schemas.microsoft.com/office/drawing/2014/main" xmlns="" id="{D595CF30-D0F3-4280-8148-548AF6285F28}"/>
                </a:ext>
              </a:extLst>
            </p:cNvPr>
            <p:cNvSpPr/>
            <p:nvPr/>
          </p:nvSpPr>
          <p:spPr bwMode="auto">
            <a:xfrm>
              <a:off x="5528383" y="3892128"/>
              <a:ext cx="27377" cy="149661"/>
            </a:xfrm>
            <a:custGeom>
              <a:avLst/>
              <a:gdLst>
                <a:gd name="T0" fmla="*/ 1 w 13"/>
                <a:gd name="T1" fmla="*/ 68 h 69"/>
                <a:gd name="T2" fmla="*/ 5 w 13"/>
                <a:gd name="T3" fmla="*/ 34 h 69"/>
                <a:gd name="T4" fmla="*/ 13 w 13"/>
                <a:gd name="T5" fmla="*/ 0 h 69"/>
                <a:gd name="T6" fmla="*/ 8 w 13"/>
                <a:gd name="T7" fmla="*/ 35 h 69"/>
                <a:gd name="T8" fmla="*/ 1 w 13"/>
                <a:gd name="T9" fmla="*/ 68 h 69"/>
              </a:gdLst>
              <a:ahLst/>
              <a:cxnLst>
                <a:cxn ang="0">
                  <a:pos x="T0" y="T1"/>
                </a:cxn>
                <a:cxn ang="0">
                  <a:pos x="T2" y="T3"/>
                </a:cxn>
                <a:cxn ang="0">
                  <a:pos x="T4" y="T5"/>
                </a:cxn>
                <a:cxn ang="0">
                  <a:pos x="T6" y="T7"/>
                </a:cxn>
                <a:cxn ang="0">
                  <a:pos x="T8" y="T9"/>
                </a:cxn>
              </a:cxnLst>
              <a:rect l="0" t="0" r="r" b="b"/>
              <a:pathLst>
                <a:path w="13" h="69">
                  <a:moveTo>
                    <a:pt x="1" y="68"/>
                  </a:moveTo>
                  <a:cubicBezTo>
                    <a:pt x="0" y="68"/>
                    <a:pt x="2" y="53"/>
                    <a:pt x="5" y="34"/>
                  </a:cubicBezTo>
                  <a:cubicBezTo>
                    <a:pt x="8" y="15"/>
                    <a:pt x="12" y="0"/>
                    <a:pt x="13" y="0"/>
                  </a:cubicBezTo>
                  <a:cubicBezTo>
                    <a:pt x="13" y="0"/>
                    <a:pt x="12" y="16"/>
                    <a:pt x="8" y="35"/>
                  </a:cubicBezTo>
                  <a:cubicBezTo>
                    <a:pt x="5" y="53"/>
                    <a:pt x="2" y="69"/>
                    <a:pt x="1" y="6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4" name="îṣ1îḓê">
              <a:extLst>
                <a:ext uri="{FF2B5EF4-FFF2-40B4-BE49-F238E27FC236}">
                  <a16:creationId xmlns:a16="http://schemas.microsoft.com/office/drawing/2014/main" xmlns="" id="{5A23A832-AF6F-4083-864E-76D6893BAD43}"/>
                </a:ext>
              </a:extLst>
            </p:cNvPr>
            <p:cNvSpPr/>
            <p:nvPr/>
          </p:nvSpPr>
          <p:spPr bwMode="auto">
            <a:xfrm>
              <a:off x="4694296" y="3702314"/>
              <a:ext cx="1419042" cy="216279"/>
            </a:xfrm>
            <a:custGeom>
              <a:avLst/>
              <a:gdLst>
                <a:gd name="T0" fmla="*/ 656 w 657"/>
                <a:gd name="T1" fmla="*/ 15 h 100"/>
                <a:gd name="T2" fmla="*/ 653 w 657"/>
                <a:gd name="T3" fmla="*/ 20 h 100"/>
                <a:gd name="T4" fmla="*/ 626 w 657"/>
                <a:gd name="T5" fmla="*/ 42 h 100"/>
                <a:gd name="T6" fmla="*/ 582 w 657"/>
                <a:gd name="T7" fmla="*/ 71 h 100"/>
                <a:gd name="T8" fmla="*/ 541 w 657"/>
                <a:gd name="T9" fmla="*/ 92 h 100"/>
                <a:gd name="T10" fmla="*/ 508 w 657"/>
                <a:gd name="T11" fmla="*/ 92 h 100"/>
                <a:gd name="T12" fmla="*/ 508 w 657"/>
                <a:gd name="T13" fmla="*/ 92 h 100"/>
                <a:gd name="T14" fmla="*/ 472 w 657"/>
                <a:gd name="T15" fmla="*/ 92 h 100"/>
                <a:gd name="T16" fmla="*/ 468 w 657"/>
                <a:gd name="T17" fmla="*/ 92 h 100"/>
                <a:gd name="T18" fmla="*/ 466 w 657"/>
                <a:gd name="T19" fmla="*/ 92 h 100"/>
                <a:gd name="T20" fmla="*/ 330 w 657"/>
                <a:gd name="T21" fmla="*/ 92 h 100"/>
                <a:gd name="T22" fmla="*/ 322 w 657"/>
                <a:gd name="T23" fmla="*/ 92 h 100"/>
                <a:gd name="T24" fmla="*/ 312 w 657"/>
                <a:gd name="T25" fmla="*/ 92 h 100"/>
                <a:gd name="T26" fmla="*/ 308 w 657"/>
                <a:gd name="T27" fmla="*/ 92 h 100"/>
                <a:gd name="T28" fmla="*/ 296 w 657"/>
                <a:gd name="T29" fmla="*/ 92 h 100"/>
                <a:gd name="T30" fmla="*/ 294 w 657"/>
                <a:gd name="T31" fmla="*/ 92 h 100"/>
                <a:gd name="T32" fmla="*/ 260 w 657"/>
                <a:gd name="T33" fmla="*/ 92 h 100"/>
                <a:gd name="T34" fmla="*/ 258 w 657"/>
                <a:gd name="T35" fmla="*/ 92 h 100"/>
                <a:gd name="T36" fmla="*/ 256 w 657"/>
                <a:gd name="T37" fmla="*/ 92 h 100"/>
                <a:gd name="T38" fmla="*/ 247 w 657"/>
                <a:gd name="T39" fmla="*/ 92 h 100"/>
                <a:gd name="T40" fmla="*/ 211 w 657"/>
                <a:gd name="T41" fmla="*/ 91 h 100"/>
                <a:gd name="T42" fmla="*/ 177 w 657"/>
                <a:gd name="T43" fmla="*/ 92 h 100"/>
                <a:gd name="T44" fmla="*/ 167 w 657"/>
                <a:gd name="T45" fmla="*/ 92 h 100"/>
                <a:gd name="T46" fmla="*/ 167 w 657"/>
                <a:gd name="T47" fmla="*/ 92 h 100"/>
                <a:gd name="T48" fmla="*/ 138 w 657"/>
                <a:gd name="T49" fmla="*/ 93 h 100"/>
                <a:gd name="T50" fmla="*/ 138 w 657"/>
                <a:gd name="T51" fmla="*/ 93 h 100"/>
                <a:gd name="T52" fmla="*/ 120 w 657"/>
                <a:gd name="T53" fmla="*/ 94 h 100"/>
                <a:gd name="T54" fmla="*/ 114 w 657"/>
                <a:gd name="T55" fmla="*/ 94 h 100"/>
                <a:gd name="T56" fmla="*/ 111 w 657"/>
                <a:gd name="T57" fmla="*/ 95 h 100"/>
                <a:gd name="T58" fmla="*/ 108 w 657"/>
                <a:gd name="T59" fmla="*/ 95 h 100"/>
                <a:gd name="T60" fmla="*/ 101 w 657"/>
                <a:gd name="T61" fmla="*/ 95 h 100"/>
                <a:gd name="T62" fmla="*/ 92 w 657"/>
                <a:gd name="T63" fmla="*/ 96 h 100"/>
                <a:gd name="T64" fmla="*/ 90 w 657"/>
                <a:gd name="T65" fmla="*/ 96 h 100"/>
                <a:gd name="T66" fmla="*/ 36 w 657"/>
                <a:gd name="T67" fmla="*/ 99 h 100"/>
                <a:gd name="T68" fmla="*/ 35 w 657"/>
                <a:gd name="T69" fmla="*/ 99 h 100"/>
                <a:gd name="T70" fmla="*/ 23 w 657"/>
                <a:gd name="T71" fmla="*/ 99 h 100"/>
                <a:gd name="T72" fmla="*/ 23 w 657"/>
                <a:gd name="T73" fmla="*/ 99 h 100"/>
                <a:gd name="T74" fmla="*/ 14 w 657"/>
                <a:gd name="T75" fmla="*/ 98 h 100"/>
                <a:gd name="T76" fmla="*/ 10 w 657"/>
                <a:gd name="T77" fmla="*/ 97 h 100"/>
                <a:gd name="T78" fmla="*/ 7 w 657"/>
                <a:gd name="T79" fmla="*/ 95 h 100"/>
                <a:gd name="T80" fmla="*/ 2 w 657"/>
                <a:gd name="T81" fmla="*/ 90 h 100"/>
                <a:gd name="T82" fmla="*/ 0 w 657"/>
                <a:gd name="T83" fmla="*/ 83 h 100"/>
                <a:gd name="T84" fmla="*/ 2 w 657"/>
                <a:gd name="T85" fmla="*/ 77 h 100"/>
                <a:gd name="T86" fmla="*/ 3 w 657"/>
                <a:gd name="T87" fmla="*/ 75 h 100"/>
                <a:gd name="T88" fmla="*/ 3 w 657"/>
                <a:gd name="T89" fmla="*/ 75 h 100"/>
                <a:gd name="T90" fmla="*/ 4 w 657"/>
                <a:gd name="T91" fmla="*/ 74 h 100"/>
                <a:gd name="T92" fmla="*/ 9 w 657"/>
                <a:gd name="T93" fmla="*/ 70 h 100"/>
                <a:gd name="T94" fmla="*/ 31 w 657"/>
                <a:gd name="T95" fmla="*/ 65 h 100"/>
                <a:gd name="T96" fmla="*/ 35 w 657"/>
                <a:gd name="T97" fmla="*/ 64 h 100"/>
                <a:gd name="T98" fmla="*/ 53 w 657"/>
                <a:gd name="T99" fmla="*/ 63 h 100"/>
                <a:gd name="T100" fmla="*/ 170 w 657"/>
                <a:gd name="T101" fmla="*/ 57 h 100"/>
                <a:gd name="T102" fmla="*/ 239 w 657"/>
                <a:gd name="T103" fmla="*/ 56 h 100"/>
                <a:gd name="T104" fmla="*/ 313 w 657"/>
                <a:gd name="T105" fmla="*/ 56 h 100"/>
                <a:gd name="T106" fmla="*/ 455 w 657"/>
                <a:gd name="T107" fmla="*/ 58 h 100"/>
                <a:gd name="T108" fmla="*/ 472 w 657"/>
                <a:gd name="T109" fmla="*/ 58 h 100"/>
                <a:gd name="T110" fmla="*/ 488 w 657"/>
                <a:gd name="T111" fmla="*/ 58 h 100"/>
                <a:gd name="T112" fmla="*/ 503 w 657"/>
                <a:gd name="T113" fmla="*/ 57 h 100"/>
                <a:gd name="T114" fmla="*/ 530 w 657"/>
                <a:gd name="T115" fmla="*/ 56 h 100"/>
                <a:gd name="T116" fmla="*/ 636 w 657"/>
                <a:gd name="T117" fmla="*/ 1 h 100"/>
                <a:gd name="T118" fmla="*/ 649 w 657"/>
                <a:gd name="T119" fmla="*/ 2 h 100"/>
                <a:gd name="T120" fmla="*/ 656 w 657"/>
                <a:gd name="T121" fmla="*/ 15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657" h="100">
                  <a:moveTo>
                    <a:pt x="656" y="15"/>
                  </a:moveTo>
                  <a:cubicBezTo>
                    <a:pt x="655" y="17"/>
                    <a:pt x="654" y="18"/>
                    <a:pt x="653" y="20"/>
                  </a:cubicBezTo>
                  <a:cubicBezTo>
                    <a:pt x="647" y="30"/>
                    <a:pt x="635" y="36"/>
                    <a:pt x="626" y="42"/>
                  </a:cubicBezTo>
                  <a:cubicBezTo>
                    <a:pt x="612" y="52"/>
                    <a:pt x="597" y="62"/>
                    <a:pt x="582" y="71"/>
                  </a:cubicBezTo>
                  <a:cubicBezTo>
                    <a:pt x="575" y="75"/>
                    <a:pt x="541" y="92"/>
                    <a:pt x="541" y="92"/>
                  </a:cubicBezTo>
                  <a:cubicBezTo>
                    <a:pt x="540" y="92"/>
                    <a:pt x="525" y="92"/>
                    <a:pt x="508" y="92"/>
                  </a:cubicBezTo>
                  <a:cubicBezTo>
                    <a:pt x="508" y="92"/>
                    <a:pt x="508" y="92"/>
                    <a:pt x="508" y="92"/>
                  </a:cubicBezTo>
                  <a:cubicBezTo>
                    <a:pt x="497" y="92"/>
                    <a:pt x="484" y="92"/>
                    <a:pt x="472" y="92"/>
                  </a:cubicBezTo>
                  <a:cubicBezTo>
                    <a:pt x="470" y="92"/>
                    <a:pt x="469" y="92"/>
                    <a:pt x="468" y="92"/>
                  </a:cubicBezTo>
                  <a:cubicBezTo>
                    <a:pt x="467" y="92"/>
                    <a:pt x="467" y="92"/>
                    <a:pt x="466" y="92"/>
                  </a:cubicBezTo>
                  <a:cubicBezTo>
                    <a:pt x="450" y="92"/>
                    <a:pt x="363" y="92"/>
                    <a:pt x="330" y="92"/>
                  </a:cubicBezTo>
                  <a:cubicBezTo>
                    <a:pt x="327" y="92"/>
                    <a:pt x="324" y="92"/>
                    <a:pt x="322" y="92"/>
                  </a:cubicBezTo>
                  <a:cubicBezTo>
                    <a:pt x="321" y="92"/>
                    <a:pt x="317" y="92"/>
                    <a:pt x="312" y="92"/>
                  </a:cubicBezTo>
                  <a:cubicBezTo>
                    <a:pt x="311" y="92"/>
                    <a:pt x="309" y="92"/>
                    <a:pt x="308" y="92"/>
                  </a:cubicBezTo>
                  <a:cubicBezTo>
                    <a:pt x="304" y="92"/>
                    <a:pt x="300" y="92"/>
                    <a:pt x="296" y="92"/>
                  </a:cubicBezTo>
                  <a:cubicBezTo>
                    <a:pt x="295" y="92"/>
                    <a:pt x="294" y="92"/>
                    <a:pt x="294" y="92"/>
                  </a:cubicBezTo>
                  <a:cubicBezTo>
                    <a:pt x="282" y="92"/>
                    <a:pt x="269" y="92"/>
                    <a:pt x="260" y="92"/>
                  </a:cubicBezTo>
                  <a:cubicBezTo>
                    <a:pt x="259" y="92"/>
                    <a:pt x="258" y="92"/>
                    <a:pt x="258" y="92"/>
                  </a:cubicBezTo>
                  <a:cubicBezTo>
                    <a:pt x="257" y="92"/>
                    <a:pt x="256" y="92"/>
                    <a:pt x="256" y="92"/>
                  </a:cubicBezTo>
                  <a:cubicBezTo>
                    <a:pt x="251" y="92"/>
                    <a:pt x="248" y="92"/>
                    <a:pt x="247" y="92"/>
                  </a:cubicBezTo>
                  <a:cubicBezTo>
                    <a:pt x="235" y="92"/>
                    <a:pt x="223" y="92"/>
                    <a:pt x="211" y="91"/>
                  </a:cubicBezTo>
                  <a:cubicBezTo>
                    <a:pt x="200" y="91"/>
                    <a:pt x="188" y="92"/>
                    <a:pt x="177" y="92"/>
                  </a:cubicBezTo>
                  <a:cubicBezTo>
                    <a:pt x="174" y="92"/>
                    <a:pt x="170" y="92"/>
                    <a:pt x="167" y="92"/>
                  </a:cubicBezTo>
                  <a:cubicBezTo>
                    <a:pt x="167" y="92"/>
                    <a:pt x="167" y="92"/>
                    <a:pt x="167" y="92"/>
                  </a:cubicBezTo>
                  <a:cubicBezTo>
                    <a:pt x="159" y="92"/>
                    <a:pt x="148" y="93"/>
                    <a:pt x="138" y="93"/>
                  </a:cubicBezTo>
                  <a:cubicBezTo>
                    <a:pt x="138" y="93"/>
                    <a:pt x="138" y="93"/>
                    <a:pt x="138" y="93"/>
                  </a:cubicBezTo>
                  <a:cubicBezTo>
                    <a:pt x="132" y="94"/>
                    <a:pt x="126" y="94"/>
                    <a:pt x="120" y="94"/>
                  </a:cubicBezTo>
                  <a:cubicBezTo>
                    <a:pt x="117" y="94"/>
                    <a:pt x="115" y="94"/>
                    <a:pt x="114" y="94"/>
                  </a:cubicBezTo>
                  <a:cubicBezTo>
                    <a:pt x="113" y="94"/>
                    <a:pt x="112" y="95"/>
                    <a:pt x="111" y="95"/>
                  </a:cubicBezTo>
                  <a:cubicBezTo>
                    <a:pt x="110" y="95"/>
                    <a:pt x="109" y="95"/>
                    <a:pt x="108" y="95"/>
                  </a:cubicBezTo>
                  <a:cubicBezTo>
                    <a:pt x="106" y="95"/>
                    <a:pt x="103" y="95"/>
                    <a:pt x="101" y="95"/>
                  </a:cubicBezTo>
                  <a:cubicBezTo>
                    <a:pt x="98" y="95"/>
                    <a:pt x="95" y="96"/>
                    <a:pt x="92" y="96"/>
                  </a:cubicBezTo>
                  <a:cubicBezTo>
                    <a:pt x="91" y="96"/>
                    <a:pt x="91" y="96"/>
                    <a:pt x="90" y="96"/>
                  </a:cubicBezTo>
                  <a:cubicBezTo>
                    <a:pt x="68" y="97"/>
                    <a:pt x="39" y="99"/>
                    <a:pt x="36" y="99"/>
                  </a:cubicBezTo>
                  <a:cubicBezTo>
                    <a:pt x="35" y="99"/>
                    <a:pt x="35" y="99"/>
                    <a:pt x="35" y="99"/>
                  </a:cubicBezTo>
                  <a:cubicBezTo>
                    <a:pt x="31" y="100"/>
                    <a:pt x="27" y="100"/>
                    <a:pt x="23" y="99"/>
                  </a:cubicBezTo>
                  <a:cubicBezTo>
                    <a:pt x="23" y="99"/>
                    <a:pt x="23" y="99"/>
                    <a:pt x="23" y="99"/>
                  </a:cubicBezTo>
                  <a:cubicBezTo>
                    <a:pt x="20" y="99"/>
                    <a:pt x="17" y="99"/>
                    <a:pt x="14" y="98"/>
                  </a:cubicBezTo>
                  <a:cubicBezTo>
                    <a:pt x="12" y="98"/>
                    <a:pt x="11" y="98"/>
                    <a:pt x="10" y="97"/>
                  </a:cubicBezTo>
                  <a:cubicBezTo>
                    <a:pt x="9" y="97"/>
                    <a:pt x="8" y="96"/>
                    <a:pt x="7" y="95"/>
                  </a:cubicBezTo>
                  <a:cubicBezTo>
                    <a:pt x="5" y="94"/>
                    <a:pt x="3" y="92"/>
                    <a:pt x="2" y="90"/>
                  </a:cubicBezTo>
                  <a:cubicBezTo>
                    <a:pt x="1" y="88"/>
                    <a:pt x="0" y="86"/>
                    <a:pt x="0" y="83"/>
                  </a:cubicBezTo>
                  <a:cubicBezTo>
                    <a:pt x="0" y="81"/>
                    <a:pt x="1" y="79"/>
                    <a:pt x="2" y="77"/>
                  </a:cubicBezTo>
                  <a:cubicBezTo>
                    <a:pt x="2" y="76"/>
                    <a:pt x="2" y="76"/>
                    <a:pt x="3" y="75"/>
                  </a:cubicBezTo>
                  <a:cubicBezTo>
                    <a:pt x="3" y="75"/>
                    <a:pt x="3" y="75"/>
                    <a:pt x="3" y="75"/>
                  </a:cubicBezTo>
                  <a:cubicBezTo>
                    <a:pt x="4" y="75"/>
                    <a:pt x="4" y="74"/>
                    <a:pt x="4" y="74"/>
                  </a:cubicBezTo>
                  <a:cubicBezTo>
                    <a:pt x="6" y="72"/>
                    <a:pt x="8" y="71"/>
                    <a:pt x="9" y="70"/>
                  </a:cubicBezTo>
                  <a:cubicBezTo>
                    <a:pt x="18" y="66"/>
                    <a:pt x="26" y="65"/>
                    <a:pt x="31" y="65"/>
                  </a:cubicBezTo>
                  <a:cubicBezTo>
                    <a:pt x="33" y="65"/>
                    <a:pt x="34" y="64"/>
                    <a:pt x="35" y="64"/>
                  </a:cubicBezTo>
                  <a:cubicBezTo>
                    <a:pt x="41" y="64"/>
                    <a:pt x="47" y="63"/>
                    <a:pt x="53" y="63"/>
                  </a:cubicBezTo>
                  <a:cubicBezTo>
                    <a:pt x="86" y="61"/>
                    <a:pt x="126" y="59"/>
                    <a:pt x="170" y="57"/>
                  </a:cubicBezTo>
                  <a:cubicBezTo>
                    <a:pt x="192" y="57"/>
                    <a:pt x="215" y="56"/>
                    <a:pt x="239" y="56"/>
                  </a:cubicBezTo>
                  <a:cubicBezTo>
                    <a:pt x="263" y="55"/>
                    <a:pt x="287" y="55"/>
                    <a:pt x="313" y="56"/>
                  </a:cubicBezTo>
                  <a:cubicBezTo>
                    <a:pt x="363" y="57"/>
                    <a:pt x="412" y="58"/>
                    <a:pt x="455" y="58"/>
                  </a:cubicBezTo>
                  <a:cubicBezTo>
                    <a:pt x="461" y="58"/>
                    <a:pt x="466" y="58"/>
                    <a:pt x="472" y="58"/>
                  </a:cubicBezTo>
                  <a:cubicBezTo>
                    <a:pt x="477" y="58"/>
                    <a:pt x="482" y="58"/>
                    <a:pt x="488" y="58"/>
                  </a:cubicBezTo>
                  <a:cubicBezTo>
                    <a:pt x="493" y="58"/>
                    <a:pt x="498" y="58"/>
                    <a:pt x="503" y="57"/>
                  </a:cubicBezTo>
                  <a:cubicBezTo>
                    <a:pt x="508" y="57"/>
                    <a:pt x="530" y="56"/>
                    <a:pt x="530" y="56"/>
                  </a:cubicBezTo>
                  <a:cubicBezTo>
                    <a:pt x="530" y="56"/>
                    <a:pt x="618" y="5"/>
                    <a:pt x="636" y="1"/>
                  </a:cubicBezTo>
                  <a:cubicBezTo>
                    <a:pt x="641" y="1"/>
                    <a:pt x="646" y="0"/>
                    <a:pt x="649" y="2"/>
                  </a:cubicBezTo>
                  <a:cubicBezTo>
                    <a:pt x="656" y="4"/>
                    <a:pt x="657" y="10"/>
                    <a:pt x="656" y="15"/>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5" name="îsḷiḓê">
              <a:extLst>
                <a:ext uri="{FF2B5EF4-FFF2-40B4-BE49-F238E27FC236}">
                  <a16:creationId xmlns:a16="http://schemas.microsoft.com/office/drawing/2014/main" xmlns="" id="{651146CB-792B-45B4-842F-1D19CE6622CF}"/>
                </a:ext>
              </a:extLst>
            </p:cNvPr>
            <p:cNvSpPr/>
            <p:nvPr/>
          </p:nvSpPr>
          <p:spPr bwMode="auto">
            <a:xfrm>
              <a:off x="4953466" y="3903079"/>
              <a:ext cx="39240" cy="2738"/>
            </a:xfrm>
            <a:custGeom>
              <a:avLst/>
              <a:gdLst>
                <a:gd name="T0" fmla="*/ 18 w 18"/>
                <a:gd name="T1" fmla="*/ 0 h 1"/>
                <a:gd name="T2" fmla="*/ 18 w 18"/>
                <a:gd name="T3" fmla="*/ 0 h 1"/>
                <a:gd name="T4" fmla="*/ 0 w 18"/>
                <a:gd name="T5" fmla="*/ 1 h 1"/>
                <a:gd name="T6" fmla="*/ 18 w 18"/>
                <a:gd name="T7" fmla="*/ 0 h 1"/>
              </a:gdLst>
              <a:ahLst/>
              <a:cxnLst>
                <a:cxn ang="0">
                  <a:pos x="T0" y="T1"/>
                </a:cxn>
                <a:cxn ang="0">
                  <a:pos x="T2" y="T3"/>
                </a:cxn>
                <a:cxn ang="0">
                  <a:pos x="T4" y="T5"/>
                </a:cxn>
                <a:cxn ang="0">
                  <a:pos x="T6" y="T7"/>
                </a:cxn>
              </a:cxnLst>
              <a:rect l="0" t="0" r="r" b="b"/>
              <a:pathLst>
                <a:path w="18" h="1">
                  <a:moveTo>
                    <a:pt x="18" y="0"/>
                  </a:moveTo>
                  <a:cubicBezTo>
                    <a:pt x="18" y="0"/>
                    <a:pt x="18" y="0"/>
                    <a:pt x="18" y="0"/>
                  </a:cubicBezTo>
                  <a:cubicBezTo>
                    <a:pt x="11" y="1"/>
                    <a:pt x="4" y="1"/>
                    <a:pt x="0" y="1"/>
                  </a:cubicBezTo>
                  <a:cubicBezTo>
                    <a:pt x="6" y="1"/>
                    <a:pt x="12" y="1"/>
                    <a:pt x="18" y="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6" name="işḷíḋé">
              <a:extLst>
                <a:ext uri="{FF2B5EF4-FFF2-40B4-BE49-F238E27FC236}">
                  <a16:creationId xmlns:a16="http://schemas.microsoft.com/office/drawing/2014/main" xmlns="" id="{8D03B7E5-01DF-4C57-A232-0F75C34ECF52}"/>
                </a:ext>
              </a:extLst>
            </p:cNvPr>
            <p:cNvSpPr/>
            <p:nvPr/>
          </p:nvSpPr>
          <p:spPr bwMode="auto">
            <a:xfrm>
              <a:off x="5054761" y="3901254"/>
              <a:ext cx="21902" cy="0"/>
            </a:xfrm>
            <a:custGeom>
              <a:avLst/>
              <a:gdLst>
                <a:gd name="T0" fmla="*/ 0 w 10"/>
                <a:gd name="T1" fmla="*/ 10 w 10"/>
                <a:gd name="T2" fmla="*/ 0 w 10"/>
                <a:gd name="T3" fmla="*/ 0 w 10"/>
              </a:gdLst>
              <a:ahLst/>
              <a:cxnLst>
                <a:cxn ang="0">
                  <a:pos x="T0" y="0"/>
                </a:cxn>
                <a:cxn ang="0">
                  <a:pos x="T1" y="0"/>
                </a:cxn>
                <a:cxn ang="0">
                  <a:pos x="T2" y="0"/>
                </a:cxn>
                <a:cxn ang="0">
                  <a:pos x="T3" y="0"/>
                </a:cxn>
              </a:cxnLst>
              <a:rect l="0" t="0" r="r" b="b"/>
              <a:pathLst>
                <a:path w="10">
                  <a:moveTo>
                    <a:pt x="0" y="0"/>
                  </a:moveTo>
                  <a:cubicBezTo>
                    <a:pt x="3" y="0"/>
                    <a:pt x="7" y="0"/>
                    <a:pt x="10" y="0"/>
                  </a:cubicBezTo>
                  <a:cubicBezTo>
                    <a:pt x="9" y="0"/>
                    <a:pt x="6" y="0"/>
                    <a:pt x="0" y="0"/>
                  </a:cubicBezTo>
                  <a:cubicBezTo>
                    <a:pt x="0" y="0"/>
                    <a:pt x="0" y="0"/>
                    <a:pt x="0" y="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7" name="isḻïḑè">
              <a:extLst>
                <a:ext uri="{FF2B5EF4-FFF2-40B4-BE49-F238E27FC236}">
                  <a16:creationId xmlns:a16="http://schemas.microsoft.com/office/drawing/2014/main" xmlns="" id="{FD88700D-FA5A-49A8-BABB-5CAA424D7A79}"/>
                </a:ext>
              </a:extLst>
            </p:cNvPr>
            <p:cNvSpPr/>
            <p:nvPr/>
          </p:nvSpPr>
          <p:spPr bwMode="auto">
            <a:xfrm>
              <a:off x="5329443" y="3901254"/>
              <a:ext cx="4563" cy="0"/>
            </a:xfrm>
            <a:custGeom>
              <a:avLst/>
              <a:gdLst>
                <a:gd name="T0" fmla="*/ 0 w 2"/>
                <a:gd name="T1" fmla="*/ 2 w 2"/>
                <a:gd name="T2" fmla="*/ 0 w 2"/>
              </a:gdLst>
              <a:ahLst/>
              <a:cxnLst>
                <a:cxn ang="0">
                  <a:pos x="T0" y="0"/>
                </a:cxn>
                <a:cxn ang="0">
                  <a:pos x="T1" y="0"/>
                </a:cxn>
                <a:cxn ang="0">
                  <a:pos x="T2" y="0"/>
                </a:cxn>
              </a:cxnLst>
              <a:rect l="0" t="0" r="r" b="b"/>
              <a:pathLst>
                <a:path w="2">
                  <a:moveTo>
                    <a:pt x="0" y="0"/>
                  </a:moveTo>
                  <a:cubicBezTo>
                    <a:pt x="0" y="0"/>
                    <a:pt x="1" y="0"/>
                    <a:pt x="2" y="0"/>
                  </a:cubicBezTo>
                  <a:cubicBezTo>
                    <a:pt x="1" y="0"/>
                    <a:pt x="0" y="0"/>
                    <a:pt x="0" y="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8" name="îṣļîďe">
              <a:extLst>
                <a:ext uri="{FF2B5EF4-FFF2-40B4-BE49-F238E27FC236}">
                  <a16:creationId xmlns:a16="http://schemas.microsoft.com/office/drawing/2014/main" xmlns="" id="{0A7072EA-53D3-4D04-81C4-3883B96A5991}"/>
                </a:ext>
              </a:extLst>
            </p:cNvPr>
            <p:cNvSpPr/>
            <p:nvPr/>
          </p:nvSpPr>
          <p:spPr bwMode="auto">
            <a:xfrm>
              <a:off x="5713634" y="3901254"/>
              <a:ext cx="77568" cy="0"/>
            </a:xfrm>
            <a:custGeom>
              <a:avLst/>
              <a:gdLst>
                <a:gd name="T0" fmla="*/ 36 w 36"/>
                <a:gd name="T1" fmla="*/ 36 w 36"/>
                <a:gd name="T2" fmla="*/ 0 w 36"/>
                <a:gd name="T3" fmla="*/ 36 w 36"/>
              </a:gdLst>
              <a:ahLst/>
              <a:cxnLst>
                <a:cxn ang="0">
                  <a:pos x="T0" y="0"/>
                </a:cxn>
                <a:cxn ang="0">
                  <a:pos x="T1" y="0"/>
                </a:cxn>
                <a:cxn ang="0">
                  <a:pos x="T2" y="0"/>
                </a:cxn>
                <a:cxn ang="0">
                  <a:pos x="T3" y="0"/>
                </a:cxn>
              </a:cxnLst>
              <a:rect l="0" t="0" r="r" b="b"/>
              <a:pathLst>
                <a:path w="36">
                  <a:moveTo>
                    <a:pt x="36" y="0"/>
                  </a:moveTo>
                  <a:cubicBezTo>
                    <a:pt x="36" y="0"/>
                    <a:pt x="36" y="0"/>
                    <a:pt x="36" y="0"/>
                  </a:cubicBezTo>
                  <a:cubicBezTo>
                    <a:pt x="23" y="0"/>
                    <a:pt x="8" y="0"/>
                    <a:pt x="0" y="0"/>
                  </a:cubicBezTo>
                  <a:cubicBezTo>
                    <a:pt x="12" y="0"/>
                    <a:pt x="25" y="0"/>
                    <a:pt x="36" y="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69" name="ísļiḑe">
              <a:extLst>
                <a:ext uri="{FF2B5EF4-FFF2-40B4-BE49-F238E27FC236}">
                  <a16:creationId xmlns:a16="http://schemas.microsoft.com/office/drawing/2014/main" xmlns="" id="{CB114E72-B869-4DC4-A420-6E1C7064B7D9}"/>
                </a:ext>
              </a:extLst>
            </p:cNvPr>
            <p:cNvSpPr/>
            <p:nvPr/>
          </p:nvSpPr>
          <p:spPr bwMode="auto">
            <a:xfrm>
              <a:off x="5596826" y="4032664"/>
              <a:ext cx="156049" cy="6388"/>
            </a:xfrm>
            <a:custGeom>
              <a:avLst/>
              <a:gdLst>
                <a:gd name="T0" fmla="*/ 72 w 72"/>
                <a:gd name="T1" fmla="*/ 2 h 3"/>
                <a:gd name="T2" fmla="*/ 36 w 72"/>
                <a:gd name="T3" fmla="*/ 3 h 3"/>
                <a:gd name="T4" fmla="*/ 0 w 72"/>
                <a:gd name="T5" fmla="*/ 2 h 3"/>
                <a:gd name="T6" fmla="*/ 36 w 72"/>
                <a:gd name="T7" fmla="*/ 0 h 3"/>
                <a:gd name="T8" fmla="*/ 72 w 72"/>
                <a:gd name="T9" fmla="*/ 2 h 3"/>
              </a:gdLst>
              <a:ahLst/>
              <a:cxnLst>
                <a:cxn ang="0">
                  <a:pos x="T0" y="T1"/>
                </a:cxn>
                <a:cxn ang="0">
                  <a:pos x="T2" y="T3"/>
                </a:cxn>
                <a:cxn ang="0">
                  <a:pos x="T4" y="T5"/>
                </a:cxn>
                <a:cxn ang="0">
                  <a:pos x="T6" y="T7"/>
                </a:cxn>
                <a:cxn ang="0">
                  <a:pos x="T8" y="T9"/>
                </a:cxn>
              </a:cxnLst>
              <a:rect l="0" t="0" r="r" b="b"/>
              <a:pathLst>
                <a:path w="72" h="3">
                  <a:moveTo>
                    <a:pt x="72" y="2"/>
                  </a:moveTo>
                  <a:cubicBezTo>
                    <a:pt x="72" y="2"/>
                    <a:pt x="56" y="3"/>
                    <a:pt x="36" y="3"/>
                  </a:cubicBezTo>
                  <a:cubicBezTo>
                    <a:pt x="16" y="3"/>
                    <a:pt x="0" y="3"/>
                    <a:pt x="0" y="2"/>
                  </a:cubicBezTo>
                  <a:cubicBezTo>
                    <a:pt x="0" y="1"/>
                    <a:pt x="16" y="0"/>
                    <a:pt x="36" y="0"/>
                  </a:cubicBezTo>
                  <a:cubicBezTo>
                    <a:pt x="56" y="0"/>
                    <a:pt x="72" y="1"/>
                    <a:pt x="72"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0" name="ïṡliḋe">
              <a:extLst>
                <a:ext uri="{FF2B5EF4-FFF2-40B4-BE49-F238E27FC236}">
                  <a16:creationId xmlns:a16="http://schemas.microsoft.com/office/drawing/2014/main" xmlns="" id="{2E046EAE-7A9D-4E5A-9247-502D68046580}"/>
                </a:ext>
              </a:extLst>
            </p:cNvPr>
            <p:cNvSpPr/>
            <p:nvPr/>
          </p:nvSpPr>
          <p:spPr bwMode="auto">
            <a:xfrm>
              <a:off x="5335831" y="4032664"/>
              <a:ext cx="194377" cy="9126"/>
            </a:xfrm>
            <a:custGeom>
              <a:avLst/>
              <a:gdLst>
                <a:gd name="T0" fmla="*/ 90 w 90"/>
                <a:gd name="T1" fmla="*/ 2 h 4"/>
                <a:gd name="T2" fmla="*/ 45 w 90"/>
                <a:gd name="T3" fmla="*/ 4 h 4"/>
                <a:gd name="T4" fmla="*/ 0 w 90"/>
                <a:gd name="T5" fmla="*/ 3 h 4"/>
                <a:gd name="T6" fmla="*/ 45 w 90"/>
                <a:gd name="T7" fmla="*/ 1 h 4"/>
                <a:gd name="T8" fmla="*/ 90 w 90"/>
                <a:gd name="T9" fmla="*/ 2 h 4"/>
              </a:gdLst>
              <a:ahLst/>
              <a:cxnLst>
                <a:cxn ang="0">
                  <a:pos x="T0" y="T1"/>
                </a:cxn>
                <a:cxn ang="0">
                  <a:pos x="T2" y="T3"/>
                </a:cxn>
                <a:cxn ang="0">
                  <a:pos x="T4" y="T5"/>
                </a:cxn>
                <a:cxn ang="0">
                  <a:pos x="T6" y="T7"/>
                </a:cxn>
                <a:cxn ang="0">
                  <a:pos x="T8" y="T9"/>
                </a:cxn>
              </a:cxnLst>
              <a:rect l="0" t="0" r="r" b="b"/>
              <a:pathLst>
                <a:path w="90" h="4">
                  <a:moveTo>
                    <a:pt x="90" y="2"/>
                  </a:moveTo>
                  <a:cubicBezTo>
                    <a:pt x="90" y="3"/>
                    <a:pt x="70" y="4"/>
                    <a:pt x="45" y="4"/>
                  </a:cubicBezTo>
                  <a:cubicBezTo>
                    <a:pt x="20" y="4"/>
                    <a:pt x="0" y="4"/>
                    <a:pt x="0" y="3"/>
                  </a:cubicBezTo>
                  <a:cubicBezTo>
                    <a:pt x="0" y="2"/>
                    <a:pt x="20" y="1"/>
                    <a:pt x="45" y="1"/>
                  </a:cubicBezTo>
                  <a:cubicBezTo>
                    <a:pt x="70" y="0"/>
                    <a:pt x="90" y="1"/>
                    <a:pt x="90"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1" name="îṩḻíḍê">
              <a:extLst>
                <a:ext uri="{FF2B5EF4-FFF2-40B4-BE49-F238E27FC236}">
                  <a16:creationId xmlns:a16="http://schemas.microsoft.com/office/drawing/2014/main" xmlns="" id="{10178741-F3C0-4EB7-997D-30813D58421C}"/>
                </a:ext>
              </a:extLst>
            </p:cNvPr>
            <p:cNvSpPr/>
            <p:nvPr/>
          </p:nvSpPr>
          <p:spPr bwMode="auto">
            <a:xfrm>
              <a:off x="5087613" y="4041789"/>
              <a:ext cx="183426" cy="6388"/>
            </a:xfrm>
            <a:custGeom>
              <a:avLst/>
              <a:gdLst>
                <a:gd name="T0" fmla="*/ 85 w 85"/>
                <a:gd name="T1" fmla="*/ 1 h 3"/>
                <a:gd name="T2" fmla="*/ 43 w 85"/>
                <a:gd name="T3" fmla="*/ 3 h 3"/>
                <a:gd name="T4" fmla="*/ 0 w 85"/>
                <a:gd name="T5" fmla="*/ 2 h 3"/>
                <a:gd name="T6" fmla="*/ 43 w 85"/>
                <a:gd name="T7" fmla="*/ 0 h 3"/>
                <a:gd name="T8" fmla="*/ 85 w 85"/>
                <a:gd name="T9" fmla="*/ 1 h 3"/>
              </a:gdLst>
              <a:ahLst/>
              <a:cxnLst>
                <a:cxn ang="0">
                  <a:pos x="T0" y="T1"/>
                </a:cxn>
                <a:cxn ang="0">
                  <a:pos x="T2" y="T3"/>
                </a:cxn>
                <a:cxn ang="0">
                  <a:pos x="T4" y="T5"/>
                </a:cxn>
                <a:cxn ang="0">
                  <a:pos x="T6" y="T7"/>
                </a:cxn>
                <a:cxn ang="0">
                  <a:pos x="T8" y="T9"/>
                </a:cxn>
              </a:cxnLst>
              <a:rect l="0" t="0" r="r" b="b"/>
              <a:pathLst>
                <a:path w="85" h="3">
                  <a:moveTo>
                    <a:pt x="85" y="1"/>
                  </a:moveTo>
                  <a:cubicBezTo>
                    <a:pt x="85" y="2"/>
                    <a:pt x="66" y="3"/>
                    <a:pt x="43" y="3"/>
                  </a:cubicBezTo>
                  <a:cubicBezTo>
                    <a:pt x="19" y="3"/>
                    <a:pt x="0" y="3"/>
                    <a:pt x="0" y="2"/>
                  </a:cubicBezTo>
                  <a:cubicBezTo>
                    <a:pt x="0" y="1"/>
                    <a:pt x="19" y="0"/>
                    <a:pt x="43" y="0"/>
                  </a:cubicBezTo>
                  <a:cubicBezTo>
                    <a:pt x="66" y="0"/>
                    <a:pt x="85" y="0"/>
                    <a:pt x="85"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2" name="íšļïďé">
              <a:extLst>
                <a:ext uri="{FF2B5EF4-FFF2-40B4-BE49-F238E27FC236}">
                  <a16:creationId xmlns:a16="http://schemas.microsoft.com/office/drawing/2014/main" xmlns="" id="{A0A6C717-2D37-4225-8E24-3F104725F12E}"/>
                </a:ext>
              </a:extLst>
            </p:cNvPr>
            <p:cNvSpPr/>
            <p:nvPr/>
          </p:nvSpPr>
          <p:spPr bwMode="auto">
            <a:xfrm>
              <a:off x="4880460" y="4041789"/>
              <a:ext cx="142360" cy="8214"/>
            </a:xfrm>
            <a:custGeom>
              <a:avLst/>
              <a:gdLst>
                <a:gd name="T0" fmla="*/ 66 w 66"/>
                <a:gd name="T1" fmla="*/ 2 h 4"/>
                <a:gd name="T2" fmla="*/ 33 w 66"/>
                <a:gd name="T3" fmla="*/ 3 h 4"/>
                <a:gd name="T4" fmla="*/ 0 w 66"/>
                <a:gd name="T5" fmla="*/ 2 h 4"/>
                <a:gd name="T6" fmla="*/ 33 w 66"/>
                <a:gd name="T7" fmla="*/ 0 h 4"/>
                <a:gd name="T8" fmla="*/ 66 w 66"/>
                <a:gd name="T9" fmla="*/ 2 h 4"/>
              </a:gdLst>
              <a:ahLst/>
              <a:cxnLst>
                <a:cxn ang="0">
                  <a:pos x="T0" y="T1"/>
                </a:cxn>
                <a:cxn ang="0">
                  <a:pos x="T2" y="T3"/>
                </a:cxn>
                <a:cxn ang="0">
                  <a:pos x="T4" y="T5"/>
                </a:cxn>
                <a:cxn ang="0">
                  <a:pos x="T6" y="T7"/>
                </a:cxn>
                <a:cxn ang="0">
                  <a:pos x="T8" y="T9"/>
                </a:cxn>
              </a:cxnLst>
              <a:rect l="0" t="0" r="r" b="b"/>
              <a:pathLst>
                <a:path w="66" h="4">
                  <a:moveTo>
                    <a:pt x="66" y="2"/>
                  </a:moveTo>
                  <a:cubicBezTo>
                    <a:pt x="66" y="2"/>
                    <a:pt x="51" y="3"/>
                    <a:pt x="33" y="3"/>
                  </a:cubicBezTo>
                  <a:cubicBezTo>
                    <a:pt x="14" y="4"/>
                    <a:pt x="0" y="3"/>
                    <a:pt x="0" y="2"/>
                  </a:cubicBezTo>
                  <a:cubicBezTo>
                    <a:pt x="0" y="1"/>
                    <a:pt x="14" y="0"/>
                    <a:pt x="33" y="0"/>
                  </a:cubicBezTo>
                  <a:cubicBezTo>
                    <a:pt x="51" y="0"/>
                    <a:pt x="66" y="1"/>
                    <a:pt x="66"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3" name="ïṥ1ïďe">
              <a:extLst>
                <a:ext uri="{FF2B5EF4-FFF2-40B4-BE49-F238E27FC236}">
                  <a16:creationId xmlns:a16="http://schemas.microsoft.com/office/drawing/2014/main" xmlns="" id="{0BBC87EA-A8C7-4F7E-9CCA-D6408D3BF874}"/>
                </a:ext>
              </a:extLst>
            </p:cNvPr>
            <p:cNvSpPr/>
            <p:nvPr/>
          </p:nvSpPr>
          <p:spPr bwMode="auto">
            <a:xfrm>
              <a:off x="5588612" y="4093805"/>
              <a:ext cx="151486" cy="8214"/>
            </a:xfrm>
            <a:custGeom>
              <a:avLst/>
              <a:gdLst>
                <a:gd name="T0" fmla="*/ 70 w 70"/>
                <a:gd name="T1" fmla="*/ 1 h 4"/>
                <a:gd name="T2" fmla="*/ 35 w 70"/>
                <a:gd name="T3" fmla="*/ 3 h 4"/>
                <a:gd name="T4" fmla="*/ 0 w 70"/>
                <a:gd name="T5" fmla="*/ 2 h 4"/>
                <a:gd name="T6" fmla="*/ 35 w 70"/>
                <a:gd name="T7" fmla="*/ 0 h 4"/>
                <a:gd name="T8" fmla="*/ 70 w 70"/>
                <a:gd name="T9" fmla="*/ 1 h 4"/>
              </a:gdLst>
              <a:ahLst/>
              <a:cxnLst>
                <a:cxn ang="0">
                  <a:pos x="T0" y="T1"/>
                </a:cxn>
                <a:cxn ang="0">
                  <a:pos x="T2" y="T3"/>
                </a:cxn>
                <a:cxn ang="0">
                  <a:pos x="T4" y="T5"/>
                </a:cxn>
                <a:cxn ang="0">
                  <a:pos x="T6" y="T7"/>
                </a:cxn>
                <a:cxn ang="0">
                  <a:pos x="T8" y="T9"/>
                </a:cxn>
              </a:cxnLst>
              <a:rect l="0" t="0" r="r" b="b"/>
              <a:pathLst>
                <a:path w="70" h="4">
                  <a:moveTo>
                    <a:pt x="70" y="1"/>
                  </a:moveTo>
                  <a:cubicBezTo>
                    <a:pt x="70" y="2"/>
                    <a:pt x="54" y="3"/>
                    <a:pt x="35" y="3"/>
                  </a:cubicBezTo>
                  <a:cubicBezTo>
                    <a:pt x="15" y="4"/>
                    <a:pt x="0" y="3"/>
                    <a:pt x="0" y="2"/>
                  </a:cubicBezTo>
                  <a:cubicBezTo>
                    <a:pt x="0" y="1"/>
                    <a:pt x="15" y="0"/>
                    <a:pt x="35" y="0"/>
                  </a:cubicBezTo>
                  <a:cubicBezTo>
                    <a:pt x="54" y="0"/>
                    <a:pt x="70" y="0"/>
                    <a:pt x="70"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4" name="íšlïďé">
              <a:extLst>
                <a:ext uri="{FF2B5EF4-FFF2-40B4-BE49-F238E27FC236}">
                  <a16:creationId xmlns:a16="http://schemas.microsoft.com/office/drawing/2014/main" xmlns="" id="{FD5F6EC4-F962-4AE5-A8B0-42F822EBC007}"/>
                </a:ext>
              </a:extLst>
            </p:cNvPr>
            <p:cNvSpPr/>
            <p:nvPr/>
          </p:nvSpPr>
          <p:spPr bwMode="auto">
            <a:xfrm>
              <a:off x="5337657" y="4097456"/>
              <a:ext cx="181601" cy="9126"/>
            </a:xfrm>
            <a:custGeom>
              <a:avLst/>
              <a:gdLst>
                <a:gd name="T0" fmla="*/ 84 w 84"/>
                <a:gd name="T1" fmla="*/ 1 h 4"/>
                <a:gd name="T2" fmla="*/ 42 w 84"/>
                <a:gd name="T3" fmla="*/ 3 h 4"/>
                <a:gd name="T4" fmla="*/ 0 w 84"/>
                <a:gd name="T5" fmla="*/ 3 h 4"/>
                <a:gd name="T6" fmla="*/ 42 w 84"/>
                <a:gd name="T7" fmla="*/ 0 h 4"/>
                <a:gd name="T8" fmla="*/ 84 w 84"/>
                <a:gd name="T9" fmla="*/ 1 h 4"/>
              </a:gdLst>
              <a:ahLst/>
              <a:cxnLst>
                <a:cxn ang="0">
                  <a:pos x="T0" y="T1"/>
                </a:cxn>
                <a:cxn ang="0">
                  <a:pos x="T2" y="T3"/>
                </a:cxn>
                <a:cxn ang="0">
                  <a:pos x="T4" y="T5"/>
                </a:cxn>
                <a:cxn ang="0">
                  <a:pos x="T6" y="T7"/>
                </a:cxn>
                <a:cxn ang="0">
                  <a:pos x="T8" y="T9"/>
                </a:cxn>
              </a:cxnLst>
              <a:rect l="0" t="0" r="r" b="b"/>
              <a:pathLst>
                <a:path w="84" h="4">
                  <a:moveTo>
                    <a:pt x="84" y="1"/>
                  </a:moveTo>
                  <a:cubicBezTo>
                    <a:pt x="84" y="2"/>
                    <a:pt x="65" y="3"/>
                    <a:pt x="42" y="3"/>
                  </a:cubicBezTo>
                  <a:cubicBezTo>
                    <a:pt x="19" y="4"/>
                    <a:pt x="0" y="4"/>
                    <a:pt x="0" y="3"/>
                  </a:cubicBezTo>
                  <a:cubicBezTo>
                    <a:pt x="0" y="2"/>
                    <a:pt x="19" y="1"/>
                    <a:pt x="42" y="0"/>
                  </a:cubicBezTo>
                  <a:cubicBezTo>
                    <a:pt x="65" y="0"/>
                    <a:pt x="84" y="0"/>
                    <a:pt x="84"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5" name="íslîḍê">
              <a:extLst>
                <a:ext uri="{FF2B5EF4-FFF2-40B4-BE49-F238E27FC236}">
                  <a16:creationId xmlns:a16="http://schemas.microsoft.com/office/drawing/2014/main" xmlns="" id="{074723F2-3328-4AAC-8A54-38B998F06833}"/>
                </a:ext>
              </a:extLst>
            </p:cNvPr>
            <p:cNvSpPr/>
            <p:nvPr/>
          </p:nvSpPr>
          <p:spPr bwMode="auto">
            <a:xfrm>
              <a:off x="5098564" y="4102019"/>
              <a:ext cx="177038" cy="6388"/>
            </a:xfrm>
            <a:custGeom>
              <a:avLst/>
              <a:gdLst>
                <a:gd name="T0" fmla="*/ 81 w 82"/>
                <a:gd name="T1" fmla="*/ 2 h 3"/>
                <a:gd name="T2" fmla="*/ 41 w 82"/>
                <a:gd name="T3" fmla="*/ 3 h 3"/>
                <a:gd name="T4" fmla="*/ 0 w 82"/>
                <a:gd name="T5" fmla="*/ 2 h 3"/>
                <a:gd name="T6" fmla="*/ 41 w 82"/>
                <a:gd name="T7" fmla="*/ 0 h 3"/>
                <a:gd name="T8" fmla="*/ 81 w 82"/>
                <a:gd name="T9" fmla="*/ 2 h 3"/>
              </a:gdLst>
              <a:ahLst/>
              <a:cxnLst>
                <a:cxn ang="0">
                  <a:pos x="T0" y="T1"/>
                </a:cxn>
                <a:cxn ang="0">
                  <a:pos x="T2" y="T3"/>
                </a:cxn>
                <a:cxn ang="0">
                  <a:pos x="T4" y="T5"/>
                </a:cxn>
                <a:cxn ang="0">
                  <a:pos x="T6" y="T7"/>
                </a:cxn>
                <a:cxn ang="0">
                  <a:pos x="T8" y="T9"/>
                </a:cxn>
              </a:cxnLst>
              <a:rect l="0" t="0" r="r" b="b"/>
              <a:pathLst>
                <a:path w="82" h="3">
                  <a:moveTo>
                    <a:pt x="81" y="2"/>
                  </a:moveTo>
                  <a:cubicBezTo>
                    <a:pt x="82" y="3"/>
                    <a:pt x="63" y="3"/>
                    <a:pt x="41" y="3"/>
                  </a:cubicBezTo>
                  <a:cubicBezTo>
                    <a:pt x="19" y="3"/>
                    <a:pt x="0" y="3"/>
                    <a:pt x="0" y="2"/>
                  </a:cubicBezTo>
                  <a:cubicBezTo>
                    <a:pt x="0" y="1"/>
                    <a:pt x="19" y="0"/>
                    <a:pt x="41" y="0"/>
                  </a:cubicBezTo>
                  <a:cubicBezTo>
                    <a:pt x="63" y="0"/>
                    <a:pt x="81" y="1"/>
                    <a:pt x="81"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6" name="ísḻïḍe">
              <a:extLst>
                <a:ext uri="{FF2B5EF4-FFF2-40B4-BE49-F238E27FC236}">
                  <a16:creationId xmlns:a16="http://schemas.microsoft.com/office/drawing/2014/main" xmlns="" id="{A424E539-FE38-44A1-AD84-C99780C19A2F}"/>
                </a:ext>
              </a:extLst>
            </p:cNvPr>
            <p:cNvSpPr/>
            <p:nvPr/>
          </p:nvSpPr>
          <p:spPr bwMode="auto">
            <a:xfrm>
              <a:off x="4899624" y="4103844"/>
              <a:ext cx="134148" cy="7301"/>
            </a:xfrm>
            <a:prstGeom prst="ellipse">
              <a:avLst/>
            </a:pr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7" name="í$lïḋe">
              <a:extLst>
                <a:ext uri="{FF2B5EF4-FFF2-40B4-BE49-F238E27FC236}">
                  <a16:creationId xmlns:a16="http://schemas.microsoft.com/office/drawing/2014/main" xmlns="" id="{FED38AE5-5339-49E9-8744-DE2CB6DB4168}"/>
                </a:ext>
              </a:extLst>
            </p:cNvPr>
            <p:cNvSpPr/>
            <p:nvPr/>
          </p:nvSpPr>
          <p:spPr bwMode="auto">
            <a:xfrm>
              <a:off x="4694296" y="3706876"/>
              <a:ext cx="1420867" cy="213541"/>
            </a:xfrm>
            <a:custGeom>
              <a:avLst/>
              <a:gdLst>
                <a:gd name="T0" fmla="*/ 650 w 658"/>
                <a:gd name="T1" fmla="*/ 0 h 99"/>
                <a:gd name="T2" fmla="*/ 652 w 658"/>
                <a:gd name="T3" fmla="*/ 1 h 99"/>
                <a:gd name="T4" fmla="*/ 656 w 658"/>
                <a:gd name="T5" fmla="*/ 5 h 99"/>
                <a:gd name="T6" fmla="*/ 656 w 658"/>
                <a:gd name="T7" fmla="*/ 14 h 99"/>
                <a:gd name="T8" fmla="*/ 649 w 658"/>
                <a:gd name="T9" fmla="*/ 25 h 99"/>
                <a:gd name="T10" fmla="*/ 585 w 658"/>
                <a:gd name="T11" fmla="*/ 71 h 99"/>
                <a:gd name="T12" fmla="*/ 562 w 658"/>
                <a:gd name="T13" fmla="*/ 83 h 99"/>
                <a:gd name="T14" fmla="*/ 549 w 658"/>
                <a:gd name="T15" fmla="*/ 89 h 99"/>
                <a:gd name="T16" fmla="*/ 542 w 658"/>
                <a:gd name="T17" fmla="*/ 91 h 99"/>
                <a:gd name="T18" fmla="*/ 538 w 658"/>
                <a:gd name="T19" fmla="*/ 91 h 99"/>
                <a:gd name="T20" fmla="*/ 534 w 658"/>
                <a:gd name="T21" fmla="*/ 92 h 99"/>
                <a:gd name="T22" fmla="*/ 471 w 658"/>
                <a:gd name="T23" fmla="*/ 94 h 99"/>
                <a:gd name="T24" fmla="*/ 328 w 658"/>
                <a:gd name="T25" fmla="*/ 94 h 99"/>
                <a:gd name="T26" fmla="*/ 185 w 658"/>
                <a:gd name="T27" fmla="*/ 95 h 99"/>
                <a:gd name="T28" fmla="*/ 68 w 658"/>
                <a:gd name="T29" fmla="*/ 97 h 99"/>
                <a:gd name="T30" fmla="*/ 44 w 658"/>
                <a:gd name="T31" fmla="*/ 98 h 99"/>
                <a:gd name="T32" fmla="*/ 33 w 658"/>
                <a:gd name="T33" fmla="*/ 99 h 99"/>
                <a:gd name="T34" fmla="*/ 23 w 658"/>
                <a:gd name="T35" fmla="*/ 98 h 99"/>
                <a:gd name="T36" fmla="*/ 13 w 658"/>
                <a:gd name="T37" fmla="*/ 97 h 99"/>
                <a:gd name="T38" fmla="*/ 5 w 658"/>
                <a:gd name="T39" fmla="*/ 92 h 99"/>
                <a:gd name="T40" fmla="*/ 1 w 658"/>
                <a:gd name="T41" fmla="*/ 85 h 99"/>
                <a:gd name="T42" fmla="*/ 1 w 658"/>
                <a:gd name="T43" fmla="*/ 77 h 99"/>
                <a:gd name="T44" fmla="*/ 10 w 658"/>
                <a:gd name="T45" fmla="*/ 67 h 99"/>
                <a:gd name="T46" fmla="*/ 14 w 658"/>
                <a:gd name="T47" fmla="*/ 65 h 99"/>
                <a:gd name="T48" fmla="*/ 18 w 658"/>
                <a:gd name="T49" fmla="*/ 64 h 99"/>
                <a:gd name="T50" fmla="*/ 24 w 658"/>
                <a:gd name="T51" fmla="*/ 63 h 99"/>
                <a:gd name="T52" fmla="*/ 26 w 658"/>
                <a:gd name="T53" fmla="*/ 63 h 99"/>
                <a:gd name="T54" fmla="*/ 24 w 658"/>
                <a:gd name="T55" fmla="*/ 64 h 99"/>
                <a:gd name="T56" fmla="*/ 18 w 658"/>
                <a:gd name="T57" fmla="*/ 65 h 99"/>
                <a:gd name="T58" fmla="*/ 15 w 658"/>
                <a:gd name="T59" fmla="*/ 66 h 99"/>
                <a:gd name="T60" fmla="*/ 10 w 658"/>
                <a:gd name="T61" fmla="*/ 68 h 99"/>
                <a:gd name="T62" fmla="*/ 3 w 658"/>
                <a:gd name="T63" fmla="*/ 77 h 99"/>
                <a:gd name="T64" fmla="*/ 3 w 658"/>
                <a:gd name="T65" fmla="*/ 84 h 99"/>
                <a:gd name="T66" fmla="*/ 7 w 658"/>
                <a:gd name="T67" fmla="*/ 90 h 99"/>
                <a:gd name="T68" fmla="*/ 14 w 658"/>
                <a:gd name="T69" fmla="*/ 94 h 99"/>
                <a:gd name="T70" fmla="*/ 23 w 658"/>
                <a:gd name="T71" fmla="*/ 95 h 99"/>
                <a:gd name="T72" fmla="*/ 33 w 658"/>
                <a:gd name="T73" fmla="*/ 95 h 99"/>
                <a:gd name="T74" fmla="*/ 44 w 658"/>
                <a:gd name="T75" fmla="*/ 95 h 99"/>
                <a:gd name="T76" fmla="*/ 68 w 658"/>
                <a:gd name="T77" fmla="*/ 93 h 99"/>
                <a:gd name="T78" fmla="*/ 185 w 658"/>
                <a:gd name="T79" fmla="*/ 90 h 99"/>
                <a:gd name="T80" fmla="*/ 328 w 658"/>
                <a:gd name="T81" fmla="*/ 89 h 99"/>
                <a:gd name="T82" fmla="*/ 471 w 658"/>
                <a:gd name="T83" fmla="*/ 89 h 99"/>
                <a:gd name="T84" fmla="*/ 534 w 658"/>
                <a:gd name="T85" fmla="*/ 87 h 99"/>
                <a:gd name="T86" fmla="*/ 537 w 658"/>
                <a:gd name="T87" fmla="*/ 87 h 99"/>
                <a:gd name="T88" fmla="*/ 541 w 658"/>
                <a:gd name="T89" fmla="*/ 86 h 99"/>
                <a:gd name="T90" fmla="*/ 547 w 658"/>
                <a:gd name="T91" fmla="*/ 84 h 99"/>
                <a:gd name="T92" fmla="*/ 560 w 658"/>
                <a:gd name="T93" fmla="*/ 79 h 99"/>
                <a:gd name="T94" fmla="*/ 583 w 658"/>
                <a:gd name="T95" fmla="*/ 68 h 99"/>
                <a:gd name="T96" fmla="*/ 647 w 658"/>
                <a:gd name="T97" fmla="*/ 23 h 99"/>
                <a:gd name="T98" fmla="*/ 655 w 658"/>
                <a:gd name="T99" fmla="*/ 14 h 99"/>
                <a:gd name="T100" fmla="*/ 655 w 658"/>
                <a:gd name="T101" fmla="*/ 5 h 99"/>
                <a:gd name="T102" fmla="*/ 652 w 658"/>
                <a:gd name="T103" fmla="*/ 2 h 99"/>
                <a:gd name="T104" fmla="*/ 650 w 658"/>
                <a:gd name="T105" fmla="*/ 0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658" h="99">
                  <a:moveTo>
                    <a:pt x="650" y="0"/>
                  </a:moveTo>
                  <a:cubicBezTo>
                    <a:pt x="650" y="0"/>
                    <a:pt x="651" y="1"/>
                    <a:pt x="652" y="1"/>
                  </a:cubicBezTo>
                  <a:cubicBezTo>
                    <a:pt x="653" y="2"/>
                    <a:pt x="655" y="3"/>
                    <a:pt x="656" y="5"/>
                  </a:cubicBezTo>
                  <a:cubicBezTo>
                    <a:pt x="658" y="7"/>
                    <a:pt x="658" y="11"/>
                    <a:pt x="656" y="14"/>
                  </a:cubicBezTo>
                  <a:cubicBezTo>
                    <a:pt x="655" y="18"/>
                    <a:pt x="652" y="21"/>
                    <a:pt x="649" y="25"/>
                  </a:cubicBezTo>
                  <a:cubicBezTo>
                    <a:pt x="636" y="39"/>
                    <a:pt x="614" y="55"/>
                    <a:pt x="585" y="71"/>
                  </a:cubicBezTo>
                  <a:cubicBezTo>
                    <a:pt x="578" y="75"/>
                    <a:pt x="570" y="79"/>
                    <a:pt x="562" y="83"/>
                  </a:cubicBezTo>
                  <a:cubicBezTo>
                    <a:pt x="558" y="85"/>
                    <a:pt x="553" y="87"/>
                    <a:pt x="549" y="89"/>
                  </a:cubicBezTo>
                  <a:cubicBezTo>
                    <a:pt x="546" y="89"/>
                    <a:pt x="544" y="90"/>
                    <a:pt x="542" y="91"/>
                  </a:cubicBezTo>
                  <a:cubicBezTo>
                    <a:pt x="540" y="91"/>
                    <a:pt x="539" y="91"/>
                    <a:pt x="538" y="91"/>
                  </a:cubicBezTo>
                  <a:cubicBezTo>
                    <a:pt x="534" y="92"/>
                    <a:pt x="534" y="92"/>
                    <a:pt x="534" y="92"/>
                  </a:cubicBezTo>
                  <a:cubicBezTo>
                    <a:pt x="514" y="93"/>
                    <a:pt x="493" y="93"/>
                    <a:pt x="471" y="94"/>
                  </a:cubicBezTo>
                  <a:cubicBezTo>
                    <a:pt x="427" y="94"/>
                    <a:pt x="379" y="94"/>
                    <a:pt x="328" y="94"/>
                  </a:cubicBezTo>
                  <a:cubicBezTo>
                    <a:pt x="277" y="94"/>
                    <a:pt x="229" y="94"/>
                    <a:pt x="185" y="95"/>
                  </a:cubicBezTo>
                  <a:cubicBezTo>
                    <a:pt x="141" y="96"/>
                    <a:pt x="101" y="96"/>
                    <a:pt x="68" y="97"/>
                  </a:cubicBezTo>
                  <a:cubicBezTo>
                    <a:pt x="60" y="97"/>
                    <a:pt x="52" y="98"/>
                    <a:pt x="44" y="98"/>
                  </a:cubicBezTo>
                  <a:cubicBezTo>
                    <a:pt x="40" y="98"/>
                    <a:pt x="37" y="99"/>
                    <a:pt x="33" y="99"/>
                  </a:cubicBezTo>
                  <a:cubicBezTo>
                    <a:pt x="30" y="99"/>
                    <a:pt x="26" y="99"/>
                    <a:pt x="23" y="98"/>
                  </a:cubicBezTo>
                  <a:cubicBezTo>
                    <a:pt x="19" y="98"/>
                    <a:pt x="16" y="98"/>
                    <a:pt x="13" y="97"/>
                  </a:cubicBezTo>
                  <a:cubicBezTo>
                    <a:pt x="10" y="96"/>
                    <a:pt x="7" y="95"/>
                    <a:pt x="5" y="92"/>
                  </a:cubicBezTo>
                  <a:cubicBezTo>
                    <a:pt x="2" y="90"/>
                    <a:pt x="1" y="87"/>
                    <a:pt x="1" y="85"/>
                  </a:cubicBezTo>
                  <a:cubicBezTo>
                    <a:pt x="0" y="82"/>
                    <a:pt x="1" y="79"/>
                    <a:pt x="1" y="77"/>
                  </a:cubicBezTo>
                  <a:cubicBezTo>
                    <a:pt x="3" y="72"/>
                    <a:pt x="6" y="69"/>
                    <a:pt x="10" y="67"/>
                  </a:cubicBezTo>
                  <a:cubicBezTo>
                    <a:pt x="11" y="66"/>
                    <a:pt x="13" y="65"/>
                    <a:pt x="14" y="65"/>
                  </a:cubicBezTo>
                  <a:cubicBezTo>
                    <a:pt x="16" y="64"/>
                    <a:pt x="17" y="64"/>
                    <a:pt x="18" y="64"/>
                  </a:cubicBezTo>
                  <a:cubicBezTo>
                    <a:pt x="21" y="63"/>
                    <a:pt x="23" y="63"/>
                    <a:pt x="24" y="63"/>
                  </a:cubicBezTo>
                  <a:cubicBezTo>
                    <a:pt x="25" y="63"/>
                    <a:pt x="26" y="63"/>
                    <a:pt x="26" y="63"/>
                  </a:cubicBezTo>
                  <a:cubicBezTo>
                    <a:pt x="26" y="63"/>
                    <a:pt x="25" y="63"/>
                    <a:pt x="24" y="64"/>
                  </a:cubicBezTo>
                  <a:cubicBezTo>
                    <a:pt x="23" y="64"/>
                    <a:pt x="21" y="64"/>
                    <a:pt x="18" y="65"/>
                  </a:cubicBezTo>
                  <a:cubicBezTo>
                    <a:pt x="17" y="65"/>
                    <a:pt x="16" y="66"/>
                    <a:pt x="15" y="66"/>
                  </a:cubicBezTo>
                  <a:cubicBezTo>
                    <a:pt x="13" y="67"/>
                    <a:pt x="12" y="67"/>
                    <a:pt x="10" y="68"/>
                  </a:cubicBezTo>
                  <a:cubicBezTo>
                    <a:pt x="8" y="70"/>
                    <a:pt x="5" y="73"/>
                    <a:pt x="3" y="77"/>
                  </a:cubicBezTo>
                  <a:cubicBezTo>
                    <a:pt x="3" y="80"/>
                    <a:pt x="3" y="82"/>
                    <a:pt x="3" y="84"/>
                  </a:cubicBezTo>
                  <a:cubicBezTo>
                    <a:pt x="4" y="86"/>
                    <a:pt x="5" y="89"/>
                    <a:pt x="7" y="90"/>
                  </a:cubicBezTo>
                  <a:cubicBezTo>
                    <a:pt x="8" y="92"/>
                    <a:pt x="11" y="93"/>
                    <a:pt x="14" y="94"/>
                  </a:cubicBezTo>
                  <a:cubicBezTo>
                    <a:pt x="17" y="95"/>
                    <a:pt x="20" y="95"/>
                    <a:pt x="23" y="95"/>
                  </a:cubicBezTo>
                  <a:cubicBezTo>
                    <a:pt x="26" y="95"/>
                    <a:pt x="30" y="95"/>
                    <a:pt x="33" y="95"/>
                  </a:cubicBezTo>
                  <a:cubicBezTo>
                    <a:pt x="36" y="95"/>
                    <a:pt x="40" y="95"/>
                    <a:pt x="44" y="95"/>
                  </a:cubicBezTo>
                  <a:cubicBezTo>
                    <a:pt x="51" y="94"/>
                    <a:pt x="59" y="94"/>
                    <a:pt x="68" y="93"/>
                  </a:cubicBezTo>
                  <a:cubicBezTo>
                    <a:pt x="101" y="92"/>
                    <a:pt x="141" y="91"/>
                    <a:pt x="185" y="90"/>
                  </a:cubicBezTo>
                  <a:cubicBezTo>
                    <a:pt x="229" y="89"/>
                    <a:pt x="277" y="89"/>
                    <a:pt x="328" y="89"/>
                  </a:cubicBezTo>
                  <a:cubicBezTo>
                    <a:pt x="379" y="89"/>
                    <a:pt x="427" y="89"/>
                    <a:pt x="471" y="89"/>
                  </a:cubicBezTo>
                  <a:cubicBezTo>
                    <a:pt x="493" y="88"/>
                    <a:pt x="514" y="88"/>
                    <a:pt x="534" y="87"/>
                  </a:cubicBezTo>
                  <a:cubicBezTo>
                    <a:pt x="537" y="87"/>
                    <a:pt x="537" y="87"/>
                    <a:pt x="537" y="87"/>
                  </a:cubicBezTo>
                  <a:cubicBezTo>
                    <a:pt x="539" y="87"/>
                    <a:pt x="539" y="87"/>
                    <a:pt x="541" y="86"/>
                  </a:cubicBezTo>
                  <a:cubicBezTo>
                    <a:pt x="543" y="86"/>
                    <a:pt x="545" y="85"/>
                    <a:pt x="547" y="84"/>
                  </a:cubicBezTo>
                  <a:cubicBezTo>
                    <a:pt x="552" y="83"/>
                    <a:pt x="556" y="81"/>
                    <a:pt x="560" y="79"/>
                  </a:cubicBezTo>
                  <a:cubicBezTo>
                    <a:pt x="568" y="76"/>
                    <a:pt x="576" y="72"/>
                    <a:pt x="583" y="68"/>
                  </a:cubicBezTo>
                  <a:cubicBezTo>
                    <a:pt x="612" y="52"/>
                    <a:pt x="635" y="37"/>
                    <a:pt x="647" y="23"/>
                  </a:cubicBezTo>
                  <a:cubicBezTo>
                    <a:pt x="651" y="20"/>
                    <a:pt x="653" y="17"/>
                    <a:pt x="655" y="14"/>
                  </a:cubicBezTo>
                  <a:cubicBezTo>
                    <a:pt x="656" y="10"/>
                    <a:pt x="656" y="7"/>
                    <a:pt x="655" y="5"/>
                  </a:cubicBezTo>
                  <a:cubicBezTo>
                    <a:pt x="654" y="3"/>
                    <a:pt x="653" y="2"/>
                    <a:pt x="652" y="2"/>
                  </a:cubicBezTo>
                  <a:cubicBezTo>
                    <a:pt x="651" y="1"/>
                    <a:pt x="650" y="1"/>
                    <a:pt x="65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8" name="îṥlïḋe">
              <a:extLst>
                <a:ext uri="{FF2B5EF4-FFF2-40B4-BE49-F238E27FC236}">
                  <a16:creationId xmlns:a16="http://schemas.microsoft.com/office/drawing/2014/main" xmlns="" id="{37B8E732-A8A0-4949-9C44-02320AC20E74}"/>
                </a:ext>
              </a:extLst>
            </p:cNvPr>
            <p:cNvSpPr/>
            <p:nvPr/>
          </p:nvSpPr>
          <p:spPr bwMode="auto">
            <a:xfrm>
              <a:off x="4912400" y="4499898"/>
              <a:ext cx="755605" cy="256432"/>
            </a:xfrm>
            <a:custGeom>
              <a:avLst/>
              <a:gdLst>
                <a:gd name="T0" fmla="*/ 324 w 350"/>
                <a:gd name="T1" fmla="*/ 0 h 119"/>
                <a:gd name="T2" fmla="*/ 326 w 350"/>
                <a:gd name="T3" fmla="*/ 4 h 119"/>
                <a:gd name="T4" fmla="*/ 331 w 350"/>
                <a:gd name="T5" fmla="*/ 16 h 119"/>
                <a:gd name="T6" fmla="*/ 339 w 350"/>
                <a:gd name="T7" fmla="*/ 36 h 119"/>
                <a:gd name="T8" fmla="*/ 347 w 350"/>
                <a:gd name="T9" fmla="*/ 62 h 119"/>
                <a:gd name="T10" fmla="*/ 350 w 350"/>
                <a:gd name="T11" fmla="*/ 78 h 119"/>
                <a:gd name="T12" fmla="*/ 350 w 350"/>
                <a:gd name="T13" fmla="*/ 83 h 119"/>
                <a:gd name="T14" fmla="*/ 350 w 350"/>
                <a:gd name="T15" fmla="*/ 87 h 119"/>
                <a:gd name="T16" fmla="*/ 349 w 350"/>
                <a:gd name="T17" fmla="*/ 89 h 119"/>
                <a:gd name="T18" fmla="*/ 348 w 350"/>
                <a:gd name="T19" fmla="*/ 92 h 119"/>
                <a:gd name="T20" fmla="*/ 345 w 350"/>
                <a:gd name="T21" fmla="*/ 96 h 119"/>
                <a:gd name="T22" fmla="*/ 327 w 350"/>
                <a:gd name="T23" fmla="*/ 103 h 119"/>
                <a:gd name="T24" fmla="*/ 307 w 350"/>
                <a:gd name="T25" fmla="*/ 105 h 119"/>
                <a:gd name="T26" fmla="*/ 219 w 350"/>
                <a:gd name="T27" fmla="*/ 107 h 119"/>
                <a:gd name="T28" fmla="*/ 58 w 350"/>
                <a:gd name="T29" fmla="*/ 104 h 119"/>
                <a:gd name="T30" fmla="*/ 10 w 350"/>
                <a:gd name="T31" fmla="*/ 106 h 119"/>
                <a:gd name="T32" fmla="*/ 4 w 350"/>
                <a:gd name="T33" fmla="*/ 110 h 119"/>
                <a:gd name="T34" fmla="*/ 1 w 350"/>
                <a:gd name="T35" fmla="*/ 114 h 119"/>
                <a:gd name="T36" fmla="*/ 1 w 350"/>
                <a:gd name="T37" fmla="*/ 119 h 119"/>
                <a:gd name="T38" fmla="*/ 1 w 350"/>
                <a:gd name="T39" fmla="*/ 118 h 119"/>
                <a:gd name="T40" fmla="*/ 0 w 350"/>
                <a:gd name="T41" fmla="*/ 114 h 119"/>
                <a:gd name="T42" fmla="*/ 3 w 350"/>
                <a:gd name="T43" fmla="*/ 109 h 119"/>
                <a:gd name="T44" fmla="*/ 10 w 350"/>
                <a:gd name="T45" fmla="*/ 105 h 119"/>
                <a:gd name="T46" fmla="*/ 58 w 350"/>
                <a:gd name="T47" fmla="*/ 100 h 119"/>
                <a:gd name="T48" fmla="*/ 219 w 350"/>
                <a:gd name="T49" fmla="*/ 102 h 119"/>
                <a:gd name="T50" fmla="*/ 307 w 350"/>
                <a:gd name="T51" fmla="*/ 101 h 119"/>
                <a:gd name="T52" fmla="*/ 326 w 350"/>
                <a:gd name="T53" fmla="*/ 99 h 119"/>
                <a:gd name="T54" fmla="*/ 343 w 350"/>
                <a:gd name="T55" fmla="*/ 93 h 119"/>
                <a:gd name="T56" fmla="*/ 345 w 350"/>
                <a:gd name="T57" fmla="*/ 90 h 119"/>
                <a:gd name="T58" fmla="*/ 346 w 350"/>
                <a:gd name="T59" fmla="*/ 88 h 119"/>
                <a:gd name="T60" fmla="*/ 346 w 350"/>
                <a:gd name="T61" fmla="*/ 86 h 119"/>
                <a:gd name="T62" fmla="*/ 347 w 350"/>
                <a:gd name="T63" fmla="*/ 82 h 119"/>
                <a:gd name="T64" fmla="*/ 347 w 350"/>
                <a:gd name="T65" fmla="*/ 78 h 119"/>
                <a:gd name="T66" fmla="*/ 344 w 350"/>
                <a:gd name="T67" fmla="*/ 63 h 119"/>
                <a:gd name="T68" fmla="*/ 336 w 350"/>
                <a:gd name="T69" fmla="*/ 36 h 119"/>
                <a:gd name="T70" fmla="*/ 329 w 350"/>
                <a:gd name="T71" fmla="*/ 17 h 119"/>
                <a:gd name="T72" fmla="*/ 325 w 350"/>
                <a:gd name="T73" fmla="*/ 4 h 119"/>
                <a:gd name="T74" fmla="*/ 324 w 350"/>
                <a:gd name="T75" fmla="*/ 0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350" h="119">
                  <a:moveTo>
                    <a:pt x="324" y="0"/>
                  </a:moveTo>
                  <a:cubicBezTo>
                    <a:pt x="324" y="0"/>
                    <a:pt x="325" y="1"/>
                    <a:pt x="326" y="4"/>
                  </a:cubicBezTo>
                  <a:cubicBezTo>
                    <a:pt x="327" y="7"/>
                    <a:pt x="329" y="11"/>
                    <a:pt x="331" y="16"/>
                  </a:cubicBezTo>
                  <a:cubicBezTo>
                    <a:pt x="333" y="21"/>
                    <a:pt x="336" y="28"/>
                    <a:pt x="339" y="36"/>
                  </a:cubicBezTo>
                  <a:cubicBezTo>
                    <a:pt x="341" y="43"/>
                    <a:pt x="345" y="52"/>
                    <a:pt x="347" y="62"/>
                  </a:cubicBezTo>
                  <a:cubicBezTo>
                    <a:pt x="349" y="67"/>
                    <a:pt x="350" y="72"/>
                    <a:pt x="350" y="78"/>
                  </a:cubicBezTo>
                  <a:cubicBezTo>
                    <a:pt x="350" y="80"/>
                    <a:pt x="350" y="81"/>
                    <a:pt x="350" y="83"/>
                  </a:cubicBezTo>
                  <a:cubicBezTo>
                    <a:pt x="350" y="84"/>
                    <a:pt x="350" y="86"/>
                    <a:pt x="350" y="87"/>
                  </a:cubicBezTo>
                  <a:cubicBezTo>
                    <a:pt x="349" y="89"/>
                    <a:pt x="349" y="89"/>
                    <a:pt x="349" y="89"/>
                  </a:cubicBezTo>
                  <a:cubicBezTo>
                    <a:pt x="349" y="90"/>
                    <a:pt x="349" y="91"/>
                    <a:pt x="348" y="92"/>
                  </a:cubicBezTo>
                  <a:cubicBezTo>
                    <a:pt x="348" y="93"/>
                    <a:pt x="347" y="95"/>
                    <a:pt x="345" y="96"/>
                  </a:cubicBezTo>
                  <a:cubicBezTo>
                    <a:pt x="340" y="100"/>
                    <a:pt x="333" y="101"/>
                    <a:pt x="327" y="103"/>
                  </a:cubicBezTo>
                  <a:cubicBezTo>
                    <a:pt x="320" y="104"/>
                    <a:pt x="314" y="105"/>
                    <a:pt x="307" y="105"/>
                  </a:cubicBezTo>
                  <a:cubicBezTo>
                    <a:pt x="280" y="107"/>
                    <a:pt x="250" y="107"/>
                    <a:pt x="219" y="107"/>
                  </a:cubicBezTo>
                  <a:cubicBezTo>
                    <a:pt x="156" y="106"/>
                    <a:pt x="99" y="105"/>
                    <a:pt x="58" y="104"/>
                  </a:cubicBezTo>
                  <a:cubicBezTo>
                    <a:pt x="38" y="103"/>
                    <a:pt x="21" y="103"/>
                    <a:pt x="10" y="106"/>
                  </a:cubicBezTo>
                  <a:cubicBezTo>
                    <a:pt x="7" y="107"/>
                    <a:pt x="5" y="108"/>
                    <a:pt x="4" y="110"/>
                  </a:cubicBezTo>
                  <a:cubicBezTo>
                    <a:pt x="2" y="111"/>
                    <a:pt x="1" y="113"/>
                    <a:pt x="1" y="114"/>
                  </a:cubicBezTo>
                  <a:cubicBezTo>
                    <a:pt x="1" y="117"/>
                    <a:pt x="1" y="119"/>
                    <a:pt x="1" y="119"/>
                  </a:cubicBezTo>
                  <a:cubicBezTo>
                    <a:pt x="1" y="119"/>
                    <a:pt x="1" y="118"/>
                    <a:pt x="1" y="118"/>
                  </a:cubicBezTo>
                  <a:cubicBezTo>
                    <a:pt x="0" y="117"/>
                    <a:pt x="0" y="116"/>
                    <a:pt x="0" y="114"/>
                  </a:cubicBezTo>
                  <a:cubicBezTo>
                    <a:pt x="0" y="113"/>
                    <a:pt x="1" y="111"/>
                    <a:pt x="3" y="109"/>
                  </a:cubicBezTo>
                  <a:cubicBezTo>
                    <a:pt x="4" y="107"/>
                    <a:pt x="7" y="106"/>
                    <a:pt x="10" y="105"/>
                  </a:cubicBezTo>
                  <a:cubicBezTo>
                    <a:pt x="21" y="101"/>
                    <a:pt x="38" y="100"/>
                    <a:pt x="58" y="100"/>
                  </a:cubicBezTo>
                  <a:cubicBezTo>
                    <a:pt x="99" y="101"/>
                    <a:pt x="156" y="101"/>
                    <a:pt x="219" y="102"/>
                  </a:cubicBezTo>
                  <a:cubicBezTo>
                    <a:pt x="250" y="103"/>
                    <a:pt x="280" y="103"/>
                    <a:pt x="307" y="101"/>
                  </a:cubicBezTo>
                  <a:cubicBezTo>
                    <a:pt x="313" y="101"/>
                    <a:pt x="320" y="100"/>
                    <a:pt x="326" y="99"/>
                  </a:cubicBezTo>
                  <a:cubicBezTo>
                    <a:pt x="332" y="98"/>
                    <a:pt x="339" y="96"/>
                    <a:pt x="343" y="93"/>
                  </a:cubicBezTo>
                  <a:cubicBezTo>
                    <a:pt x="344" y="92"/>
                    <a:pt x="345" y="91"/>
                    <a:pt x="345" y="90"/>
                  </a:cubicBezTo>
                  <a:cubicBezTo>
                    <a:pt x="345" y="90"/>
                    <a:pt x="346" y="89"/>
                    <a:pt x="346" y="88"/>
                  </a:cubicBezTo>
                  <a:cubicBezTo>
                    <a:pt x="346" y="86"/>
                    <a:pt x="346" y="86"/>
                    <a:pt x="346" y="86"/>
                  </a:cubicBezTo>
                  <a:cubicBezTo>
                    <a:pt x="347" y="85"/>
                    <a:pt x="347" y="84"/>
                    <a:pt x="347" y="82"/>
                  </a:cubicBezTo>
                  <a:cubicBezTo>
                    <a:pt x="347" y="81"/>
                    <a:pt x="347" y="80"/>
                    <a:pt x="347" y="78"/>
                  </a:cubicBezTo>
                  <a:cubicBezTo>
                    <a:pt x="347" y="73"/>
                    <a:pt x="346" y="68"/>
                    <a:pt x="344" y="63"/>
                  </a:cubicBezTo>
                  <a:cubicBezTo>
                    <a:pt x="342" y="53"/>
                    <a:pt x="339" y="44"/>
                    <a:pt x="336" y="36"/>
                  </a:cubicBezTo>
                  <a:cubicBezTo>
                    <a:pt x="334" y="29"/>
                    <a:pt x="331" y="22"/>
                    <a:pt x="329" y="17"/>
                  </a:cubicBezTo>
                  <a:cubicBezTo>
                    <a:pt x="327" y="11"/>
                    <a:pt x="326" y="7"/>
                    <a:pt x="325" y="4"/>
                  </a:cubicBezTo>
                  <a:cubicBezTo>
                    <a:pt x="324" y="1"/>
                    <a:pt x="324" y="0"/>
                    <a:pt x="324"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79" name="işľiḓè">
              <a:extLst>
                <a:ext uri="{FF2B5EF4-FFF2-40B4-BE49-F238E27FC236}">
                  <a16:creationId xmlns:a16="http://schemas.microsoft.com/office/drawing/2014/main" xmlns="" id="{77D3000A-1142-4707-9E09-514DA8F97D3E}"/>
                </a:ext>
              </a:extLst>
            </p:cNvPr>
            <p:cNvSpPr/>
            <p:nvPr/>
          </p:nvSpPr>
          <p:spPr bwMode="auto">
            <a:xfrm>
              <a:off x="4694296" y="3700489"/>
              <a:ext cx="1419042" cy="211716"/>
            </a:xfrm>
            <a:custGeom>
              <a:avLst/>
              <a:gdLst>
                <a:gd name="T0" fmla="*/ 656 w 657"/>
                <a:gd name="T1" fmla="*/ 16 h 98"/>
                <a:gd name="T2" fmla="*/ 655 w 657"/>
                <a:gd name="T3" fmla="*/ 9 h 98"/>
                <a:gd name="T4" fmla="*/ 649 w 657"/>
                <a:gd name="T5" fmla="*/ 3 h 98"/>
                <a:gd name="T6" fmla="*/ 638 w 657"/>
                <a:gd name="T7" fmla="*/ 4 h 98"/>
                <a:gd name="T8" fmla="*/ 609 w 657"/>
                <a:gd name="T9" fmla="*/ 16 h 98"/>
                <a:gd name="T10" fmla="*/ 571 w 657"/>
                <a:gd name="T11" fmla="*/ 36 h 98"/>
                <a:gd name="T12" fmla="*/ 549 w 657"/>
                <a:gd name="T13" fmla="*/ 49 h 98"/>
                <a:gd name="T14" fmla="*/ 538 w 657"/>
                <a:gd name="T15" fmla="*/ 56 h 98"/>
                <a:gd name="T16" fmla="*/ 531 w 657"/>
                <a:gd name="T17" fmla="*/ 58 h 98"/>
                <a:gd name="T18" fmla="*/ 523 w 657"/>
                <a:gd name="T19" fmla="*/ 60 h 98"/>
                <a:gd name="T20" fmla="*/ 464 w 657"/>
                <a:gd name="T21" fmla="*/ 61 h 98"/>
                <a:gd name="T22" fmla="*/ 327 w 657"/>
                <a:gd name="T23" fmla="*/ 62 h 98"/>
                <a:gd name="T24" fmla="*/ 190 w 657"/>
                <a:gd name="T25" fmla="*/ 61 h 98"/>
                <a:gd name="T26" fmla="*/ 130 w 657"/>
                <a:gd name="T27" fmla="*/ 61 h 98"/>
                <a:gd name="T28" fmla="*/ 104 w 657"/>
                <a:gd name="T29" fmla="*/ 62 h 98"/>
                <a:gd name="T30" fmla="*/ 78 w 657"/>
                <a:gd name="T31" fmla="*/ 63 h 98"/>
                <a:gd name="T32" fmla="*/ 36 w 657"/>
                <a:gd name="T33" fmla="*/ 64 h 98"/>
                <a:gd name="T34" fmla="*/ 19 w 657"/>
                <a:gd name="T35" fmla="*/ 67 h 98"/>
                <a:gd name="T36" fmla="*/ 6 w 657"/>
                <a:gd name="T37" fmla="*/ 73 h 98"/>
                <a:gd name="T38" fmla="*/ 3 w 657"/>
                <a:gd name="T39" fmla="*/ 83 h 98"/>
                <a:gd name="T40" fmla="*/ 5 w 657"/>
                <a:gd name="T41" fmla="*/ 91 h 98"/>
                <a:gd name="T42" fmla="*/ 8 w 657"/>
                <a:gd name="T43" fmla="*/ 98 h 98"/>
                <a:gd name="T44" fmla="*/ 7 w 657"/>
                <a:gd name="T45" fmla="*/ 97 h 98"/>
                <a:gd name="T46" fmla="*/ 4 w 657"/>
                <a:gd name="T47" fmla="*/ 92 h 98"/>
                <a:gd name="T48" fmla="*/ 1 w 657"/>
                <a:gd name="T49" fmla="*/ 84 h 98"/>
                <a:gd name="T50" fmla="*/ 4 w 657"/>
                <a:gd name="T51" fmla="*/ 72 h 98"/>
                <a:gd name="T52" fmla="*/ 18 w 657"/>
                <a:gd name="T53" fmla="*/ 64 h 98"/>
                <a:gd name="T54" fmla="*/ 35 w 657"/>
                <a:gd name="T55" fmla="*/ 61 h 98"/>
                <a:gd name="T56" fmla="*/ 78 w 657"/>
                <a:gd name="T57" fmla="*/ 59 h 98"/>
                <a:gd name="T58" fmla="*/ 103 w 657"/>
                <a:gd name="T59" fmla="*/ 58 h 98"/>
                <a:gd name="T60" fmla="*/ 130 w 657"/>
                <a:gd name="T61" fmla="*/ 56 h 98"/>
                <a:gd name="T62" fmla="*/ 190 w 657"/>
                <a:gd name="T63" fmla="*/ 55 h 98"/>
                <a:gd name="T64" fmla="*/ 256 w 657"/>
                <a:gd name="T65" fmla="*/ 55 h 98"/>
                <a:gd name="T66" fmla="*/ 327 w 657"/>
                <a:gd name="T67" fmla="*/ 56 h 98"/>
                <a:gd name="T68" fmla="*/ 464 w 657"/>
                <a:gd name="T69" fmla="*/ 56 h 98"/>
                <a:gd name="T70" fmla="*/ 523 w 657"/>
                <a:gd name="T71" fmla="*/ 55 h 98"/>
                <a:gd name="T72" fmla="*/ 536 w 657"/>
                <a:gd name="T73" fmla="*/ 51 h 98"/>
                <a:gd name="T74" fmla="*/ 547 w 657"/>
                <a:gd name="T75" fmla="*/ 45 h 98"/>
                <a:gd name="T76" fmla="*/ 569 w 657"/>
                <a:gd name="T77" fmla="*/ 33 h 98"/>
                <a:gd name="T78" fmla="*/ 589 w 657"/>
                <a:gd name="T79" fmla="*/ 22 h 98"/>
                <a:gd name="T80" fmla="*/ 607 w 657"/>
                <a:gd name="T81" fmla="*/ 13 h 98"/>
                <a:gd name="T82" fmla="*/ 638 w 657"/>
                <a:gd name="T83" fmla="*/ 2 h 98"/>
                <a:gd name="T84" fmla="*/ 650 w 657"/>
                <a:gd name="T85" fmla="*/ 2 h 98"/>
                <a:gd name="T86" fmla="*/ 656 w 657"/>
                <a:gd name="T87" fmla="*/ 8 h 98"/>
                <a:gd name="T88" fmla="*/ 657 w 657"/>
                <a:gd name="T89" fmla="*/ 14 h 98"/>
                <a:gd name="T90" fmla="*/ 656 w 657"/>
                <a:gd name="T91" fmla="*/ 1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657" h="98">
                  <a:moveTo>
                    <a:pt x="656" y="16"/>
                  </a:moveTo>
                  <a:cubicBezTo>
                    <a:pt x="656" y="16"/>
                    <a:pt x="656" y="13"/>
                    <a:pt x="655" y="9"/>
                  </a:cubicBezTo>
                  <a:cubicBezTo>
                    <a:pt x="654" y="7"/>
                    <a:pt x="652" y="4"/>
                    <a:pt x="649" y="3"/>
                  </a:cubicBezTo>
                  <a:cubicBezTo>
                    <a:pt x="646" y="2"/>
                    <a:pt x="642" y="3"/>
                    <a:pt x="638" y="4"/>
                  </a:cubicBezTo>
                  <a:cubicBezTo>
                    <a:pt x="630" y="6"/>
                    <a:pt x="620" y="11"/>
                    <a:pt x="609" y="16"/>
                  </a:cubicBezTo>
                  <a:cubicBezTo>
                    <a:pt x="597" y="22"/>
                    <a:pt x="585" y="29"/>
                    <a:pt x="571" y="36"/>
                  </a:cubicBezTo>
                  <a:cubicBezTo>
                    <a:pt x="564" y="40"/>
                    <a:pt x="557" y="44"/>
                    <a:pt x="549" y="49"/>
                  </a:cubicBezTo>
                  <a:cubicBezTo>
                    <a:pt x="546" y="51"/>
                    <a:pt x="542" y="54"/>
                    <a:pt x="538" y="56"/>
                  </a:cubicBezTo>
                  <a:cubicBezTo>
                    <a:pt x="536" y="57"/>
                    <a:pt x="533" y="58"/>
                    <a:pt x="531" y="58"/>
                  </a:cubicBezTo>
                  <a:cubicBezTo>
                    <a:pt x="529" y="59"/>
                    <a:pt x="526" y="60"/>
                    <a:pt x="523" y="60"/>
                  </a:cubicBezTo>
                  <a:cubicBezTo>
                    <a:pt x="505" y="60"/>
                    <a:pt x="485" y="61"/>
                    <a:pt x="464" y="61"/>
                  </a:cubicBezTo>
                  <a:cubicBezTo>
                    <a:pt x="422" y="62"/>
                    <a:pt x="375" y="62"/>
                    <a:pt x="327" y="62"/>
                  </a:cubicBezTo>
                  <a:cubicBezTo>
                    <a:pt x="278" y="61"/>
                    <a:pt x="232" y="61"/>
                    <a:pt x="190" y="61"/>
                  </a:cubicBezTo>
                  <a:cubicBezTo>
                    <a:pt x="169" y="60"/>
                    <a:pt x="149" y="60"/>
                    <a:pt x="130" y="61"/>
                  </a:cubicBezTo>
                  <a:cubicBezTo>
                    <a:pt x="121" y="61"/>
                    <a:pt x="112" y="62"/>
                    <a:pt x="104" y="62"/>
                  </a:cubicBezTo>
                  <a:cubicBezTo>
                    <a:pt x="95" y="63"/>
                    <a:pt x="86" y="63"/>
                    <a:pt x="78" y="63"/>
                  </a:cubicBezTo>
                  <a:cubicBezTo>
                    <a:pt x="63" y="63"/>
                    <a:pt x="48" y="63"/>
                    <a:pt x="36" y="64"/>
                  </a:cubicBezTo>
                  <a:cubicBezTo>
                    <a:pt x="29" y="65"/>
                    <a:pt x="24" y="66"/>
                    <a:pt x="19" y="67"/>
                  </a:cubicBezTo>
                  <a:cubicBezTo>
                    <a:pt x="14" y="68"/>
                    <a:pt x="9" y="70"/>
                    <a:pt x="6" y="73"/>
                  </a:cubicBezTo>
                  <a:cubicBezTo>
                    <a:pt x="3" y="76"/>
                    <a:pt x="3" y="80"/>
                    <a:pt x="3" y="83"/>
                  </a:cubicBezTo>
                  <a:cubicBezTo>
                    <a:pt x="3" y="87"/>
                    <a:pt x="4" y="89"/>
                    <a:pt x="5" y="91"/>
                  </a:cubicBezTo>
                  <a:cubicBezTo>
                    <a:pt x="7" y="96"/>
                    <a:pt x="8" y="98"/>
                    <a:pt x="8" y="98"/>
                  </a:cubicBezTo>
                  <a:cubicBezTo>
                    <a:pt x="8" y="98"/>
                    <a:pt x="8" y="98"/>
                    <a:pt x="7" y="97"/>
                  </a:cubicBezTo>
                  <a:cubicBezTo>
                    <a:pt x="6" y="96"/>
                    <a:pt x="5" y="94"/>
                    <a:pt x="4" y="92"/>
                  </a:cubicBezTo>
                  <a:cubicBezTo>
                    <a:pt x="3" y="90"/>
                    <a:pt x="2" y="87"/>
                    <a:pt x="1" y="84"/>
                  </a:cubicBezTo>
                  <a:cubicBezTo>
                    <a:pt x="0" y="80"/>
                    <a:pt x="1" y="75"/>
                    <a:pt x="4" y="72"/>
                  </a:cubicBezTo>
                  <a:cubicBezTo>
                    <a:pt x="8" y="68"/>
                    <a:pt x="13" y="66"/>
                    <a:pt x="18" y="64"/>
                  </a:cubicBezTo>
                  <a:cubicBezTo>
                    <a:pt x="23" y="63"/>
                    <a:pt x="29" y="62"/>
                    <a:pt x="35" y="61"/>
                  </a:cubicBezTo>
                  <a:cubicBezTo>
                    <a:pt x="48" y="59"/>
                    <a:pt x="62" y="59"/>
                    <a:pt x="78" y="59"/>
                  </a:cubicBezTo>
                  <a:cubicBezTo>
                    <a:pt x="86" y="59"/>
                    <a:pt x="95" y="58"/>
                    <a:pt x="103" y="58"/>
                  </a:cubicBezTo>
                  <a:cubicBezTo>
                    <a:pt x="112" y="57"/>
                    <a:pt x="121" y="57"/>
                    <a:pt x="130" y="56"/>
                  </a:cubicBezTo>
                  <a:cubicBezTo>
                    <a:pt x="149" y="55"/>
                    <a:pt x="169" y="55"/>
                    <a:pt x="190" y="55"/>
                  </a:cubicBezTo>
                  <a:cubicBezTo>
                    <a:pt x="211" y="55"/>
                    <a:pt x="233" y="55"/>
                    <a:pt x="256" y="55"/>
                  </a:cubicBezTo>
                  <a:cubicBezTo>
                    <a:pt x="279" y="55"/>
                    <a:pt x="303" y="55"/>
                    <a:pt x="327" y="56"/>
                  </a:cubicBezTo>
                  <a:cubicBezTo>
                    <a:pt x="375" y="56"/>
                    <a:pt x="422" y="56"/>
                    <a:pt x="464" y="56"/>
                  </a:cubicBezTo>
                  <a:cubicBezTo>
                    <a:pt x="485" y="56"/>
                    <a:pt x="505" y="55"/>
                    <a:pt x="523" y="55"/>
                  </a:cubicBezTo>
                  <a:cubicBezTo>
                    <a:pt x="528" y="55"/>
                    <a:pt x="532" y="53"/>
                    <a:pt x="536" y="51"/>
                  </a:cubicBezTo>
                  <a:cubicBezTo>
                    <a:pt x="539" y="50"/>
                    <a:pt x="543" y="47"/>
                    <a:pt x="547" y="45"/>
                  </a:cubicBezTo>
                  <a:cubicBezTo>
                    <a:pt x="554" y="41"/>
                    <a:pt x="562" y="36"/>
                    <a:pt x="569" y="33"/>
                  </a:cubicBezTo>
                  <a:cubicBezTo>
                    <a:pt x="576" y="29"/>
                    <a:pt x="583" y="26"/>
                    <a:pt x="589" y="22"/>
                  </a:cubicBezTo>
                  <a:cubicBezTo>
                    <a:pt x="595" y="19"/>
                    <a:pt x="601" y="16"/>
                    <a:pt x="607" y="13"/>
                  </a:cubicBezTo>
                  <a:cubicBezTo>
                    <a:pt x="619" y="8"/>
                    <a:pt x="629" y="4"/>
                    <a:pt x="638" y="2"/>
                  </a:cubicBezTo>
                  <a:cubicBezTo>
                    <a:pt x="642" y="1"/>
                    <a:pt x="646" y="0"/>
                    <a:pt x="650" y="2"/>
                  </a:cubicBezTo>
                  <a:cubicBezTo>
                    <a:pt x="653" y="3"/>
                    <a:pt x="655" y="6"/>
                    <a:pt x="656" y="8"/>
                  </a:cubicBezTo>
                  <a:cubicBezTo>
                    <a:pt x="657" y="11"/>
                    <a:pt x="657" y="13"/>
                    <a:pt x="657" y="14"/>
                  </a:cubicBezTo>
                  <a:cubicBezTo>
                    <a:pt x="657" y="15"/>
                    <a:pt x="656" y="16"/>
                    <a:pt x="656" y="1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80" name="ïšļídè">
              <a:extLst>
                <a:ext uri="{FF2B5EF4-FFF2-40B4-BE49-F238E27FC236}">
                  <a16:creationId xmlns:a16="http://schemas.microsoft.com/office/drawing/2014/main" xmlns="" id="{6A975005-D1A6-4052-A967-C91285F6111C}"/>
                </a:ext>
              </a:extLst>
            </p:cNvPr>
            <p:cNvSpPr/>
            <p:nvPr/>
          </p:nvSpPr>
          <p:spPr bwMode="auto">
            <a:xfrm>
              <a:off x="5819492" y="4639520"/>
              <a:ext cx="527464" cy="32852"/>
            </a:xfrm>
            <a:custGeom>
              <a:avLst/>
              <a:gdLst>
                <a:gd name="T0" fmla="*/ 244 w 244"/>
                <a:gd name="T1" fmla="*/ 14 h 15"/>
                <a:gd name="T2" fmla="*/ 208 w 244"/>
                <a:gd name="T3" fmla="*/ 13 h 15"/>
                <a:gd name="T4" fmla="*/ 122 w 244"/>
                <a:gd name="T5" fmla="*/ 10 h 15"/>
                <a:gd name="T6" fmla="*/ 35 w 244"/>
                <a:gd name="T7" fmla="*/ 7 h 15"/>
                <a:gd name="T8" fmla="*/ 0 w 244"/>
                <a:gd name="T9" fmla="*/ 2 h 15"/>
                <a:gd name="T10" fmla="*/ 36 w 244"/>
                <a:gd name="T11" fmla="*/ 1 h 15"/>
                <a:gd name="T12" fmla="*/ 122 w 244"/>
                <a:gd name="T13" fmla="*/ 2 h 15"/>
                <a:gd name="T14" fmla="*/ 208 w 244"/>
                <a:gd name="T15" fmla="*/ 7 h 15"/>
                <a:gd name="T16" fmla="*/ 244 w 244"/>
                <a:gd name="T17" fmla="*/ 14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44" h="15">
                  <a:moveTo>
                    <a:pt x="244" y="14"/>
                  </a:moveTo>
                  <a:cubicBezTo>
                    <a:pt x="244" y="15"/>
                    <a:pt x="230" y="14"/>
                    <a:pt x="208" y="13"/>
                  </a:cubicBezTo>
                  <a:cubicBezTo>
                    <a:pt x="186" y="12"/>
                    <a:pt x="155" y="11"/>
                    <a:pt x="122" y="10"/>
                  </a:cubicBezTo>
                  <a:cubicBezTo>
                    <a:pt x="88" y="10"/>
                    <a:pt x="57" y="9"/>
                    <a:pt x="35" y="7"/>
                  </a:cubicBezTo>
                  <a:cubicBezTo>
                    <a:pt x="13" y="5"/>
                    <a:pt x="0" y="3"/>
                    <a:pt x="0" y="2"/>
                  </a:cubicBezTo>
                  <a:cubicBezTo>
                    <a:pt x="0" y="0"/>
                    <a:pt x="13" y="1"/>
                    <a:pt x="36" y="1"/>
                  </a:cubicBezTo>
                  <a:cubicBezTo>
                    <a:pt x="58" y="1"/>
                    <a:pt x="88" y="1"/>
                    <a:pt x="122" y="2"/>
                  </a:cubicBezTo>
                  <a:cubicBezTo>
                    <a:pt x="156" y="3"/>
                    <a:pt x="186" y="4"/>
                    <a:pt x="208" y="7"/>
                  </a:cubicBezTo>
                  <a:cubicBezTo>
                    <a:pt x="230" y="10"/>
                    <a:pt x="244" y="13"/>
                    <a:pt x="244" y="1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81" name="íšľîḍé">
              <a:extLst>
                <a:ext uri="{FF2B5EF4-FFF2-40B4-BE49-F238E27FC236}">
                  <a16:creationId xmlns:a16="http://schemas.microsoft.com/office/drawing/2014/main" xmlns="" id="{4DB567BC-249F-4EAE-9134-B69112FAF039}"/>
                </a:ext>
              </a:extLst>
            </p:cNvPr>
            <p:cNvSpPr/>
            <p:nvPr/>
          </p:nvSpPr>
          <p:spPr bwMode="auto">
            <a:xfrm>
              <a:off x="5808541" y="4687887"/>
              <a:ext cx="289284" cy="25552"/>
            </a:xfrm>
            <a:custGeom>
              <a:avLst/>
              <a:gdLst>
                <a:gd name="T0" fmla="*/ 134 w 134"/>
                <a:gd name="T1" fmla="*/ 8 h 12"/>
                <a:gd name="T2" fmla="*/ 67 w 134"/>
                <a:gd name="T3" fmla="*/ 10 h 12"/>
                <a:gd name="T4" fmla="*/ 20 w 134"/>
                <a:gd name="T5" fmla="*/ 6 h 12"/>
                <a:gd name="T6" fmla="*/ 1 w 134"/>
                <a:gd name="T7" fmla="*/ 1 h 12"/>
                <a:gd name="T8" fmla="*/ 20 w 134"/>
                <a:gd name="T9" fmla="*/ 0 h 12"/>
                <a:gd name="T10" fmla="*/ 67 w 134"/>
                <a:gd name="T11" fmla="*/ 2 h 12"/>
                <a:gd name="T12" fmla="*/ 134 w 134"/>
                <a:gd name="T13" fmla="*/ 8 h 12"/>
              </a:gdLst>
              <a:ahLst/>
              <a:cxnLst>
                <a:cxn ang="0">
                  <a:pos x="T0" y="T1"/>
                </a:cxn>
                <a:cxn ang="0">
                  <a:pos x="T2" y="T3"/>
                </a:cxn>
                <a:cxn ang="0">
                  <a:pos x="T4" y="T5"/>
                </a:cxn>
                <a:cxn ang="0">
                  <a:pos x="T6" y="T7"/>
                </a:cxn>
                <a:cxn ang="0">
                  <a:pos x="T8" y="T9"/>
                </a:cxn>
                <a:cxn ang="0">
                  <a:pos x="T10" y="T11"/>
                </a:cxn>
                <a:cxn ang="0">
                  <a:pos x="T12" y="T13"/>
                </a:cxn>
              </a:cxnLst>
              <a:rect l="0" t="0" r="r" b="b"/>
              <a:pathLst>
                <a:path w="134" h="12">
                  <a:moveTo>
                    <a:pt x="134" y="8"/>
                  </a:moveTo>
                  <a:cubicBezTo>
                    <a:pt x="134" y="10"/>
                    <a:pt x="104" y="12"/>
                    <a:pt x="67" y="10"/>
                  </a:cubicBezTo>
                  <a:cubicBezTo>
                    <a:pt x="49" y="9"/>
                    <a:pt x="32" y="8"/>
                    <a:pt x="20" y="6"/>
                  </a:cubicBezTo>
                  <a:cubicBezTo>
                    <a:pt x="8" y="4"/>
                    <a:pt x="0" y="2"/>
                    <a:pt x="1" y="1"/>
                  </a:cubicBezTo>
                  <a:cubicBezTo>
                    <a:pt x="1" y="0"/>
                    <a:pt x="8" y="0"/>
                    <a:pt x="20" y="0"/>
                  </a:cubicBezTo>
                  <a:cubicBezTo>
                    <a:pt x="32" y="0"/>
                    <a:pt x="49" y="1"/>
                    <a:pt x="67" y="2"/>
                  </a:cubicBezTo>
                  <a:cubicBezTo>
                    <a:pt x="104" y="3"/>
                    <a:pt x="134" y="5"/>
                    <a:pt x="134" y="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82" name="îš1ïḑé">
              <a:extLst>
                <a:ext uri="{FF2B5EF4-FFF2-40B4-BE49-F238E27FC236}">
                  <a16:creationId xmlns:a16="http://schemas.microsoft.com/office/drawing/2014/main" xmlns="" id="{D901EE89-7CC4-40F2-89D5-467B56498F30}"/>
                </a:ext>
              </a:extLst>
            </p:cNvPr>
            <p:cNvSpPr/>
            <p:nvPr/>
          </p:nvSpPr>
          <p:spPr bwMode="auto">
            <a:xfrm>
              <a:off x="5821317" y="4564690"/>
              <a:ext cx="146923" cy="30115"/>
            </a:xfrm>
            <a:custGeom>
              <a:avLst/>
              <a:gdLst>
                <a:gd name="T0" fmla="*/ 68 w 68"/>
                <a:gd name="T1" fmla="*/ 3 h 14"/>
                <a:gd name="T2" fmla="*/ 35 w 68"/>
                <a:gd name="T3" fmla="*/ 12 h 14"/>
                <a:gd name="T4" fmla="*/ 0 w 68"/>
                <a:gd name="T5" fmla="*/ 12 h 14"/>
                <a:gd name="T6" fmla="*/ 33 w 68"/>
                <a:gd name="T7" fmla="*/ 3 h 14"/>
                <a:gd name="T8" fmla="*/ 68 w 68"/>
                <a:gd name="T9" fmla="*/ 3 h 14"/>
              </a:gdLst>
              <a:ahLst/>
              <a:cxnLst>
                <a:cxn ang="0">
                  <a:pos x="T0" y="T1"/>
                </a:cxn>
                <a:cxn ang="0">
                  <a:pos x="T2" y="T3"/>
                </a:cxn>
                <a:cxn ang="0">
                  <a:pos x="T4" y="T5"/>
                </a:cxn>
                <a:cxn ang="0">
                  <a:pos x="T6" y="T7"/>
                </a:cxn>
                <a:cxn ang="0">
                  <a:pos x="T8" y="T9"/>
                </a:cxn>
              </a:cxnLst>
              <a:rect l="0" t="0" r="r" b="b"/>
              <a:pathLst>
                <a:path w="68" h="14">
                  <a:moveTo>
                    <a:pt x="68" y="3"/>
                  </a:moveTo>
                  <a:cubicBezTo>
                    <a:pt x="68" y="5"/>
                    <a:pt x="53" y="9"/>
                    <a:pt x="35" y="12"/>
                  </a:cubicBezTo>
                  <a:cubicBezTo>
                    <a:pt x="16" y="14"/>
                    <a:pt x="1" y="14"/>
                    <a:pt x="0" y="12"/>
                  </a:cubicBezTo>
                  <a:cubicBezTo>
                    <a:pt x="0" y="10"/>
                    <a:pt x="15" y="6"/>
                    <a:pt x="33" y="3"/>
                  </a:cubicBezTo>
                  <a:cubicBezTo>
                    <a:pt x="52" y="1"/>
                    <a:pt x="67" y="0"/>
                    <a:pt x="68" y="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83" name="ïṥļiḋè">
              <a:extLst>
                <a:ext uri="{FF2B5EF4-FFF2-40B4-BE49-F238E27FC236}">
                  <a16:creationId xmlns:a16="http://schemas.microsoft.com/office/drawing/2014/main" xmlns="" id="{5C955B1E-54B0-4937-80FD-6FFF4177B7EF}"/>
                </a:ext>
              </a:extLst>
            </p:cNvPr>
            <p:cNvSpPr/>
            <p:nvPr/>
          </p:nvSpPr>
          <p:spPr bwMode="auto">
            <a:xfrm>
              <a:off x="5819492" y="4728040"/>
              <a:ext cx="105858" cy="39240"/>
            </a:xfrm>
            <a:custGeom>
              <a:avLst/>
              <a:gdLst>
                <a:gd name="T0" fmla="*/ 49 w 49"/>
                <a:gd name="T1" fmla="*/ 15 h 18"/>
                <a:gd name="T2" fmla="*/ 24 w 49"/>
                <a:gd name="T3" fmla="*/ 14 h 18"/>
                <a:gd name="T4" fmla="*/ 1 w 49"/>
                <a:gd name="T5" fmla="*/ 2 h 18"/>
                <a:gd name="T6" fmla="*/ 26 w 49"/>
                <a:gd name="T7" fmla="*/ 6 h 18"/>
                <a:gd name="T8" fmla="*/ 49 w 49"/>
                <a:gd name="T9" fmla="*/ 15 h 18"/>
              </a:gdLst>
              <a:ahLst/>
              <a:cxnLst>
                <a:cxn ang="0">
                  <a:pos x="T0" y="T1"/>
                </a:cxn>
                <a:cxn ang="0">
                  <a:pos x="T2" y="T3"/>
                </a:cxn>
                <a:cxn ang="0">
                  <a:pos x="T4" y="T5"/>
                </a:cxn>
                <a:cxn ang="0">
                  <a:pos x="T6" y="T7"/>
                </a:cxn>
                <a:cxn ang="0">
                  <a:pos x="T8" y="T9"/>
                </a:cxn>
              </a:cxnLst>
              <a:rect l="0" t="0" r="r" b="b"/>
              <a:pathLst>
                <a:path w="49" h="18">
                  <a:moveTo>
                    <a:pt x="49" y="15"/>
                  </a:moveTo>
                  <a:cubicBezTo>
                    <a:pt x="49" y="18"/>
                    <a:pt x="37" y="18"/>
                    <a:pt x="24" y="14"/>
                  </a:cubicBezTo>
                  <a:cubicBezTo>
                    <a:pt x="10" y="10"/>
                    <a:pt x="0" y="4"/>
                    <a:pt x="1" y="2"/>
                  </a:cubicBezTo>
                  <a:cubicBezTo>
                    <a:pt x="2" y="0"/>
                    <a:pt x="13" y="2"/>
                    <a:pt x="26" y="6"/>
                  </a:cubicBezTo>
                  <a:cubicBezTo>
                    <a:pt x="39" y="9"/>
                    <a:pt x="49" y="13"/>
                    <a:pt x="49" y="1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grpSp>
      <p:grpSp>
        <p:nvGrpSpPr>
          <p:cNvPr id="385" name="b932d1e4-2c34-4e89-9bb9-83e2a175bc6d" descr="本素材由iSlide™ 提供&#10;iSlide™尊重知识产权并注重保护用户享有的各项权利。郑重提醒您：&#10;iSlide™插件中提供的任何信息内容的所有权、知识产权归其原始权利人或权利受让人所有，您免费/购买获得的是信息内容的使用权，并受下述条款的约束；&#10;1. 您仅可以个人非商业用途使用该等信息内容，不可将信息内容的全部或部分用于出售，或以出租、出借、转让、分销、发布等其他任何方式供他人使用；&#10;2. 禁止在接入互联网或移动互联网的任何网站、平台、应用或程序上以任何方式为他人提供iSlide™插件资源内容的下载。&#10;The resource is supplied by iSlide™.&#10;iSlide™ respects all intellectual property rights and protects all the rights its users acquired.Solemnly remind you:&#10;The ownership and intellectual property of the resources supplied in iSlide Add-in belongs to its owner or the assignee of this ownership.you only acquired the usage of the resources supplied in iSlide Add-in, as well as respected the following restrain terms:&#10;1.You are only allowed to use such resource for personal and non-commercial aim, not allowed to use such resource or part of it for the sale; or rent, lend, transfer to others; or distribution or release it in any way.&#10;2.You are not permitted to provide the resource of iSlide Add-in in any website, platform, application access to the Internet or mobile Internet." title="iSlide™ 版权声明  COPYRIGHT NOTICE">
            <a:extLst>
              <a:ext uri="{FF2B5EF4-FFF2-40B4-BE49-F238E27FC236}">
                <a16:creationId xmlns:a16="http://schemas.microsoft.com/office/drawing/2014/main" xmlns="" id="{C91DCB2D-C2B6-469E-BF6B-A2193B7A209F}"/>
              </a:ext>
            </a:extLst>
          </p:cNvPr>
          <p:cNvGrpSpPr>
            <a:grpSpLocks noChangeAspect="1"/>
          </p:cNvGrpSpPr>
          <p:nvPr/>
        </p:nvGrpSpPr>
        <p:grpSpPr>
          <a:xfrm>
            <a:off x="3573456" y="3886600"/>
            <a:ext cx="2566317" cy="1976518"/>
            <a:chOff x="3038476" y="1058177"/>
            <a:chExt cx="6151563" cy="4737786"/>
          </a:xfrm>
        </p:grpSpPr>
        <p:sp>
          <p:nvSpPr>
            <p:cNvPr id="386" name="îş1iḍê">
              <a:extLst>
                <a:ext uri="{FF2B5EF4-FFF2-40B4-BE49-F238E27FC236}">
                  <a16:creationId xmlns:a16="http://schemas.microsoft.com/office/drawing/2014/main" xmlns="" id="{4903401D-87B3-4CD2-8D3E-034BEDD4D04C}"/>
                </a:ext>
              </a:extLst>
            </p:cNvPr>
            <p:cNvSpPr/>
            <p:nvPr/>
          </p:nvSpPr>
          <p:spPr bwMode="auto">
            <a:xfrm>
              <a:off x="3038476" y="5230813"/>
              <a:ext cx="6151563" cy="565150"/>
            </a:xfrm>
            <a:custGeom>
              <a:avLst/>
              <a:gdLst>
                <a:gd name="T0" fmla="*/ 1754 w 3786"/>
                <a:gd name="T1" fmla="*/ 0 h 348"/>
                <a:gd name="T2" fmla="*/ 1728 w 3786"/>
                <a:gd name="T3" fmla="*/ 0 h 348"/>
                <a:gd name="T4" fmla="*/ 1495 w 3786"/>
                <a:gd name="T5" fmla="*/ 6 h 348"/>
                <a:gd name="T6" fmla="*/ 1443 w 3786"/>
                <a:gd name="T7" fmla="*/ 182 h 348"/>
                <a:gd name="T8" fmla="*/ 1393 w 3786"/>
                <a:gd name="T9" fmla="*/ 164 h 348"/>
                <a:gd name="T10" fmla="*/ 1418 w 3786"/>
                <a:gd name="T11" fmla="*/ 11 h 348"/>
                <a:gd name="T12" fmla="*/ 1400 w 3786"/>
                <a:gd name="T13" fmla="*/ 13 h 348"/>
                <a:gd name="T14" fmla="*/ 1277 w 3786"/>
                <a:gd name="T15" fmla="*/ 29 h 348"/>
                <a:gd name="T16" fmla="*/ 1031 w 3786"/>
                <a:gd name="T17" fmla="*/ 55 h 348"/>
                <a:gd name="T18" fmla="*/ 831 w 3786"/>
                <a:gd name="T19" fmla="*/ 68 h 348"/>
                <a:gd name="T20" fmla="*/ 755 w 3786"/>
                <a:gd name="T21" fmla="*/ 72 h 348"/>
                <a:gd name="T22" fmla="*/ 638 w 3786"/>
                <a:gd name="T23" fmla="*/ 63 h 348"/>
                <a:gd name="T24" fmla="*/ 501 w 3786"/>
                <a:gd name="T25" fmla="*/ 41 h 348"/>
                <a:gd name="T26" fmla="*/ 347 w 3786"/>
                <a:gd name="T27" fmla="*/ 20 h 348"/>
                <a:gd name="T28" fmla="*/ 344 w 3786"/>
                <a:gd name="T29" fmla="*/ 20 h 348"/>
                <a:gd name="T30" fmla="*/ 125 w 3786"/>
                <a:gd name="T31" fmla="*/ 43 h 348"/>
                <a:gd name="T32" fmla="*/ 50 w 3786"/>
                <a:gd name="T33" fmla="*/ 79 h 348"/>
                <a:gd name="T34" fmla="*/ 44 w 3786"/>
                <a:gd name="T35" fmla="*/ 248 h 348"/>
                <a:gd name="T36" fmla="*/ 377 w 3786"/>
                <a:gd name="T37" fmla="*/ 339 h 348"/>
                <a:gd name="T38" fmla="*/ 405 w 3786"/>
                <a:gd name="T39" fmla="*/ 339 h 348"/>
                <a:gd name="T40" fmla="*/ 712 w 3786"/>
                <a:gd name="T41" fmla="*/ 329 h 348"/>
                <a:gd name="T42" fmla="*/ 1021 w 3786"/>
                <a:gd name="T43" fmla="*/ 320 h 348"/>
                <a:gd name="T44" fmla="*/ 1027 w 3786"/>
                <a:gd name="T45" fmla="*/ 320 h 348"/>
                <a:gd name="T46" fmla="*/ 1111 w 3786"/>
                <a:gd name="T47" fmla="*/ 320 h 348"/>
                <a:gd name="T48" fmla="*/ 1671 w 3786"/>
                <a:gd name="T49" fmla="*/ 308 h 348"/>
                <a:gd name="T50" fmla="*/ 2029 w 3786"/>
                <a:gd name="T51" fmla="*/ 299 h 348"/>
                <a:gd name="T52" fmla="*/ 2276 w 3786"/>
                <a:gd name="T53" fmla="*/ 300 h 348"/>
                <a:gd name="T54" fmla="*/ 2894 w 3786"/>
                <a:gd name="T55" fmla="*/ 325 h 348"/>
                <a:gd name="T56" fmla="*/ 3164 w 3786"/>
                <a:gd name="T57" fmla="*/ 346 h 348"/>
                <a:gd name="T58" fmla="*/ 3234 w 3786"/>
                <a:gd name="T59" fmla="*/ 348 h 348"/>
                <a:gd name="T60" fmla="*/ 3402 w 3786"/>
                <a:gd name="T61" fmla="*/ 340 h 348"/>
                <a:gd name="T62" fmla="*/ 3598 w 3786"/>
                <a:gd name="T63" fmla="*/ 295 h 348"/>
                <a:gd name="T64" fmla="*/ 3748 w 3786"/>
                <a:gd name="T65" fmla="*/ 168 h 348"/>
                <a:gd name="T66" fmla="*/ 3093 w 3786"/>
                <a:gd name="T67" fmla="*/ 40 h 348"/>
                <a:gd name="T68" fmla="*/ 3064 w 3786"/>
                <a:gd name="T69" fmla="*/ 40 h 348"/>
                <a:gd name="T70" fmla="*/ 2856 w 3786"/>
                <a:gd name="T71" fmla="*/ 41 h 348"/>
                <a:gd name="T72" fmla="*/ 2739 w 3786"/>
                <a:gd name="T73" fmla="*/ 40 h 348"/>
                <a:gd name="T74" fmla="*/ 2605 w 3786"/>
                <a:gd name="T75" fmla="*/ 22 h 348"/>
                <a:gd name="T76" fmla="*/ 2472 w 3786"/>
                <a:gd name="T77" fmla="*/ 13 h 348"/>
                <a:gd name="T78" fmla="*/ 2038 w 3786"/>
                <a:gd name="T79" fmla="*/ 0 h 348"/>
                <a:gd name="T80" fmla="*/ 1911 w 3786"/>
                <a:gd name="T81" fmla="*/ 1 h 348"/>
                <a:gd name="T82" fmla="*/ 1754 w 3786"/>
                <a:gd name="T83" fmla="*/ 0 h 3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3786" h="348">
                  <a:moveTo>
                    <a:pt x="1754" y="0"/>
                  </a:moveTo>
                  <a:cubicBezTo>
                    <a:pt x="1745" y="0"/>
                    <a:pt x="1736" y="0"/>
                    <a:pt x="1728" y="0"/>
                  </a:cubicBezTo>
                  <a:cubicBezTo>
                    <a:pt x="1650" y="0"/>
                    <a:pt x="1572" y="2"/>
                    <a:pt x="1495" y="6"/>
                  </a:cubicBezTo>
                  <a:cubicBezTo>
                    <a:pt x="1443" y="182"/>
                    <a:pt x="1443" y="182"/>
                    <a:pt x="1443" y="182"/>
                  </a:cubicBezTo>
                  <a:cubicBezTo>
                    <a:pt x="1393" y="164"/>
                    <a:pt x="1393" y="164"/>
                    <a:pt x="1393" y="164"/>
                  </a:cubicBezTo>
                  <a:cubicBezTo>
                    <a:pt x="1418" y="11"/>
                    <a:pt x="1418" y="11"/>
                    <a:pt x="1418" y="11"/>
                  </a:cubicBezTo>
                  <a:cubicBezTo>
                    <a:pt x="1412" y="12"/>
                    <a:pt x="1406" y="13"/>
                    <a:pt x="1400" y="13"/>
                  </a:cubicBezTo>
                  <a:cubicBezTo>
                    <a:pt x="1359" y="17"/>
                    <a:pt x="1318" y="25"/>
                    <a:pt x="1277" y="29"/>
                  </a:cubicBezTo>
                  <a:cubicBezTo>
                    <a:pt x="1195" y="36"/>
                    <a:pt x="1114" y="49"/>
                    <a:pt x="1031" y="55"/>
                  </a:cubicBezTo>
                  <a:cubicBezTo>
                    <a:pt x="964" y="59"/>
                    <a:pt x="897" y="62"/>
                    <a:pt x="831" y="68"/>
                  </a:cubicBezTo>
                  <a:cubicBezTo>
                    <a:pt x="806" y="70"/>
                    <a:pt x="781" y="72"/>
                    <a:pt x="755" y="72"/>
                  </a:cubicBezTo>
                  <a:cubicBezTo>
                    <a:pt x="715" y="72"/>
                    <a:pt x="675" y="69"/>
                    <a:pt x="638" y="63"/>
                  </a:cubicBezTo>
                  <a:cubicBezTo>
                    <a:pt x="592" y="56"/>
                    <a:pt x="546" y="52"/>
                    <a:pt x="501" y="41"/>
                  </a:cubicBezTo>
                  <a:cubicBezTo>
                    <a:pt x="452" y="29"/>
                    <a:pt x="398" y="20"/>
                    <a:pt x="347" y="20"/>
                  </a:cubicBezTo>
                  <a:cubicBezTo>
                    <a:pt x="346" y="20"/>
                    <a:pt x="345" y="20"/>
                    <a:pt x="344" y="20"/>
                  </a:cubicBezTo>
                  <a:cubicBezTo>
                    <a:pt x="269" y="21"/>
                    <a:pt x="196" y="21"/>
                    <a:pt x="125" y="43"/>
                  </a:cubicBezTo>
                  <a:cubicBezTo>
                    <a:pt x="100" y="50"/>
                    <a:pt x="69" y="63"/>
                    <a:pt x="50" y="79"/>
                  </a:cubicBezTo>
                  <a:cubicBezTo>
                    <a:pt x="6" y="116"/>
                    <a:pt x="0" y="209"/>
                    <a:pt x="44" y="248"/>
                  </a:cubicBezTo>
                  <a:cubicBezTo>
                    <a:pt x="117" y="312"/>
                    <a:pt x="274" y="338"/>
                    <a:pt x="377" y="339"/>
                  </a:cubicBezTo>
                  <a:cubicBezTo>
                    <a:pt x="386" y="339"/>
                    <a:pt x="396" y="339"/>
                    <a:pt x="405" y="339"/>
                  </a:cubicBezTo>
                  <a:cubicBezTo>
                    <a:pt x="508" y="339"/>
                    <a:pt x="609" y="333"/>
                    <a:pt x="712" y="329"/>
                  </a:cubicBezTo>
                  <a:cubicBezTo>
                    <a:pt x="815" y="325"/>
                    <a:pt x="918" y="320"/>
                    <a:pt x="1021" y="320"/>
                  </a:cubicBezTo>
                  <a:cubicBezTo>
                    <a:pt x="1023" y="320"/>
                    <a:pt x="1025" y="320"/>
                    <a:pt x="1027" y="320"/>
                  </a:cubicBezTo>
                  <a:cubicBezTo>
                    <a:pt x="1055" y="320"/>
                    <a:pt x="1083" y="320"/>
                    <a:pt x="1111" y="320"/>
                  </a:cubicBezTo>
                  <a:cubicBezTo>
                    <a:pt x="1298" y="320"/>
                    <a:pt x="1484" y="318"/>
                    <a:pt x="1671" y="308"/>
                  </a:cubicBezTo>
                  <a:cubicBezTo>
                    <a:pt x="1790" y="301"/>
                    <a:pt x="1910" y="299"/>
                    <a:pt x="2029" y="299"/>
                  </a:cubicBezTo>
                  <a:cubicBezTo>
                    <a:pt x="2111" y="299"/>
                    <a:pt x="2193" y="300"/>
                    <a:pt x="2276" y="300"/>
                  </a:cubicBezTo>
                  <a:cubicBezTo>
                    <a:pt x="2483" y="300"/>
                    <a:pt x="2688" y="302"/>
                    <a:pt x="2894" y="325"/>
                  </a:cubicBezTo>
                  <a:cubicBezTo>
                    <a:pt x="2983" y="335"/>
                    <a:pt x="3074" y="339"/>
                    <a:pt x="3164" y="346"/>
                  </a:cubicBezTo>
                  <a:cubicBezTo>
                    <a:pt x="3188" y="348"/>
                    <a:pt x="3211" y="348"/>
                    <a:pt x="3234" y="348"/>
                  </a:cubicBezTo>
                  <a:cubicBezTo>
                    <a:pt x="3290" y="348"/>
                    <a:pt x="3346" y="344"/>
                    <a:pt x="3402" y="340"/>
                  </a:cubicBezTo>
                  <a:cubicBezTo>
                    <a:pt x="3470" y="335"/>
                    <a:pt x="3537" y="320"/>
                    <a:pt x="3598" y="295"/>
                  </a:cubicBezTo>
                  <a:cubicBezTo>
                    <a:pt x="3647" y="276"/>
                    <a:pt x="3733" y="215"/>
                    <a:pt x="3748" y="168"/>
                  </a:cubicBezTo>
                  <a:cubicBezTo>
                    <a:pt x="3786" y="46"/>
                    <a:pt x="3247" y="40"/>
                    <a:pt x="3093" y="40"/>
                  </a:cubicBezTo>
                  <a:cubicBezTo>
                    <a:pt x="3081" y="40"/>
                    <a:pt x="3071" y="40"/>
                    <a:pt x="3064" y="40"/>
                  </a:cubicBezTo>
                  <a:cubicBezTo>
                    <a:pt x="2995" y="40"/>
                    <a:pt x="2925" y="41"/>
                    <a:pt x="2856" y="41"/>
                  </a:cubicBezTo>
                  <a:cubicBezTo>
                    <a:pt x="2817" y="41"/>
                    <a:pt x="2778" y="41"/>
                    <a:pt x="2739" y="40"/>
                  </a:cubicBezTo>
                  <a:cubicBezTo>
                    <a:pt x="2694" y="38"/>
                    <a:pt x="2649" y="31"/>
                    <a:pt x="2605" y="22"/>
                  </a:cubicBezTo>
                  <a:cubicBezTo>
                    <a:pt x="2561" y="14"/>
                    <a:pt x="2516" y="16"/>
                    <a:pt x="2472" y="13"/>
                  </a:cubicBezTo>
                  <a:cubicBezTo>
                    <a:pt x="2327" y="2"/>
                    <a:pt x="2182" y="0"/>
                    <a:pt x="2038" y="0"/>
                  </a:cubicBezTo>
                  <a:cubicBezTo>
                    <a:pt x="1995" y="0"/>
                    <a:pt x="1953" y="1"/>
                    <a:pt x="1911" y="1"/>
                  </a:cubicBezTo>
                  <a:cubicBezTo>
                    <a:pt x="1858" y="1"/>
                    <a:pt x="1806" y="0"/>
                    <a:pt x="1754" y="0"/>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87" name="ïṥļïdé">
              <a:extLst>
                <a:ext uri="{FF2B5EF4-FFF2-40B4-BE49-F238E27FC236}">
                  <a16:creationId xmlns:a16="http://schemas.microsoft.com/office/drawing/2014/main" xmlns="" id="{276B2AB8-CBC6-4087-982B-C2E24FC35E38}"/>
                </a:ext>
              </a:extLst>
            </p:cNvPr>
            <p:cNvSpPr/>
            <p:nvPr/>
          </p:nvSpPr>
          <p:spPr bwMode="auto">
            <a:xfrm>
              <a:off x="3196096" y="1847015"/>
              <a:ext cx="792951" cy="298477"/>
            </a:xfrm>
            <a:custGeom>
              <a:avLst/>
              <a:gdLst>
                <a:gd name="connsiteX0" fmla="*/ 714204 w 792951"/>
                <a:gd name="connsiteY0" fmla="*/ 240589 h 298477"/>
                <a:gd name="connsiteX1" fmla="*/ 725499 w 792951"/>
                <a:gd name="connsiteY1" fmla="*/ 247107 h 298477"/>
                <a:gd name="connsiteX2" fmla="*/ 741634 w 792951"/>
                <a:gd name="connsiteY2" fmla="*/ 251994 h 298477"/>
                <a:gd name="connsiteX3" fmla="*/ 752928 w 792951"/>
                <a:gd name="connsiteY3" fmla="*/ 253624 h 298477"/>
                <a:gd name="connsiteX4" fmla="*/ 760996 w 792951"/>
                <a:gd name="connsiteY4" fmla="*/ 265029 h 298477"/>
                <a:gd name="connsiteX5" fmla="*/ 765837 w 792951"/>
                <a:gd name="connsiteY5" fmla="*/ 273175 h 298477"/>
                <a:gd name="connsiteX6" fmla="*/ 777131 w 792951"/>
                <a:gd name="connsiteY6" fmla="*/ 279692 h 298477"/>
                <a:gd name="connsiteX7" fmla="*/ 786813 w 792951"/>
                <a:gd name="connsiteY7" fmla="*/ 284580 h 298477"/>
                <a:gd name="connsiteX8" fmla="*/ 791653 w 792951"/>
                <a:gd name="connsiteY8" fmla="*/ 294356 h 298477"/>
                <a:gd name="connsiteX9" fmla="*/ 783585 w 792951"/>
                <a:gd name="connsiteY9" fmla="*/ 295985 h 298477"/>
                <a:gd name="connsiteX10" fmla="*/ 770677 w 792951"/>
                <a:gd name="connsiteY10" fmla="*/ 289468 h 298477"/>
                <a:gd name="connsiteX11" fmla="*/ 762610 w 792951"/>
                <a:gd name="connsiteY11" fmla="*/ 287839 h 298477"/>
                <a:gd name="connsiteX12" fmla="*/ 760996 w 792951"/>
                <a:gd name="connsiteY12" fmla="*/ 284580 h 298477"/>
                <a:gd name="connsiteX13" fmla="*/ 749701 w 792951"/>
                <a:gd name="connsiteY13" fmla="*/ 281322 h 298477"/>
                <a:gd name="connsiteX14" fmla="*/ 746474 w 792951"/>
                <a:gd name="connsiteY14" fmla="*/ 274804 h 298477"/>
                <a:gd name="connsiteX15" fmla="*/ 733566 w 792951"/>
                <a:gd name="connsiteY15" fmla="*/ 271546 h 298477"/>
                <a:gd name="connsiteX16" fmla="*/ 733566 w 792951"/>
                <a:gd name="connsiteY16" fmla="*/ 265029 h 298477"/>
                <a:gd name="connsiteX17" fmla="*/ 727112 w 792951"/>
                <a:gd name="connsiteY17" fmla="*/ 260141 h 298477"/>
                <a:gd name="connsiteX18" fmla="*/ 720658 w 792951"/>
                <a:gd name="connsiteY18" fmla="*/ 260141 h 298477"/>
                <a:gd name="connsiteX19" fmla="*/ 714204 w 792951"/>
                <a:gd name="connsiteY19" fmla="*/ 258512 h 298477"/>
                <a:gd name="connsiteX20" fmla="*/ 706136 w 792951"/>
                <a:gd name="connsiteY20" fmla="*/ 251994 h 298477"/>
                <a:gd name="connsiteX21" fmla="*/ 707750 w 792951"/>
                <a:gd name="connsiteY21" fmla="*/ 248736 h 298477"/>
                <a:gd name="connsiteX22" fmla="*/ 699682 w 792951"/>
                <a:gd name="connsiteY22" fmla="*/ 242219 h 298477"/>
                <a:gd name="connsiteX23" fmla="*/ 714204 w 792951"/>
                <a:gd name="connsiteY23" fmla="*/ 240589 h 298477"/>
                <a:gd name="connsiteX24" fmla="*/ 661530 w 792951"/>
                <a:gd name="connsiteY24" fmla="*/ 167523 h 298477"/>
                <a:gd name="connsiteX25" fmla="*/ 669468 w 792951"/>
                <a:gd name="connsiteY25" fmla="*/ 175461 h 298477"/>
                <a:gd name="connsiteX26" fmla="*/ 675818 w 792951"/>
                <a:gd name="connsiteY26" fmla="*/ 180223 h 298477"/>
                <a:gd name="connsiteX27" fmla="*/ 674231 w 792951"/>
                <a:gd name="connsiteY27" fmla="*/ 184986 h 298477"/>
                <a:gd name="connsiteX28" fmla="*/ 664705 w 792951"/>
                <a:gd name="connsiteY28" fmla="*/ 177048 h 298477"/>
                <a:gd name="connsiteX29" fmla="*/ 661530 w 792951"/>
                <a:gd name="connsiteY29" fmla="*/ 167523 h 298477"/>
                <a:gd name="connsiteX30" fmla="*/ 619065 w 792951"/>
                <a:gd name="connsiteY30" fmla="*/ 158698 h 298477"/>
                <a:gd name="connsiteX31" fmla="*/ 623431 w 792951"/>
                <a:gd name="connsiteY31" fmla="*/ 159718 h 298477"/>
                <a:gd name="connsiteX32" fmla="*/ 632956 w 792951"/>
                <a:gd name="connsiteY32" fmla="*/ 161350 h 298477"/>
                <a:gd name="connsiteX33" fmla="*/ 640893 w 792951"/>
                <a:gd name="connsiteY33" fmla="*/ 162981 h 298477"/>
                <a:gd name="connsiteX34" fmla="*/ 636131 w 792951"/>
                <a:gd name="connsiteY34" fmla="*/ 171139 h 298477"/>
                <a:gd name="connsiteX35" fmla="*/ 634543 w 792951"/>
                <a:gd name="connsiteY35" fmla="*/ 176034 h 298477"/>
                <a:gd name="connsiteX36" fmla="*/ 637718 w 792951"/>
                <a:gd name="connsiteY36" fmla="*/ 187455 h 298477"/>
                <a:gd name="connsiteX37" fmla="*/ 640893 w 792951"/>
                <a:gd name="connsiteY37" fmla="*/ 192350 h 298477"/>
                <a:gd name="connsiteX38" fmla="*/ 642481 w 792951"/>
                <a:gd name="connsiteY38" fmla="*/ 197245 h 298477"/>
                <a:gd name="connsiteX39" fmla="*/ 645656 w 792951"/>
                <a:gd name="connsiteY39" fmla="*/ 202140 h 298477"/>
                <a:gd name="connsiteX40" fmla="*/ 650418 w 792951"/>
                <a:gd name="connsiteY40" fmla="*/ 207035 h 298477"/>
                <a:gd name="connsiteX41" fmla="*/ 652006 w 792951"/>
                <a:gd name="connsiteY41" fmla="*/ 211929 h 298477"/>
                <a:gd name="connsiteX42" fmla="*/ 648831 w 792951"/>
                <a:gd name="connsiteY42" fmla="*/ 210298 h 298477"/>
                <a:gd name="connsiteX43" fmla="*/ 644068 w 792951"/>
                <a:gd name="connsiteY43" fmla="*/ 207035 h 298477"/>
                <a:gd name="connsiteX44" fmla="*/ 639306 w 792951"/>
                <a:gd name="connsiteY44" fmla="*/ 200508 h 298477"/>
                <a:gd name="connsiteX45" fmla="*/ 634543 w 792951"/>
                <a:gd name="connsiteY45" fmla="*/ 197245 h 298477"/>
                <a:gd name="connsiteX46" fmla="*/ 631368 w 792951"/>
                <a:gd name="connsiteY46" fmla="*/ 190719 h 298477"/>
                <a:gd name="connsiteX47" fmla="*/ 629781 w 792951"/>
                <a:gd name="connsiteY47" fmla="*/ 184192 h 298477"/>
                <a:gd name="connsiteX48" fmla="*/ 625018 w 792951"/>
                <a:gd name="connsiteY48" fmla="*/ 182560 h 298477"/>
                <a:gd name="connsiteX49" fmla="*/ 623431 w 792951"/>
                <a:gd name="connsiteY49" fmla="*/ 177666 h 298477"/>
                <a:gd name="connsiteX50" fmla="*/ 620256 w 792951"/>
                <a:gd name="connsiteY50" fmla="*/ 176034 h 298477"/>
                <a:gd name="connsiteX51" fmla="*/ 617081 w 792951"/>
                <a:gd name="connsiteY51" fmla="*/ 161350 h 298477"/>
                <a:gd name="connsiteX52" fmla="*/ 619065 w 792951"/>
                <a:gd name="connsiteY52" fmla="*/ 158698 h 298477"/>
                <a:gd name="connsiteX53" fmla="*/ 67805 w 792951"/>
                <a:gd name="connsiteY53" fmla="*/ 140535 h 298477"/>
                <a:gd name="connsiteX54" fmla="*/ 72568 w 792951"/>
                <a:gd name="connsiteY54" fmla="*/ 148473 h 298477"/>
                <a:gd name="connsiteX55" fmla="*/ 64630 w 792951"/>
                <a:gd name="connsiteY55" fmla="*/ 150060 h 298477"/>
                <a:gd name="connsiteX56" fmla="*/ 56693 w 792951"/>
                <a:gd name="connsiteY56" fmla="*/ 153236 h 298477"/>
                <a:gd name="connsiteX57" fmla="*/ 47168 w 792951"/>
                <a:gd name="connsiteY57" fmla="*/ 154823 h 298477"/>
                <a:gd name="connsiteX58" fmla="*/ 47168 w 792951"/>
                <a:gd name="connsiteY58" fmla="*/ 148473 h 298477"/>
                <a:gd name="connsiteX59" fmla="*/ 56693 w 792951"/>
                <a:gd name="connsiteY59" fmla="*/ 142123 h 298477"/>
                <a:gd name="connsiteX60" fmla="*/ 67805 w 792951"/>
                <a:gd name="connsiteY60" fmla="*/ 140535 h 298477"/>
                <a:gd name="connsiteX61" fmla="*/ 608349 w 792951"/>
                <a:gd name="connsiteY61" fmla="*/ 104696 h 298477"/>
                <a:gd name="connsiteX62" fmla="*/ 613905 w 792951"/>
                <a:gd name="connsiteY62" fmla="*/ 107368 h 298477"/>
                <a:gd name="connsiteX63" fmla="*/ 617080 w 792951"/>
                <a:gd name="connsiteY63" fmla="*/ 112300 h 298477"/>
                <a:gd name="connsiteX64" fmla="*/ 621843 w 792951"/>
                <a:gd name="connsiteY64" fmla="*/ 115589 h 298477"/>
                <a:gd name="connsiteX65" fmla="*/ 625018 w 792951"/>
                <a:gd name="connsiteY65" fmla="*/ 120521 h 298477"/>
                <a:gd name="connsiteX66" fmla="*/ 628193 w 792951"/>
                <a:gd name="connsiteY66" fmla="*/ 127098 h 298477"/>
                <a:gd name="connsiteX67" fmla="*/ 631368 w 792951"/>
                <a:gd name="connsiteY67" fmla="*/ 135319 h 298477"/>
                <a:gd name="connsiteX68" fmla="*/ 634543 w 792951"/>
                <a:gd name="connsiteY68" fmla="*/ 141896 h 298477"/>
                <a:gd name="connsiteX69" fmla="*/ 634543 w 792951"/>
                <a:gd name="connsiteY69" fmla="*/ 146829 h 298477"/>
                <a:gd name="connsiteX70" fmla="*/ 625018 w 792951"/>
                <a:gd name="connsiteY70" fmla="*/ 145185 h 298477"/>
                <a:gd name="connsiteX71" fmla="*/ 620255 w 792951"/>
                <a:gd name="connsiteY71" fmla="*/ 136964 h 298477"/>
                <a:gd name="connsiteX72" fmla="*/ 609143 w 792951"/>
                <a:gd name="connsiteY72" fmla="*/ 130387 h 298477"/>
                <a:gd name="connsiteX73" fmla="*/ 610730 w 792951"/>
                <a:gd name="connsiteY73" fmla="*/ 122166 h 298477"/>
                <a:gd name="connsiteX74" fmla="*/ 612318 w 792951"/>
                <a:gd name="connsiteY74" fmla="*/ 115589 h 298477"/>
                <a:gd name="connsiteX75" fmla="*/ 607555 w 792951"/>
                <a:gd name="connsiteY75" fmla="*/ 105723 h 298477"/>
                <a:gd name="connsiteX76" fmla="*/ 608349 w 792951"/>
                <a:gd name="connsiteY76" fmla="*/ 104696 h 298477"/>
                <a:gd name="connsiteX77" fmla="*/ 607555 w 792951"/>
                <a:gd name="connsiteY77" fmla="*/ 89736 h 298477"/>
                <a:gd name="connsiteX78" fmla="*/ 613905 w 792951"/>
                <a:gd name="connsiteY78" fmla="*/ 92911 h 298477"/>
                <a:gd name="connsiteX79" fmla="*/ 615493 w 792951"/>
                <a:gd name="connsiteY79" fmla="*/ 97673 h 298477"/>
                <a:gd name="connsiteX80" fmla="*/ 613905 w 792951"/>
                <a:gd name="connsiteY80" fmla="*/ 100849 h 298477"/>
                <a:gd name="connsiteX81" fmla="*/ 607555 w 792951"/>
                <a:gd name="connsiteY81" fmla="*/ 100849 h 298477"/>
                <a:gd name="connsiteX82" fmla="*/ 602793 w 792951"/>
                <a:gd name="connsiteY82" fmla="*/ 99261 h 298477"/>
                <a:gd name="connsiteX83" fmla="*/ 607555 w 792951"/>
                <a:gd name="connsiteY83" fmla="*/ 89736 h 298477"/>
                <a:gd name="connsiteX84" fmla="*/ 594855 w 792951"/>
                <a:gd name="connsiteY84" fmla="*/ 89735 h 298477"/>
                <a:gd name="connsiteX85" fmla="*/ 601205 w 792951"/>
                <a:gd name="connsiteY85" fmla="*/ 100848 h 298477"/>
                <a:gd name="connsiteX86" fmla="*/ 601205 w 792951"/>
                <a:gd name="connsiteY86" fmla="*/ 107198 h 298477"/>
                <a:gd name="connsiteX87" fmla="*/ 599618 w 792951"/>
                <a:gd name="connsiteY87" fmla="*/ 111960 h 298477"/>
                <a:gd name="connsiteX88" fmla="*/ 598030 w 792951"/>
                <a:gd name="connsiteY88" fmla="*/ 118310 h 298477"/>
                <a:gd name="connsiteX89" fmla="*/ 596443 w 792951"/>
                <a:gd name="connsiteY89" fmla="*/ 111960 h 298477"/>
                <a:gd name="connsiteX90" fmla="*/ 594855 w 792951"/>
                <a:gd name="connsiteY90" fmla="*/ 104023 h 298477"/>
                <a:gd name="connsiteX91" fmla="*/ 593268 w 792951"/>
                <a:gd name="connsiteY91" fmla="*/ 96085 h 298477"/>
                <a:gd name="connsiteX92" fmla="*/ 594855 w 792951"/>
                <a:gd name="connsiteY92" fmla="*/ 89735 h 298477"/>
                <a:gd name="connsiteX93" fmla="*/ 578981 w 792951"/>
                <a:gd name="connsiteY93" fmla="*/ 80210 h 298477"/>
                <a:gd name="connsiteX94" fmla="*/ 582156 w 792951"/>
                <a:gd name="connsiteY94" fmla="*/ 83385 h 298477"/>
                <a:gd name="connsiteX95" fmla="*/ 585331 w 792951"/>
                <a:gd name="connsiteY95" fmla="*/ 89735 h 298477"/>
                <a:gd name="connsiteX96" fmla="*/ 586919 w 792951"/>
                <a:gd name="connsiteY96" fmla="*/ 97673 h 298477"/>
                <a:gd name="connsiteX97" fmla="*/ 585331 w 792951"/>
                <a:gd name="connsiteY97" fmla="*/ 108785 h 298477"/>
                <a:gd name="connsiteX98" fmla="*/ 580568 w 792951"/>
                <a:gd name="connsiteY98" fmla="*/ 107198 h 298477"/>
                <a:gd name="connsiteX99" fmla="*/ 578981 w 792951"/>
                <a:gd name="connsiteY99" fmla="*/ 100848 h 298477"/>
                <a:gd name="connsiteX100" fmla="*/ 574218 w 792951"/>
                <a:gd name="connsiteY100" fmla="*/ 94498 h 298477"/>
                <a:gd name="connsiteX101" fmla="*/ 572631 w 792951"/>
                <a:gd name="connsiteY101" fmla="*/ 88148 h 298477"/>
                <a:gd name="connsiteX102" fmla="*/ 572631 w 792951"/>
                <a:gd name="connsiteY102" fmla="*/ 81798 h 298477"/>
                <a:gd name="connsiteX103" fmla="*/ 578981 w 792951"/>
                <a:gd name="connsiteY103" fmla="*/ 80210 h 298477"/>
                <a:gd name="connsiteX104" fmla="*/ 587485 w 792951"/>
                <a:gd name="connsiteY104" fmla="*/ 62748 h 298477"/>
                <a:gd name="connsiteX105" fmla="*/ 595989 w 792951"/>
                <a:gd name="connsiteY105" fmla="*/ 64336 h 298477"/>
                <a:gd name="connsiteX106" fmla="*/ 595989 w 792951"/>
                <a:gd name="connsiteY106" fmla="*/ 69098 h 298477"/>
                <a:gd name="connsiteX107" fmla="*/ 601092 w 792951"/>
                <a:gd name="connsiteY107" fmla="*/ 73861 h 298477"/>
                <a:gd name="connsiteX108" fmla="*/ 597690 w 792951"/>
                <a:gd name="connsiteY108" fmla="*/ 80211 h 298477"/>
                <a:gd name="connsiteX109" fmla="*/ 595989 w 792951"/>
                <a:gd name="connsiteY109" fmla="*/ 84973 h 298477"/>
                <a:gd name="connsiteX110" fmla="*/ 589186 w 792951"/>
                <a:gd name="connsiteY110" fmla="*/ 84973 h 298477"/>
                <a:gd name="connsiteX111" fmla="*/ 587485 w 792951"/>
                <a:gd name="connsiteY111" fmla="*/ 83386 h 298477"/>
                <a:gd name="connsiteX112" fmla="*/ 589186 w 792951"/>
                <a:gd name="connsiteY112" fmla="*/ 75448 h 298477"/>
                <a:gd name="connsiteX113" fmla="*/ 584083 w 792951"/>
                <a:gd name="connsiteY113" fmla="*/ 73861 h 298477"/>
                <a:gd name="connsiteX114" fmla="*/ 582382 w 792951"/>
                <a:gd name="connsiteY114" fmla="*/ 69098 h 298477"/>
                <a:gd name="connsiteX115" fmla="*/ 587485 w 792951"/>
                <a:gd name="connsiteY115" fmla="*/ 62748 h 298477"/>
                <a:gd name="connsiteX116" fmla="*/ 559534 w 792951"/>
                <a:gd name="connsiteY116" fmla="*/ 59573 h 298477"/>
                <a:gd name="connsiteX117" fmla="*/ 563105 w 792951"/>
                <a:gd name="connsiteY117" fmla="*/ 59573 h 298477"/>
                <a:gd name="connsiteX118" fmla="*/ 571043 w 792951"/>
                <a:gd name="connsiteY118" fmla="*/ 61160 h 298477"/>
                <a:gd name="connsiteX119" fmla="*/ 569456 w 792951"/>
                <a:gd name="connsiteY119" fmla="*/ 64335 h 298477"/>
                <a:gd name="connsiteX120" fmla="*/ 567868 w 792951"/>
                <a:gd name="connsiteY120" fmla="*/ 65923 h 298477"/>
                <a:gd name="connsiteX121" fmla="*/ 572631 w 792951"/>
                <a:gd name="connsiteY121" fmla="*/ 72273 h 298477"/>
                <a:gd name="connsiteX122" fmla="*/ 569456 w 792951"/>
                <a:gd name="connsiteY122" fmla="*/ 77035 h 298477"/>
                <a:gd name="connsiteX123" fmla="*/ 567868 w 792951"/>
                <a:gd name="connsiteY123" fmla="*/ 81798 h 298477"/>
                <a:gd name="connsiteX124" fmla="*/ 566280 w 792951"/>
                <a:gd name="connsiteY124" fmla="*/ 88148 h 298477"/>
                <a:gd name="connsiteX125" fmla="*/ 564693 w 792951"/>
                <a:gd name="connsiteY125" fmla="*/ 80210 h 298477"/>
                <a:gd name="connsiteX126" fmla="*/ 558343 w 792951"/>
                <a:gd name="connsiteY126" fmla="*/ 70685 h 298477"/>
                <a:gd name="connsiteX127" fmla="*/ 558343 w 792951"/>
                <a:gd name="connsiteY127" fmla="*/ 64335 h 298477"/>
                <a:gd name="connsiteX128" fmla="*/ 559534 w 792951"/>
                <a:gd name="connsiteY128" fmla="*/ 59573 h 298477"/>
                <a:gd name="connsiteX129" fmla="*/ 266031 w 792951"/>
                <a:gd name="connsiteY129" fmla="*/ 56398 h 298477"/>
                <a:gd name="connsiteX130" fmla="*/ 272593 w 792951"/>
                <a:gd name="connsiteY130" fmla="*/ 57985 h 298477"/>
                <a:gd name="connsiteX131" fmla="*/ 264391 w 792951"/>
                <a:gd name="connsiteY131" fmla="*/ 62748 h 298477"/>
                <a:gd name="connsiteX132" fmla="*/ 267672 w 792951"/>
                <a:gd name="connsiteY132" fmla="*/ 78623 h 298477"/>
                <a:gd name="connsiteX133" fmla="*/ 259470 w 792951"/>
                <a:gd name="connsiteY133" fmla="*/ 84973 h 298477"/>
                <a:gd name="connsiteX134" fmla="*/ 254548 w 792951"/>
                <a:gd name="connsiteY134" fmla="*/ 89736 h 298477"/>
                <a:gd name="connsiteX135" fmla="*/ 239784 w 792951"/>
                <a:gd name="connsiteY135" fmla="*/ 92911 h 298477"/>
                <a:gd name="connsiteX136" fmla="*/ 234863 w 792951"/>
                <a:gd name="connsiteY136" fmla="*/ 91323 h 298477"/>
                <a:gd name="connsiteX137" fmla="*/ 229942 w 792951"/>
                <a:gd name="connsiteY137" fmla="*/ 89736 h 298477"/>
                <a:gd name="connsiteX138" fmla="*/ 226661 w 792951"/>
                <a:gd name="connsiteY138" fmla="*/ 80210 h 298477"/>
                <a:gd name="connsiteX139" fmla="*/ 236504 w 792951"/>
                <a:gd name="connsiteY139" fmla="*/ 73860 h 298477"/>
                <a:gd name="connsiteX140" fmla="*/ 243065 w 792951"/>
                <a:gd name="connsiteY140" fmla="*/ 77035 h 298477"/>
                <a:gd name="connsiteX141" fmla="*/ 249627 w 792951"/>
                <a:gd name="connsiteY141" fmla="*/ 80210 h 298477"/>
                <a:gd name="connsiteX142" fmla="*/ 246346 w 792951"/>
                <a:gd name="connsiteY142" fmla="*/ 73860 h 298477"/>
                <a:gd name="connsiteX143" fmla="*/ 243065 w 792951"/>
                <a:gd name="connsiteY143" fmla="*/ 67510 h 298477"/>
                <a:gd name="connsiteX144" fmla="*/ 251267 w 792951"/>
                <a:gd name="connsiteY144" fmla="*/ 62748 h 298477"/>
                <a:gd name="connsiteX145" fmla="*/ 257829 w 792951"/>
                <a:gd name="connsiteY145" fmla="*/ 61160 h 298477"/>
                <a:gd name="connsiteX146" fmla="*/ 266031 w 792951"/>
                <a:gd name="connsiteY146" fmla="*/ 56398 h 298477"/>
                <a:gd name="connsiteX147" fmla="*/ 18593 w 792951"/>
                <a:gd name="connsiteY147" fmla="*/ 835 h 298477"/>
                <a:gd name="connsiteX148" fmla="*/ 31294 w 792951"/>
                <a:gd name="connsiteY148" fmla="*/ 11948 h 298477"/>
                <a:gd name="connsiteX149" fmla="*/ 20181 w 792951"/>
                <a:gd name="connsiteY149" fmla="*/ 16710 h 298477"/>
                <a:gd name="connsiteX150" fmla="*/ 2718 w 792951"/>
                <a:gd name="connsiteY150" fmla="*/ 13535 h 298477"/>
                <a:gd name="connsiteX151" fmla="*/ 5893 w 792951"/>
                <a:gd name="connsiteY151" fmla="*/ 8773 h 298477"/>
                <a:gd name="connsiteX152" fmla="*/ 18593 w 792951"/>
                <a:gd name="connsiteY152" fmla="*/ 835 h 2984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Lst>
              <a:rect l="l" t="t" r="r" b="b"/>
              <a:pathLst>
                <a:path w="792951" h="298477">
                  <a:moveTo>
                    <a:pt x="714204" y="240589"/>
                  </a:moveTo>
                  <a:cubicBezTo>
                    <a:pt x="717431" y="240589"/>
                    <a:pt x="722272" y="247107"/>
                    <a:pt x="725499" y="247107"/>
                  </a:cubicBezTo>
                  <a:cubicBezTo>
                    <a:pt x="728726" y="245477"/>
                    <a:pt x="738407" y="250365"/>
                    <a:pt x="741634" y="251994"/>
                  </a:cubicBezTo>
                  <a:cubicBezTo>
                    <a:pt x="744861" y="251994"/>
                    <a:pt x="748088" y="248736"/>
                    <a:pt x="752928" y="253624"/>
                  </a:cubicBezTo>
                  <a:cubicBezTo>
                    <a:pt x="756156" y="258512"/>
                    <a:pt x="757769" y="261770"/>
                    <a:pt x="760996" y="265029"/>
                  </a:cubicBezTo>
                  <a:cubicBezTo>
                    <a:pt x="762610" y="269917"/>
                    <a:pt x="762610" y="271546"/>
                    <a:pt x="765837" y="273175"/>
                  </a:cubicBezTo>
                  <a:cubicBezTo>
                    <a:pt x="770677" y="274804"/>
                    <a:pt x="772291" y="278063"/>
                    <a:pt x="777131" y="279692"/>
                  </a:cubicBezTo>
                  <a:cubicBezTo>
                    <a:pt x="781972" y="282951"/>
                    <a:pt x="781972" y="279692"/>
                    <a:pt x="786813" y="284580"/>
                  </a:cubicBezTo>
                  <a:cubicBezTo>
                    <a:pt x="791653" y="291097"/>
                    <a:pt x="794880" y="292727"/>
                    <a:pt x="791653" y="294356"/>
                  </a:cubicBezTo>
                  <a:cubicBezTo>
                    <a:pt x="786813" y="297615"/>
                    <a:pt x="790040" y="300873"/>
                    <a:pt x="783585" y="295985"/>
                  </a:cubicBezTo>
                  <a:cubicBezTo>
                    <a:pt x="777131" y="291097"/>
                    <a:pt x="773904" y="289468"/>
                    <a:pt x="770677" y="289468"/>
                  </a:cubicBezTo>
                  <a:cubicBezTo>
                    <a:pt x="765837" y="289468"/>
                    <a:pt x="764223" y="292727"/>
                    <a:pt x="762610" y="287839"/>
                  </a:cubicBezTo>
                  <a:cubicBezTo>
                    <a:pt x="760996" y="284580"/>
                    <a:pt x="765837" y="284580"/>
                    <a:pt x="760996" y="284580"/>
                  </a:cubicBezTo>
                  <a:cubicBezTo>
                    <a:pt x="754542" y="282951"/>
                    <a:pt x="752928" y="284580"/>
                    <a:pt x="749701" y="281322"/>
                  </a:cubicBezTo>
                  <a:cubicBezTo>
                    <a:pt x="748088" y="278063"/>
                    <a:pt x="749701" y="276434"/>
                    <a:pt x="746474" y="274804"/>
                  </a:cubicBezTo>
                  <a:cubicBezTo>
                    <a:pt x="738407" y="273175"/>
                    <a:pt x="733566" y="276434"/>
                    <a:pt x="733566" y="271546"/>
                  </a:cubicBezTo>
                  <a:cubicBezTo>
                    <a:pt x="733566" y="266658"/>
                    <a:pt x="733566" y="266658"/>
                    <a:pt x="733566" y="265029"/>
                  </a:cubicBezTo>
                  <a:cubicBezTo>
                    <a:pt x="731953" y="263399"/>
                    <a:pt x="727112" y="260141"/>
                    <a:pt x="727112" y="260141"/>
                  </a:cubicBezTo>
                  <a:cubicBezTo>
                    <a:pt x="727112" y="260141"/>
                    <a:pt x="728726" y="261770"/>
                    <a:pt x="720658" y="260141"/>
                  </a:cubicBezTo>
                  <a:cubicBezTo>
                    <a:pt x="714204" y="258512"/>
                    <a:pt x="715817" y="261770"/>
                    <a:pt x="714204" y="258512"/>
                  </a:cubicBezTo>
                  <a:cubicBezTo>
                    <a:pt x="712590" y="253624"/>
                    <a:pt x="706136" y="255253"/>
                    <a:pt x="706136" y="251994"/>
                  </a:cubicBezTo>
                  <a:cubicBezTo>
                    <a:pt x="707750" y="248736"/>
                    <a:pt x="704523" y="253624"/>
                    <a:pt x="707750" y="248736"/>
                  </a:cubicBezTo>
                  <a:cubicBezTo>
                    <a:pt x="710977" y="243848"/>
                    <a:pt x="701296" y="242219"/>
                    <a:pt x="699682" y="242219"/>
                  </a:cubicBezTo>
                  <a:cubicBezTo>
                    <a:pt x="696455" y="242219"/>
                    <a:pt x="709363" y="238960"/>
                    <a:pt x="714204" y="240589"/>
                  </a:cubicBezTo>
                  <a:close/>
                  <a:moveTo>
                    <a:pt x="661530" y="167523"/>
                  </a:moveTo>
                  <a:cubicBezTo>
                    <a:pt x="661530" y="167523"/>
                    <a:pt x="664705" y="172286"/>
                    <a:pt x="669468" y="175461"/>
                  </a:cubicBezTo>
                  <a:cubicBezTo>
                    <a:pt x="672643" y="178636"/>
                    <a:pt x="675818" y="177048"/>
                    <a:pt x="675818" y="180223"/>
                  </a:cubicBezTo>
                  <a:cubicBezTo>
                    <a:pt x="675818" y="181811"/>
                    <a:pt x="675818" y="186573"/>
                    <a:pt x="674231" y="184986"/>
                  </a:cubicBezTo>
                  <a:cubicBezTo>
                    <a:pt x="671055" y="183398"/>
                    <a:pt x="667880" y="180223"/>
                    <a:pt x="664705" y="177048"/>
                  </a:cubicBezTo>
                  <a:cubicBezTo>
                    <a:pt x="661530" y="173873"/>
                    <a:pt x="663118" y="170698"/>
                    <a:pt x="661530" y="167523"/>
                  </a:cubicBezTo>
                  <a:close/>
                  <a:moveTo>
                    <a:pt x="619065" y="158698"/>
                  </a:moveTo>
                  <a:cubicBezTo>
                    <a:pt x="620256" y="159310"/>
                    <a:pt x="621843" y="160534"/>
                    <a:pt x="623431" y="159718"/>
                  </a:cubicBezTo>
                  <a:cubicBezTo>
                    <a:pt x="628193" y="159718"/>
                    <a:pt x="628193" y="161350"/>
                    <a:pt x="632956" y="161350"/>
                  </a:cubicBezTo>
                  <a:cubicBezTo>
                    <a:pt x="639306" y="162981"/>
                    <a:pt x="640893" y="161350"/>
                    <a:pt x="640893" y="162981"/>
                  </a:cubicBezTo>
                  <a:cubicBezTo>
                    <a:pt x="640893" y="166244"/>
                    <a:pt x="639306" y="166244"/>
                    <a:pt x="636131" y="171139"/>
                  </a:cubicBezTo>
                  <a:cubicBezTo>
                    <a:pt x="634543" y="172771"/>
                    <a:pt x="634543" y="172771"/>
                    <a:pt x="634543" y="176034"/>
                  </a:cubicBezTo>
                  <a:cubicBezTo>
                    <a:pt x="634543" y="177666"/>
                    <a:pt x="637718" y="177666"/>
                    <a:pt x="637718" y="187455"/>
                  </a:cubicBezTo>
                  <a:cubicBezTo>
                    <a:pt x="636131" y="197245"/>
                    <a:pt x="639306" y="189087"/>
                    <a:pt x="640893" y="192350"/>
                  </a:cubicBezTo>
                  <a:cubicBezTo>
                    <a:pt x="642481" y="195613"/>
                    <a:pt x="642481" y="192350"/>
                    <a:pt x="642481" y="197245"/>
                  </a:cubicBezTo>
                  <a:cubicBezTo>
                    <a:pt x="642481" y="200508"/>
                    <a:pt x="644068" y="200508"/>
                    <a:pt x="645656" y="202140"/>
                  </a:cubicBezTo>
                  <a:cubicBezTo>
                    <a:pt x="647243" y="205403"/>
                    <a:pt x="648831" y="205403"/>
                    <a:pt x="650418" y="207035"/>
                  </a:cubicBezTo>
                  <a:cubicBezTo>
                    <a:pt x="653593" y="207035"/>
                    <a:pt x="653593" y="208666"/>
                    <a:pt x="652006" y="211929"/>
                  </a:cubicBezTo>
                  <a:cubicBezTo>
                    <a:pt x="650418" y="213561"/>
                    <a:pt x="652006" y="211929"/>
                    <a:pt x="648831" y="210298"/>
                  </a:cubicBezTo>
                  <a:cubicBezTo>
                    <a:pt x="644068" y="208666"/>
                    <a:pt x="647243" y="208666"/>
                    <a:pt x="644068" y="207035"/>
                  </a:cubicBezTo>
                  <a:cubicBezTo>
                    <a:pt x="640893" y="203771"/>
                    <a:pt x="642481" y="202140"/>
                    <a:pt x="639306" y="200508"/>
                  </a:cubicBezTo>
                  <a:cubicBezTo>
                    <a:pt x="634543" y="198877"/>
                    <a:pt x="639306" y="200508"/>
                    <a:pt x="634543" y="197245"/>
                  </a:cubicBezTo>
                  <a:cubicBezTo>
                    <a:pt x="629781" y="193982"/>
                    <a:pt x="632956" y="192350"/>
                    <a:pt x="631368" y="190719"/>
                  </a:cubicBezTo>
                  <a:cubicBezTo>
                    <a:pt x="629781" y="189087"/>
                    <a:pt x="629781" y="189087"/>
                    <a:pt x="629781" y="184192"/>
                  </a:cubicBezTo>
                  <a:cubicBezTo>
                    <a:pt x="628193" y="180929"/>
                    <a:pt x="629781" y="184192"/>
                    <a:pt x="625018" y="182560"/>
                  </a:cubicBezTo>
                  <a:cubicBezTo>
                    <a:pt x="618668" y="180929"/>
                    <a:pt x="625018" y="180929"/>
                    <a:pt x="623431" y="177666"/>
                  </a:cubicBezTo>
                  <a:cubicBezTo>
                    <a:pt x="621843" y="174402"/>
                    <a:pt x="623431" y="177666"/>
                    <a:pt x="620256" y="176034"/>
                  </a:cubicBezTo>
                  <a:cubicBezTo>
                    <a:pt x="615493" y="172771"/>
                    <a:pt x="617081" y="169508"/>
                    <a:pt x="617081" y="161350"/>
                  </a:cubicBezTo>
                  <a:cubicBezTo>
                    <a:pt x="617081" y="158086"/>
                    <a:pt x="617874" y="158086"/>
                    <a:pt x="619065" y="158698"/>
                  </a:cubicBezTo>
                  <a:close/>
                  <a:moveTo>
                    <a:pt x="67805" y="140535"/>
                  </a:moveTo>
                  <a:cubicBezTo>
                    <a:pt x="74155" y="137360"/>
                    <a:pt x="75743" y="145298"/>
                    <a:pt x="72568" y="148473"/>
                  </a:cubicBezTo>
                  <a:cubicBezTo>
                    <a:pt x="70980" y="151648"/>
                    <a:pt x="69393" y="150060"/>
                    <a:pt x="64630" y="150060"/>
                  </a:cubicBezTo>
                  <a:cubicBezTo>
                    <a:pt x="58280" y="150060"/>
                    <a:pt x="61455" y="151648"/>
                    <a:pt x="56693" y="153236"/>
                  </a:cubicBezTo>
                  <a:cubicBezTo>
                    <a:pt x="51930" y="154823"/>
                    <a:pt x="53518" y="154823"/>
                    <a:pt x="47168" y="154823"/>
                  </a:cubicBezTo>
                  <a:cubicBezTo>
                    <a:pt x="40818" y="154823"/>
                    <a:pt x="43993" y="151648"/>
                    <a:pt x="47168" y="148473"/>
                  </a:cubicBezTo>
                  <a:cubicBezTo>
                    <a:pt x="50343" y="143710"/>
                    <a:pt x="51930" y="145298"/>
                    <a:pt x="56693" y="142123"/>
                  </a:cubicBezTo>
                  <a:cubicBezTo>
                    <a:pt x="59868" y="138948"/>
                    <a:pt x="63043" y="140535"/>
                    <a:pt x="67805" y="140535"/>
                  </a:cubicBezTo>
                  <a:close/>
                  <a:moveTo>
                    <a:pt x="608349" y="104696"/>
                  </a:moveTo>
                  <a:cubicBezTo>
                    <a:pt x="609936" y="105312"/>
                    <a:pt x="612318" y="106546"/>
                    <a:pt x="613905" y="107368"/>
                  </a:cubicBezTo>
                  <a:cubicBezTo>
                    <a:pt x="615493" y="109012"/>
                    <a:pt x="615493" y="109012"/>
                    <a:pt x="617080" y="112300"/>
                  </a:cubicBezTo>
                  <a:cubicBezTo>
                    <a:pt x="617080" y="113945"/>
                    <a:pt x="620255" y="115589"/>
                    <a:pt x="621843" y="115589"/>
                  </a:cubicBezTo>
                  <a:cubicBezTo>
                    <a:pt x="623430" y="115589"/>
                    <a:pt x="623430" y="115589"/>
                    <a:pt x="625018" y="120521"/>
                  </a:cubicBezTo>
                  <a:cubicBezTo>
                    <a:pt x="625018" y="125454"/>
                    <a:pt x="625018" y="122166"/>
                    <a:pt x="628193" y="127098"/>
                  </a:cubicBezTo>
                  <a:cubicBezTo>
                    <a:pt x="631368" y="133675"/>
                    <a:pt x="628193" y="130387"/>
                    <a:pt x="631368" y="135319"/>
                  </a:cubicBezTo>
                  <a:cubicBezTo>
                    <a:pt x="631368" y="135319"/>
                    <a:pt x="632956" y="138608"/>
                    <a:pt x="634543" y="141896"/>
                  </a:cubicBezTo>
                  <a:cubicBezTo>
                    <a:pt x="636131" y="143540"/>
                    <a:pt x="637718" y="146829"/>
                    <a:pt x="634543" y="146829"/>
                  </a:cubicBezTo>
                  <a:cubicBezTo>
                    <a:pt x="632956" y="148473"/>
                    <a:pt x="632956" y="148473"/>
                    <a:pt x="625018" y="145185"/>
                  </a:cubicBezTo>
                  <a:cubicBezTo>
                    <a:pt x="617080" y="140252"/>
                    <a:pt x="623430" y="140252"/>
                    <a:pt x="620255" y="136964"/>
                  </a:cubicBezTo>
                  <a:cubicBezTo>
                    <a:pt x="615493" y="135319"/>
                    <a:pt x="613905" y="135319"/>
                    <a:pt x="609143" y="130387"/>
                  </a:cubicBezTo>
                  <a:cubicBezTo>
                    <a:pt x="604380" y="125454"/>
                    <a:pt x="610730" y="127098"/>
                    <a:pt x="610730" y="122166"/>
                  </a:cubicBezTo>
                  <a:cubicBezTo>
                    <a:pt x="610730" y="118877"/>
                    <a:pt x="613905" y="118877"/>
                    <a:pt x="612318" y="115589"/>
                  </a:cubicBezTo>
                  <a:cubicBezTo>
                    <a:pt x="612318" y="112300"/>
                    <a:pt x="612318" y="110656"/>
                    <a:pt x="607555" y="105723"/>
                  </a:cubicBezTo>
                  <a:cubicBezTo>
                    <a:pt x="605968" y="104079"/>
                    <a:pt x="606761" y="104079"/>
                    <a:pt x="608349" y="104696"/>
                  </a:cubicBezTo>
                  <a:close/>
                  <a:moveTo>
                    <a:pt x="607555" y="89736"/>
                  </a:moveTo>
                  <a:cubicBezTo>
                    <a:pt x="609143" y="88148"/>
                    <a:pt x="612318" y="89736"/>
                    <a:pt x="613905" y="92911"/>
                  </a:cubicBezTo>
                  <a:cubicBezTo>
                    <a:pt x="615493" y="96086"/>
                    <a:pt x="618668" y="94498"/>
                    <a:pt x="615493" y="97673"/>
                  </a:cubicBezTo>
                  <a:cubicBezTo>
                    <a:pt x="612318" y="99261"/>
                    <a:pt x="615493" y="99261"/>
                    <a:pt x="613905" y="100849"/>
                  </a:cubicBezTo>
                  <a:cubicBezTo>
                    <a:pt x="612318" y="102436"/>
                    <a:pt x="610730" y="102436"/>
                    <a:pt x="607555" y="100849"/>
                  </a:cubicBezTo>
                  <a:cubicBezTo>
                    <a:pt x="604380" y="97673"/>
                    <a:pt x="604380" y="100849"/>
                    <a:pt x="602793" y="99261"/>
                  </a:cubicBezTo>
                  <a:cubicBezTo>
                    <a:pt x="601205" y="96086"/>
                    <a:pt x="602793" y="91323"/>
                    <a:pt x="607555" y="89736"/>
                  </a:cubicBezTo>
                  <a:close/>
                  <a:moveTo>
                    <a:pt x="594855" y="89735"/>
                  </a:moveTo>
                  <a:cubicBezTo>
                    <a:pt x="599618" y="89735"/>
                    <a:pt x="601205" y="99260"/>
                    <a:pt x="601205" y="100848"/>
                  </a:cubicBezTo>
                  <a:cubicBezTo>
                    <a:pt x="601205" y="104023"/>
                    <a:pt x="601205" y="105610"/>
                    <a:pt x="601205" y="107198"/>
                  </a:cubicBezTo>
                  <a:cubicBezTo>
                    <a:pt x="601205" y="108785"/>
                    <a:pt x="599618" y="110373"/>
                    <a:pt x="599618" y="111960"/>
                  </a:cubicBezTo>
                  <a:cubicBezTo>
                    <a:pt x="598030" y="115135"/>
                    <a:pt x="598030" y="118310"/>
                    <a:pt x="598030" y="118310"/>
                  </a:cubicBezTo>
                  <a:cubicBezTo>
                    <a:pt x="596443" y="118310"/>
                    <a:pt x="596443" y="116723"/>
                    <a:pt x="596443" y="111960"/>
                  </a:cubicBezTo>
                  <a:cubicBezTo>
                    <a:pt x="598030" y="107198"/>
                    <a:pt x="596443" y="105610"/>
                    <a:pt x="594855" y="104023"/>
                  </a:cubicBezTo>
                  <a:cubicBezTo>
                    <a:pt x="591680" y="100848"/>
                    <a:pt x="593268" y="99260"/>
                    <a:pt x="593268" y="96085"/>
                  </a:cubicBezTo>
                  <a:cubicBezTo>
                    <a:pt x="593268" y="92910"/>
                    <a:pt x="591680" y="91323"/>
                    <a:pt x="594855" y="89735"/>
                  </a:cubicBezTo>
                  <a:close/>
                  <a:moveTo>
                    <a:pt x="578981" y="80210"/>
                  </a:moveTo>
                  <a:cubicBezTo>
                    <a:pt x="582156" y="80210"/>
                    <a:pt x="582156" y="81798"/>
                    <a:pt x="582156" y="83385"/>
                  </a:cubicBezTo>
                  <a:cubicBezTo>
                    <a:pt x="583743" y="84973"/>
                    <a:pt x="585331" y="86560"/>
                    <a:pt x="585331" y="89735"/>
                  </a:cubicBezTo>
                  <a:cubicBezTo>
                    <a:pt x="583743" y="92910"/>
                    <a:pt x="586919" y="92910"/>
                    <a:pt x="586919" y="97673"/>
                  </a:cubicBezTo>
                  <a:cubicBezTo>
                    <a:pt x="585331" y="102435"/>
                    <a:pt x="588506" y="104023"/>
                    <a:pt x="585331" y="108785"/>
                  </a:cubicBezTo>
                  <a:cubicBezTo>
                    <a:pt x="583743" y="111960"/>
                    <a:pt x="583743" y="110373"/>
                    <a:pt x="580568" y="107198"/>
                  </a:cubicBezTo>
                  <a:cubicBezTo>
                    <a:pt x="577393" y="104023"/>
                    <a:pt x="582156" y="104023"/>
                    <a:pt x="578981" y="100848"/>
                  </a:cubicBezTo>
                  <a:cubicBezTo>
                    <a:pt x="575806" y="99260"/>
                    <a:pt x="575806" y="97673"/>
                    <a:pt x="574218" y="94498"/>
                  </a:cubicBezTo>
                  <a:cubicBezTo>
                    <a:pt x="572631" y="91323"/>
                    <a:pt x="575806" y="89735"/>
                    <a:pt x="572631" y="88148"/>
                  </a:cubicBezTo>
                  <a:cubicBezTo>
                    <a:pt x="571043" y="84973"/>
                    <a:pt x="574218" y="83385"/>
                    <a:pt x="572631" y="81798"/>
                  </a:cubicBezTo>
                  <a:cubicBezTo>
                    <a:pt x="572631" y="80210"/>
                    <a:pt x="577393" y="80210"/>
                    <a:pt x="578981" y="80210"/>
                  </a:cubicBezTo>
                  <a:close/>
                  <a:moveTo>
                    <a:pt x="587485" y="62748"/>
                  </a:moveTo>
                  <a:cubicBezTo>
                    <a:pt x="587485" y="62748"/>
                    <a:pt x="587485" y="62748"/>
                    <a:pt x="595989" y="64336"/>
                  </a:cubicBezTo>
                  <a:cubicBezTo>
                    <a:pt x="595989" y="64336"/>
                    <a:pt x="595989" y="65923"/>
                    <a:pt x="595989" y="69098"/>
                  </a:cubicBezTo>
                  <a:cubicBezTo>
                    <a:pt x="595989" y="70686"/>
                    <a:pt x="599391" y="72273"/>
                    <a:pt x="601092" y="73861"/>
                  </a:cubicBezTo>
                  <a:cubicBezTo>
                    <a:pt x="602793" y="73861"/>
                    <a:pt x="601092" y="77036"/>
                    <a:pt x="597690" y="80211"/>
                  </a:cubicBezTo>
                  <a:cubicBezTo>
                    <a:pt x="595989" y="81798"/>
                    <a:pt x="597690" y="81798"/>
                    <a:pt x="595989" y="84973"/>
                  </a:cubicBezTo>
                  <a:cubicBezTo>
                    <a:pt x="592588" y="89736"/>
                    <a:pt x="594288" y="88149"/>
                    <a:pt x="589186" y="84973"/>
                  </a:cubicBezTo>
                  <a:cubicBezTo>
                    <a:pt x="585784" y="83386"/>
                    <a:pt x="589186" y="84973"/>
                    <a:pt x="587485" y="83386"/>
                  </a:cubicBezTo>
                  <a:cubicBezTo>
                    <a:pt x="584083" y="81798"/>
                    <a:pt x="590887" y="80211"/>
                    <a:pt x="589186" y="75448"/>
                  </a:cubicBezTo>
                  <a:cubicBezTo>
                    <a:pt x="587485" y="70686"/>
                    <a:pt x="589186" y="75448"/>
                    <a:pt x="584083" y="73861"/>
                  </a:cubicBezTo>
                  <a:cubicBezTo>
                    <a:pt x="578980" y="72273"/>
                    <a:pt x="582382" y="72273"/>
                    <a:pt x="582382" y="69098"/>
                  </a:cubicBezTo>
                  <a:cubicBezTo>
                    <a:pt x="582382" y="67511"/>
                    <a:pt x="585784" y="64336"/>
                    <a:pt x="587485" y="62748"/>
                  </a:cubicBezTo>
                  <a:close/>
                  <a:moveTo>
                    <a:pt x="559534" y="59573"/>
                  </a:moveTo>
                  <a:cubicBezTo>
                    <a:pt x="560724" y="59176"/>
                    <a:pt x="562312" y="59573"/>
                    <a:pt x="563105" y="59573"/>
                  </a:cubicBezTo>
                  <a:cubicBezTo>
                    <a:pt x="563105" y="59573"/>
                    <a:pt x="567868" y="59573"/>
                    <a:pt x="571043" y="61160"/>
                  </a:cubicBezTo>
                  <a:cubicBezTo>
                    <a:pt x="574218" y="61160"/>
                    <a:pt x="571043" y="61160"/>
                    <a:pt x="569456" y="64335"/>
                  </a:cubicBezTo>
                  <a:cubicBezTo>
                    <a:pt x="566280" y="65923"/>
                    <a:pt x="566280" y="65923"/>
                    <a:pt x="567868" y="65923"/>
                  </a:cubicBezTo>
                  <a:cubicBezTo>
                    <a:pt x="571043" y="67510"/>
                    <a:pt x="571043" y="67510"/>
                    <a:pt x="572631" y="72273"/>
                  </a:cubicBezTo>
                  <a:cubicBezTo>
                    <a:pt x="572631" y="73860"/>
                    <a:pt x="572631" y="73860"/>
                    <a:pt x="569456" y="77035"/>
                  </a:cubicBezTo>
                  <a:cubicBezTo>
                    <a:pt x="567868" y="80210"/>
                    <a:pt x="569456" y="78623"/>
                    <a:pt x="567868" y="81798"/>
                  </a:cubicBezTo>
                  <a:cubicBezTo>
                    <a:pt x="566280" y="83385"/>
                    <a:pt x="569456" y="88148"/>
                    <a:pt x="566280" y="88148"/>
                  </a:cubicBezTo>
                  <a:cubicBezTo>
                    <a:pt x="564693" y="86561"/>
                    <a:pt x="566280" y="83385"/>
                    <a:pt x="564693" y="80210"/>
                  </a:cubicBezTo>
                  <a:cubicBezTo>
                    <a:pt x="563105" y="77035"/>
                    <a:pt x="563105" y="75448"/>
                    <a:pt x="558343" y="70685"/>
                  </a:cubicBezTo>
                  <a:cubicBezTo>
                    <a:pt x="553580" y="67510"/>
                    <a:pt x="558343" y="70685"/>
                    <a:pt x="558343" y="64335"/>
                  </a:cubicBezTo>
                  <a:cubicBezTo>
                    <a:pt x="557549" y="61160"/>
                    <a:pt x="558343" y="59970"/>
                    <a:pt x="559534" y="59573"/>
                  </a:cubicBezTo>
                  <a:close/>
                  <a:moveTo>
                    <a:pt x="266031" y="56398"/>
                  </a:moveTo>
                  <a:cubicBezTo>
                    <a:pt x="270953" y="54810"/>
                    <a:pt x="272593" y="54810"/>
                    <a:pt x="272593" y="57985"/>
                  </a:cubicBezTo>
                  <a:cubicBezTo>
                    <a:pt x="272593" y="59573"/>
                    <a:pt x="264391" y="61160"/>
                    <a:pt x="264391" y="62748"/>
                  </a:cubicBezTo>
                  <a:cubicBezTo>
                    <a:pt x="269312" y="73860"/>
                    <a:pt x="270953" y="77035"/>
                    <a:pt x="267672" y="78623"/>
                  </a:cubicBezTo>
                  <a:cubicBezTo>
                    <a:pt x="261110" y="81798"/>
                    <a:pt x="262751" y="81798"/>
                    <a:pt x="259470" y="84973"/>
                  </a:cubicBezTo>
                  <a:cubicBezTo>
                    <a:pt x="256189" y="88148"/>
                    <a:pt x="259470" y="86560"/>
                    <a:pt x="254548" y="89736"/>
                  </a:cubicBezTo>
                  <a:cubicBezTo>
                    <a:pt x="249627" y="92911"/>
                    <a:pt x="243065" y="94498"/>
                    <a:pt x="239784" y="92911"/>
                  </a:cubicBezTo>
                  <a:cubicBezTo>
                    <a:pt x="238144" y="92911"/>
                    <a:pt x="236504" y="91323"/>
                    <a:pt x="234863" y="91323"/>
                  </a:cubicBezTo>
                  <a:cubicBezTo>
                    <a:pt x="233223" y="91323"/>
                    <a:pt x="229942" y="89736"/>
                    <a:pt x="229942" y="89736"/>
                  </a:cubicBezTo>
                  <a:cubicBezTo>
                    <a:pt x="228301" y="86560"/>
                    <a:pt x="223380" y="81798"/>
                    <a:pt x="226661" y="80210"/>
                  </a:cubicBezTo>
                  <a:cubicBezTo>
                    <a:pt x="229942" y="77035"/>
                    <a:pt x="231582" y="73860"/>
                    <a:pt x="236504" y="73860"/>
                  </a:cubicBezTo>
                  <a:cubicBezTo>
                    <a:pt x="241425" y="73860"/>
                    <a:pt x="241425" y="75448"/>
                    <a:pt x="243065" y="77035"/>
                  </a:cubicBezTo>
                  <a:cubicBezTo>
                    <a:pt x="244706" y="80210"/>
                    <a:pt x="247987" y="83385"/>
                    <a:pt x="249627" y="80210"/>
                  </a:cubicBezTo>
                  <a:cubicBezTo>
                    <a:pt x="249627" y="78623"/>
                    <a:pt x="247987" y="78623"/>
                    <a:pt x="246346" y="73860"/>
                  </a:cubicBezTo>
                  <a:cubicBezTo>
                    <a:pt x="243065" y="70685"/>
                    <a:pt x="241425" y="67510"/>
                    <a:pt x="243065" y="67510"/>
                  </a:cubicBezTo>
                  <a:cubicBezTo>
                    <a:pt x="246346" y="65923"/>
                    <a:pt x="246346" y="59573"/>
                    <a:pt x="251267" y="62748"/>
                  </a:cubicBezTo>
                  <a:cubicBezTo>
                    <a:pt x="256189" y="64335"/>
                    <a:pt x="256189" y="62748"/>
                    <a:pt x="257829" y="61160"/>
                  </a:cubicBezTo>
                  <a:cubicBezTo>
                    <a:pt x="261110" y="59573"/>
                    <a:pt x="261110" y="56398"/>
                    <a:pt x="266031" y="56398"/>
                  </a:cubicBezTo>
                  <a:close/>
                  <a:moveTo>
                    <a:pt x="18593" y="835"/>
                  </a:moveTo>
                  <a:cubicBezTo>
                    <a:pt x="24944" y="-2340"/>
                    <a:pt x="29706" y="4010"/>
                    <a:pt x="31294" y="11948"/>
                  </a:cubicBezTo>
                  <a:cubicBezTo>
                    <a:pt x="32881" y="19885"/>
                    <a:pt x="26531" y="16710"/>
                    <a:pt x="20181" y="16710"/>
                  </a:cubicBezTo>
                  <a:cubicBezTo>
                    <a:pt x="13831" y="15123"/>
                    <a:pt x="10656" y="18298"/>
                    <a:pt x="2718" y="13535"/>
                  </a:cubicBezTo>
                  <a:cubicBezTo>
                    <a:pt x="-3632" y="10360"/>
                    <a:pt x="2718" y="10360"/>
                    <a:pt x="5893" y="8773"/>
                  </a:cubicBezTo>
                  <a:cubicBezTo>
                    <a:pt x="9068" y="7185"/>
                    <a:pt x="15418" y="4010"/>
                    <a:pt x="18593" y="835"/>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88" name="îşľîḓê">
              <a:extLst>
                <a:ext uri="{FF2B5EF4-FFF2-40B4-BE49-F238E27FC236}">
                  <a16:creationId xmlns:a16="http://schemas.microsoft.com/office/drawing/2014/main" xmlns="" id="{3AA8D7CA-C429-4240-81A0-3385DE1428F8}"/>
                </a:ext>
              </a:extLst>
            </p:cNvPr>
            <p:cNvSpPr/>
            <p:nvPr/>
          </p:nvSpPr>
          <p:spPr bwMode="auto">
            <a:xfrm>
              <a:off x="6751639" y="1404938"/>
              <a:ext cx="317500" cy="228600"/>
            </a:xfrm>
            <a:custGeom>
              <a:avLst/>
              <a:gdLst>
                <a:gd name="T0" fmla="*/ 8 w 195"/>
                <a:gd name="T1" fmla="*/ 122 h 141"/>
                <a:gd name="T2" fmla="*/ 12 w 195"/>
                <a:gd name="T3" fmla="*/ 126 h 141"/>
                <a:gd name="T4" fmla="*/ 20 w 195"/>
                <a:gd name="T5" fmla="*/ 126 h 141"/>
                <a:gd name="T6" fmla="*/ 25 w 195"/>
                <a:gd name="T7" fmla="*/ 127 h 141"/>
                <a:gd name="T8" fmla="*/ 24 w 195"/>
                <a:gd name="T9" fmla="*/ 132 h 141"/>
                <a:gd name="T10" fmla="*/ 32 w 195"/>
                <a:gd name="T11" fmla="*/ 135 h 141"/>
                <a:gd name="T12" fmla="*/ 46 w 195"/>
                <a:gd name="T13" fmla="*/ 140 h 141"/>
                <a:gd name="T14" fmla="*/ 60 w 195"/>
                <a:gd name="T15" fmla="*/ 139 h 141"/>
                <a:gd name="T16" fmla="*/ 69 w 195"/>
                <a:gd name="T17" fmla="*/ 137 h 141"/>
                <a:gd name="T18" fmla="*/ 55 w 195"/>
                <a:gd name="T19" fmla="*/ 125 h 141"/>
                <a:gd name="T20" fmla="*/ 47 w 195"/>
                <a:gd name="T21" fmla="*/ 106 h 141"/>
                <a:gd name="T22" fmla="*/ 51 w 195"/>
                <a:gd name="T23" fmla="*/ 95 h 141"/>
                <a:gd name="T24" fmla="*/ 65 w 195"/>
                <a:gd name="T25" fmla="*/ 81 h 141"/>
                <a:gd name="T26" fmla="*/ 76 w 195"/>
                <a:gd name="T27" fmla="*/ 66 h 141"/>
                <a:gd name="T28" fmla="*/ 79 w 195"/>
                <a:gd name="T29" fmla="*/ 57 h 141"/>
                <a:gd name="T30" fmla="*/ 86 w 195"/>
                <a:gd name="T31" fmla="*/ 55 h 141"/>
                <a:gd name="T32" fmla="*/ 96 w 195"/>
                <a:gd name="T33" fmla="*/ 52 h 141"/>
                <a:gd name="T34" fmla="*/ 105 w 195"/>
                <a:gd name="T35" fmla="*/ 43 h 141"/>
                <a:gd name="T36" fmla="*/ 114 w 195"/>
                <a:gd name="T37" fmla="*/ 40 h 141"/>
                <a:gd name="T38" fmla="*/ 131 w 195"/>
                <a:gd name="T39" fmla="*/ 32 h 141"/>
                <a:gd name="T40" fmla="*/ 162 w 195"/>
                <a:gd name="T41" fmla="*/ 24 h 141"/>
                <a:gd name="T42" fmla="*/ 177 w 195"/>
                <a:gd name="T43" fmla="*/ 19 h 141"/>
                <a:gd name="T44" fmla="*/ 188 w 195"/>
                <a:gd name="T45" fmla="*/ 15 h 141"/>
                <a:gd name="T46" fmla="*/ 194 w 195"/>
                <a:gd name="T47" fmla="*/ 4 h 141"/>
                <a:gd name="T48" fmla="*/ 178 w 195"/>
                <a:gd name="T49" fmla="*/ 0 h 141"/>
                <a:gd name="T50" fmla="*/ 161 w 195"/>
                <a:gd name="T51" fmla="*/ 6 h 141"/>
                <a:gd name="T52" fmla="*/ 153 w 195"/>
                <a:gd name="T53" fmla="*/ 10 h 141"/>
                <a:gd name="T54" fmla="*/ 142 w 195"/>
                <a:gd name="T55" fmla="*/ 14 h 141"/>
                <a:gd name="T56" fmla="*/ 131 w 195"/>
                <a:gd name="T57" fmla="*/ 17 h 141"/>
                <a:gd name="T58" fmla="*/ 121 w 195"/>
                <a:gd name="T59" fmla="*/ 17 h 141"/>
                <a:gd name="T60" fmla="*/ 107 w 195"/>
                <a:gd name="T61" fmla="*/ 17 h 141"/>
                <a:gd name="T62" fmla="*/ 99 w 195"/>
                <a:gd name="T63" fmla="*/ 21 h 141"/>
                <a:gd name="T64" fmla="*/ 88 w 195"/>
                <a:gd name="T65" fmla="*/ 24 h 141"/>
                <a:gd name="T66" fmla="*/ 78 w 195"/>
                <a:gd name="T67" fmla="*/ 30 h 141"/>
                <a:gd name="T68" fmla="*/ 69 w 195"/>
                <a:gd name="T69" fmla="*/ 37 h 141"/>
                <a:gd name="T70" fmla="*/ 57 w 195"/>
                <a:gd name="T71" fmla="*/ 42 h 141"/>
                <a:gd name="T72" fmla="*/ 51 w 195"/>
                <a:gd name="T73" fmla="*/ 45 h 141"/>
                <a:gd name="T74" fmla="*/ 46 w 195"/>
                <a:gd name="T75" fmla="*/ 55 h 141"/>
                <a:gd name="T76" fmla="*/ 43 w 195"/>
                <a:gd name="T77" fmla="*/ 62 h 141"/>
                <a:gd name="T78" fmla="*/ 34 w 195"/>
                <a:gd name="T79" fmla="*/ 71 h 141"/>
                <a:gd name="T80" fmla="*/ 30 w 195"/>
                <a:gd name="T81" fmla="*/ 76 h 141"/>
                <a:gd name="T82" fmla="*/ 26 w 195"/>
                <a:gd name="T83" fmla="*/ 85 h 141"/>
                <a:gd name="T84" fmla="*/ 16 w 195"/>
                <a:gd name="T85" fmla="*/ 93 h 141"/>
                <a:gd name="T86" fmla="*/ 17 w 195"/>
                <a:gd name="T87" fmla="*/ 97 h 141"/>
                <a:gd name="T88" fmla="*/ 13 w 195"/>
                <a:gd name="T89" fmla="*/ 108 h 141"/>
                <a:gd name="T90" fmla="*/ 4 w 195"/>
                <a:gd name="T91" fmla="*/ 109 h 1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95" h="141">
                  <a:moveTo>
                    <a:pt x="2" y="119"/>
                  </a:moveTo>
                  <a:cubicBezTo>
                    <a:pt x="2" y="121"/>
                    <a:pt x="2" y="121"/>
                    <a:pt x="4" y="122"/>
                  </a:cubicBezTo>
                  <a:cubicBezTo>
                    <a:pt x="6" y="122"/>
                    <a:pt x="8" y="122"/>
                    <a:pt x="8" y="122"/>
                  </a:cubicBezTo>
                  <a:cubicBezTo>
                    <a:pt x="12" y="122"/>
                    <a:pt x="14" y="120"/>
                    <a:pt x="15" y="121"/>
                  </a:cubicBezTo>
                  <a:cubicBezTo>
                    <a:pt x="16" y="125"/>
                    <a:pt x="15" y="126"/>
                    <a:pt x="15" y="126"/>
                  </a:cubicBezTo>
                  <a:cubicBezTo>
                    <a:pt x="15" y="126"/>
                    <a:pt x="11" y="125"/>
                    <a:pt x="12" y="126"/>
                  </a:cubicBezTo>
                  <a:cubicBezTo>
                    <a:pt x="13" y="129"/>
                    <a:pt x="13" y="127"/>
                    <a:pt x="15" y="129"/>
                  </a:cubicBezTo>
                  <a:cubicBezTo>
                    <a:pt x="17" y="130"/>
                    <a:pt x="17" y="133"/>
                    <a:pt x="19" y="130"/>
                  </a:cubicBezTo>
                  <a:cubicBezTo>
                    <a:pt x="20" y="127"/>
                    <a:pt x="21" y="127"/>
                    <a:pt x="20" y="126"/>
                  </a:cubicBezTo>
                  <a:cubicBezTo>
                    <a:pt x="19" y="123"/>
                    <a:pt x="15" y="121"/>
                    <a:pt x="19" y="122"/>
                  </a:cubicBezTo>
                  <a:cubicBezTo>
                    <a:pt x="23" y="124"/>
                    <a:pt x="23" y="124"/>
                    <a:pt x="24" y="124"/>
                  </a:cubicBezTo>
                  <a:cubicBezTo>
                    <a:pt x="25" y="125"/>
                    <a:pt x="25" y="126"/>
                    <a:pt x="25" y="127"/>
                  </a:cubicBezTo>
                  <a:cubicBezTo>
                    <a:pt x="25" y="128"/>
                    <a:pt x="27" y="127"/>
                    <a:pt x="29" y="128"/>
                  </a:cubicBezTo>
                  <a:cubicBezTo>
                    <a:pt x="30" y="128"/>
                    <a:pt x="31" y="130"/>
                    <a:pt x="29" y="130"/>
                  </a:cubicBezTo>
                  <a:cubicBezTo>
                    <a:pt x="28" y="130"/>
                    <a:pt x="24" y="131"/>
                    <a:pt x="24" y="132"/>
                  </a:cubicBezTo>
                  <a:cubicBezTo>
                    <a:pt x="24" y="133"/>
                    <a:pt x="23" y="134"/>
                    <a:pt x="24" y="135"/>
                  </a:cubicBezTo>
                  <a:cubicBezTo>
                    <a:pt x="26" y="135"/>
                    <a:pt x="27" y="136"/>
                    <a:pt x="28" y="135"/>
                  </a:cubicBezTo>
                  <a:cubicBezTo>
                    <a:pt x="30" y="135"/>
                    <a:pt x="30" y="133"/>
                    <a:pt x="32" y="135"/>
                  </a:cubicBezTo>
                  <a:cubicBezTo>
                    <a:pt x="35" y="138"/>
                    <a:pt x="38" y="139"/>
                    <a:pt x="38" y="139"/>
                  </a:cubicBezTo>
                  <a:cubicBezTo>
                    <a:pt x="39" y="140"/>
                    <a:pt x="41" y="140"/>
                    <a:pt x="42" y="140"/>
                  </a:cubicBezTo>
                  <a:cubicBezTo>
                    <a:pt x="44" y="141"/>
                    <a:pt x="45" y="140"/>
                    <a:pt x="46" y="140"/>
                  </a:cubicBezTo>
                  <a:cubicBezTo>
                    <a:pt x="49" y="140"/>
                    <a:pt x="51" y="140"/>
                    <a:pt x="52" y="140"/>
                  </a:cubicBezTo>
                  <a:cubicBezTo>
                    <a:pt x="54" y="140"/>
                    <a:pt x="55" y="140"/>
                    <a:pt x="56" y="140"/>
                  </a:cubicBezTo>
                  <a:cubicBezTo>
                    <a:pt x="57" y="140"/>
                    <a:pt x="60" y="139"/>
                    <a:pt x="60" y="139"/>
                  </a:cubicBezTo>
                  <a:cubicBezTo>
                    <a:pt x="60" y="139"/>
                    <a:pt x="61" y="141"/>
                    <a:pt x="62" y="141"/>
                  </a:cubicBezTo>
                  <a:cubicBezTo>
                    <a:pt x="63" y="141"/>
                    <a:pt x="63" y="140"/>
                    <a:pt x="65" y="140"/>
                  </a:cubicBezTo>
                  <a:cubicBezTo>
                    <a:pt x="67" y="140"/>
                    <a:pt x="71" y="141"/>
                    <a:pt x="69" y="137"/>
                  </a:cubicBezTo>
                  <a:cubicBezTo>
                    <a:pt x="69" y="135"/>
                    <a:pt x="61" y="136"/>
                    <a:pt x="61" y="133"/>
                  </a:cubicBezTo>
                  <a:cubicBezTo>
                    <a:pt x="61" y="129"/>
                    <a:pt x="60" y="130"/>
                    <a:pt x="58" y="127"/>
                  </a:cubicBezTo>
                  <a:cubicBezTo>
                    <a:pt x="55" y="125"/>
                    <a:pt x="58" y="127"/>
                    <a:pt x="55" y="125"/>
                  </a:cubicBezTo>
                  <a:cubicBezTo>
                    <a:pt x="52" y="122"/>
                    <a:pt x="50" y="121"/>
                    <a:pt x="50" y="120"/>
                  </a:cubicBezTo>
                  <a:cubicBezTo>
                    <a:pt x="49" y="119"/>
                    <a:pt x="46" y="116"/>
                    <a:pt x="47" y="114"/>
                  </a:cubicBezTo>
                  <a:cubicBezTo>
                    <a:pt x="47" y="111"/>
                    <a:pt x="46" y="108"/>
                    <a:pt x="47" y="106"/>
                  </a:cubicBezTo>
                  <a:cubicBezTo>
                    <a:pt x="47" y="105"/>
                    <a:pt x="45" y="105"/>
                    <a:pt x="46" y="102"/>
                  </a:cubicBezTo>
                  <a:cubicBezTo>
                    <a:pt x="47" y="99"/>
                    <a:pt x="45" y="99"/>
                    <a:pt x="47" y="97"/>
                  </a:cubicBezTo>
                  <a:cubicBezTo>
                    <a:pt x="50" y="96"/>
                    <a:pt x="50" y="94"/>
                    <a:pt x="51" y="95"/>
                  </a:cubicBezTo>
                  <a:cubicBezTo>
                    <a:pt x="51" y="95"/>
                    <a:pt x="53" y="93"/>
                    <a:pt x="54" y="91"/>
                  </a:cubicBezTo>
                  <a:cubicBezTo>
                    <a:pt x="58" y="87"/>
                    <a:pt x="58" y="86"/>
                    <a:pt x="60" y="85"/>
                  </a:cubicBezTo>
                  <a:cubicBezTo>
                    <a:pt x="64" y="82"/>
                    <a:pt x="64" y="82"/>
                    <a:pt x="65" y="81"/>
                  </a:cubicBezTo>
                  <a:cubicBezTo>
                    <a:pt x="68" y="77"/>
                    <a:pt x="67" y="78"/>
                    <a:pt x="68" y="77"/>
                  </a:cubicBezTo>
                  <a:cubicBezTo>
                    <a:pt x="72" y="75"/>
                    <a:pt x="74" y="72"/>
                    <a:pt x="74" y="72"/>
                  </a:cubicBezTo>
                  <a:cubicBezTo>
                    <a:pt x="76" y="69"/>
                    <a:pt x="74" y="68"/>
                    <a:pt x="76" y="66"/>
                  </a:cubicBezTo>
                  <a:cubicBezTo>
                    <a:pt x="79" y="64"/>
                    <a:pt x="79" y="64"/>
                    <a:pt x="79" y="64"/>
                  </a:cubicBezTo>
                  <a:cubicBezTo>
                    <a:pt x="79" y="62"/>
                    <a:pt x="80" y="62"/>
                    <a:pt x="79" y="61"/>
                  </a:cubicBezTo>
                  <a:cubicBezTo>
                    <a:pt x="79" y="60"/>
                    <a:pt x="79" y="57"/>
                    <a:pt x="79" y="57"/>
                  </a:cubicBezTo>
                  <a:cubicBezTo>
                    <a:pt x="82" y="57"/>
                    <a:pt x="82" y="57"/>
                    <a:pt x="82" y="57"/>
                  </a:cubicBezTo>
                  <a:cubicBezTo>
                    <a:pt x="82" y="57"/>
                    <a:pt x="82" y="59"/>
                    <a:pt x="84" y="58"/>
                  </a:cubicBezTo>
                  <a:cubicBezTo>
                    <a:pt x="86" y="57"/>
                    <a:pt x="85" y="56"/>
                    <a:pt x="86" y="55"/>
                  </a:cubicBezTo>
                  <a:cubicBezTo>
                    <a:pt x="86" y="53"/>
                    <a:pt x="86" y="52"/>
                    <a:pt x="87" y="52"/>
                  </a:cubicBezTo>
                  <a:cubicBezTo>
                    <a:pt x="88" y="52"/>
                    <a:pt x="91" y="53"/>
                    <a:pt x="91" y="53"/>
                  </a:cubicBezTo>
                  <a:cubicBezTo>
                    <a:pt x="93" y="53"/>
                    <a:pt x="96" y="52"/>
                    <a:pt x="96" y="52"/>
                  </a:cubicBezTo>
                  <a:cubicBezTo>
                    <a:pt x="97" y="50"/>
                    <a:pt x="96" y="49"/>
                    <a:pt x="98" y="49"/>
                  </a:cubicBezTo>
                  <a:cubicBezTo>
                    <a:pt x="100" y="49"/>
                    <a:pt x="101" y="49"/>
                    <a:pt x="101" y="48"/>
                  </a:cubicBezTo>
                  <a:cubicBezTo>
                    <a:pt x="102" y="45"/>
                    <a:pt x="105" y="43"/>
                    <a:pt x="105" y="43"/>
                  </a:cubicBezTo>
                  <a:cubicBezTo>
                    <a:pt x="105" y="43"/>
                    <a:pt x="107" y="42"/>
                    <a:pt x="108" y="42"/>
                  </a:cubicBezTo>
                  <a:cubicBezTo>
                    <a:pt x="109" y="41"/>
                    <a:pt x="110" y="40"/>
                    <a:pt x="111" y="40"/>
                  </a:cubicBezTo>
                  <a:cubicBezTo>
                    <a:pt x="111" y="40"/>
                    <a:pt x="113" y="41"/>
                    <a:pt x="114" y="40"/>
                  </a:cubicBezTo>
                  <a:cubicBezTo>
                    <a:pt x="116" y="39"/>
                    <a:pt x="117" y="37"/>
                    <a:pt x="118" y="37"/>
                  </a:cubicBezTo>
                  <a:cubicBezTo>
                    <a:pt x="123" y="35"/>
                    <a:pt x="123" y="35"/>
                    <a:pt x="126" y="34"/>
                  </a:cubicBezTo>
                  <a:cubicBezTo>
                    <a:pt x="128" y="33"/>
                    <a:pt x="127" y="33"/>
                    <a:pt x="131" y="32"/>
                  </a:cubicBezTo>
                  <a:cubicBezTo>
                    <a:pt x="134" y="32"/>
                    <a:pt x="152" y="28"/>
                    <a:pt x="152" y="28"/>
                  </a:cubicBezTo>
                  <a:cubicBezTo>
                    <a:pt x="152" y="28"/>
                    <a:pt x="155" y="26"/>
                    <a:pt x="156" y="26"/>
                  </a:cubicBezTo>
                  <a:cubicBezTo>
                    <a:pt x="157" y="26"/>
                    <a:pt x="161" y="24"/>
                    <a:pt x="162" y="24"/>
                  </a:cubicBezTo>
                  <a:cubicBezTo>
                    <a:pt x="163" y="23"/>
                    <a:pt x="164" y="23"/>
                    <a:pt x="166" y="22"/>
                  </a:cubicBezTo>
                  <a:cubicBezTo>
                    <a:pt x="168" y="22"/>
                    <a:pt x="171" y="21"/>
                    <a:pt x="173" y="20"/>
                  </a:cubicBezTo>
                  <a:cubicBezTo>
                    <a:pt x="175" y="19"/>
                    <a:pt x="176" y="19"/>
                    <a:pt x="177" y="19"/>
                  </a:cubicBezTo>
                  <a:cubicBezTo>
                    <a:pt x="179" y="19"/>
                    <a:pt x="179" y="18"/>
                    <a:pt x="181" y="18"/>
                  </a:cubicBezTo>
                  <a:cubicBezTo>
                    <a:pt x="182" y="18"/>
                    <a:pt x="184" y="17"/>
                    <a:pt x="185" y="17"/>
                  </a:cubicBezTo>
                  <a:cubicBezTo>
                    <a:pt x="187" y="16"/>
                    <a:pt x="187" y="15"/>
                    <a:pt x="188" y="15"/>
                  </a:cubicBezTo>
                  <a:cubicBezTo>
                    <a:pt x="190" y="14"/>
                    <a:pt x="190" y="13"/>
                    <a:pt x="191" y="12"/>
                  </a:cubicBezTo>
                  <a:cubicBezTo>
                    <a:pt x="192" y="11"/>
                    <a:pt x="193" y="13"/>
                    <a:pt x="194" y="9"/>
                  </a:cubicBezTo>
                  <a:cubicBezTo>
                    <a:pt x="194" y="6"/>
                    <a:pt x="195" y="5"/>
                    <a:pt x="194" y="4"/>
                  </a:cubicBezTo>
                  <a:cubicBezTo>
                    <a:pt x="193" y="4"/>
                    <a:pt x="192" y="2"/>
                    <a:pt x="191" y="1"/>
                  </a:cubicBezTo>
                  <a:cubicBezTo>
                    <a:pt x="190" y="0"/>
                    <a:pt x="195" y="1"/>
                    <a:pt x="188" y="0"/>
                  </a:cubicBezTo>
                  <a:cubicBezTo>
                    <a:pt x="180" y="0"/>
                    <a:pt x="181" y="0"/>
                    <a:pt x="178" y="0"/>
                  </a:cubicBezTo>
                  <a:cubicBezTo>
                    <a:pt x="175" y="0"/>
                    <a:pt x="172" y="0"/>
                    <a:pt x="170" y="1"/>
                  </a:cubicBezTo>
                  <a:cubicBezTo>
                    <a:pt x="169" y="2"/>
                    <a:pt x="168" y="1"/>
                    <a:pt x="165" y="4"/>
                  </a:cubicBezTo>
                  <a:cubicBezTo>
                    <a:pt x="161" y="6"/>
                    <a:pt x="162" y="5"/>
                    <a:pt x="161" y="6"/>
                  </a:cubicBezTo>
                  <a:cubicBezTo>
                    <a:pt x="160" y="8"/>
                    <a:pt x="161" y="8"/>
                    <a:pt x="160" y="9"/>
                  </a:cubicBezTo>
                  <a:cubicBezTo>
                    <a:pt x="159" y="9"/>
                    <a:pt x="158" y="9"/>
                    <a:pt x="157" y="9"/>
                  </a:cubicBezTo>
                  <a:cubicBezTo>
                    <a:pt x="156" y="10"/>
                    <a:pt x="155" y="8"/>
                    <a:pt x="153" y="10"/>
                  </a:cubicBezTo>
                  <a:cubicBezTo>
                    <a:pt x="151" y="11"/>
                    <a:pt x="151" y="11"/>
                    <a:pt x="149" y="12"/>
                  </a:cubicBezTo>
                  <a:cubicBezTo>
                    <a:pt x="148" y="13"/>
                    <a:pt x="147" y="12"/>
                    <a:pt x="145" y="13"/>
                  </a:cubicBezTo>
                  <a:cubicBezTo>
                    <a:pt x="144" y="14"/>
                    <a:pt x="144" y="13"/>
                    <a:pt x="142" y="14"/>
                  </a:cubicBezTo>
                  <a:cubicBezTo>
                    <a:pt x="141" y="15"/>
                    <a:pt x="137" y="15"/>
                    <a:pt x="137" y="15"/>
                  </a:cubicBezTo>
                  <a:cubicBezTo>
                    <a:pt x="137" y="15"/>
                    <a:pt x="135" y="15"/>
                    <a:pt x="134" y="15"/>
                  </a:cubicBezTo>
                  <a:cubicBezTo>
                    <a:pt x="133" y="16"/>
                    <a:pt x="132" y="16"/>
                    <a:pt x="131" y="17"/>
                  </a:cubicBezTo>
                  <a:cubicBezTo>
                    <a:pt x="129" y="18"/>
                    <a:pt x="127" y="18"/>
                    <a:pt x="126" y="18"/>
                  </a:cubicBezTo>
                  <a:cubicBezTo>
                    <a:pt x="125" y="18"/>
                    <a:pt x="125" y="17"/>
                    <a:pt x="124" y="17"/>
                  </a:cubicBezTo>
                  <a:cubicBezTo>
                    <a:pt x="123" y="17"/>
                    <a:pt x="122" y="18"/>
                    <a:pt x="121" y="17"/>
                  </a:cubicBezTo>
                  <a:cubicBezTo>
                    <a:pt x="119" y="17"/>
                    <a:pt x="116" y="17"/>
                    <a:pt x="115" y="17"/>
                  </a:cubicBezTo>
                  <a:cubicBezTo>
                    <a:pt x="114" y="16"/>
                    <a:pt x="113" y="15"/>
                    <a:pt x="111" y="16"/>
                  </a:cubicBezTo>
                  <a:cubicBezTo>
                    <a:pt x="110" y="16"/>
                    <a:pt x="107" y="16"/>
                    <a:pt x="107" y="17"/>
                  </a:cubicBezTo>
                  <a:cubicBezTo>
                    <a:pt x="105" y="21"/>
                    <a:pt x="107" y="20"/>
                    <a:pt x="105" y="21"/>
                  </a:cubicBezTo>
                  <a:cubicBezTo>
                    <a:pt x="103" y="22"/>
                    <a:pt x="102" y="22"/>
                    <a:pt x="102" y="22"/>
                  </a:cubicBezTo>
                  <a:cubicBezTo>
                    <a:pt x="102" y="22"/>
                    <a:pt x="101" y="20"/>
                    <a:pt x="99" y="21"/>
                  </a:cubicBezTo>
                  <a:cubicBezTo>
                    <a:pt x="97" y="22"/>
                    <a:pt x="99" y="21"/>
                    <a:pt x="97" y="22"/>
                  </a:cubicBezTo>
                  <a:cubicBezTo>
                    <a:pt x="95" y="24"/>
                    <a:pt x="94" y="24"/>
                    <a:pt x="92" y="24"/>
                  </a:cubicBezTo>
                  <a:cubicBezTo>
                    <a:pt x="89" y="24"/>
                    <a:pt x="88" y="24"/>
                    <a:pt x="88" y="24"/>
                  </a:cubicBezTo>
                  <a:cubicBezTo>
                    <a:pt x="84" y="24"/>
                    <a:pt x="84" y="24"/>
                    <a:pt x="84" y="24"/>
                  </a:cubicBezTo>
                  <a:cubicBezTo>
                    <a:pt x="82" y="27"/>
                    <a:pt x="83" y="28"/>
                    <a:pt x="82" y="29"/>
                  </a:cubicBezTo>
                  <a:cubicBezTo>
                    <a:pt x="81" y="29"/>
                    <a:pt x="78" y="30"/>
                    <a:pt x="78" y="30"/>
                  </a:cubicBezTo>
                  <a:cubicBezTo>
                    <a:pt x="78" y="30"/>
                    <a:pt x="75" y="30"/>
                    <a:pt x="74" y="32"/>
                  </a:cubicBezTo>
                  <a:cubicBezTo>
                    <a:pt x="73" y="33"/>
                    <a:pt x="72" y="33"/>
                    <a:pt x="71" y="34"/>
                  </a:cubicBezTo>
                  <a:cubicBezTo>
                    <a:pt x="69" y="36"/>
                    <a:pt x="70" y="36"/>
                    <a:pt x="69" y="37"/>
                  </a:cubicBezTo>
                  <a:cubicBezTo>
                    <a:pt x="68" y="39"/>
                    <a:pt x="68" y="34"/>
                    <a:pt x="65" y="36"/>
                  </a:cubicBezTo>
                  <a:cubicBezTo>
                    <a:pt x="61" y="38"/>
                    <a:pt x="61" y="36"/>
                    <a:pt x="60" y="38"/>
                  </a:cubicBezTo>
                  <a:cubicBezTo>
                    <a:pt x="59" y="40"/>
                    <a:pt x="58" y="41"/>
                    <a:pt x="57" y="42"/>
                  </a:cubicBezTo>
                  <a:cubicBezTo>
                    <a:pt x="56" y="43"/>
                    <a:pt x="55" y="42"/>
                    <a:pt x="54" y="42"/>
                  </a:cubicBezTo>
                  <a:cubicBezTo>
                    <a:pt x="52" y="42"/>
                    <a:pt x="50" y="40"/>
                    <a:pt x="50" y="42"/>
                  </a:cubicBezTo>
                  <a:cubicBezTo>
                    <a:pt x="51" y="44"/>
                    <a:pt x="50" y="45"/>
                    <a:pt x="51" y="45"/>
                  </a:cubicBezTo>
                  <a:cubicBezTo>
                    <a:pt x="52" y="47"/>
                    <a:pt x="51" y="47"/>
                    <a:pt x="51" y="49"/>
                  </a:cubicBezTo>
                  <a:cubicBezTo>
                    <a:pt x="51" y="53"/>
                    <a:pt x="53" y="52"/>
                    <a:pt x="51" y="53"/>
                  </a:cubicBezTo>
                  <a:cubicBezTo>
                    <a:pt x="49" y="54"/>
                    <a:pt x="47" y="52"/>
                    <a:pt x="46" y="55"/>
                  </a:cubicBezTo>
                  <a:cubicBezTo>
                    <a:pt x="45" y="57"/>
                    <a:pt x="44" y="54"/>
                    <a:pt x="45" y="57"/>
                  </a:cubicBezTo>
                  <a:cubicBezTo>
                    <a:pt x="45" y="60"/>
                    <a:pt x="46" y="57"/>
                    <a:pt x="45" y="60"/>
                  </a:cubicBezTo>
                  <a:cubicBezTo>
                    <a:pt x="45" y="62"/>
                    <a:pt x="42" y="60"/>
                    <a:pt x="43" y="62"/>
                  </a:cubicBezTo>
                  <a:cubicBezTo>
                    <a:pt x="44" y="65"/>
                    <a:pt x="39" y="66"/>
                    <a:pt x="39" y="66"/>
                  </a:cubicBezTo>
                  <a:cubicBezTo>
                    <a:pt x="39" y="66"/>
                    <a:pt x="38" y="66"/>
                    <a:pt x="37" y="68"/>
                  </a:cubicBezTo>
                  <a:cubicBezTo>
                    <a:pt x="36" y="69"/>
                    <a:pt x="35" y="69"/>
                    <a:pt x="34" y="71"/>
                  </a:cubicBezTo>
                  <a:cubicBezTo>
                    <a:pt x="33" y="72"/>
                    <a:pt x="29" y="73"/>
                    <a:pt x="29" y="73"/>
                  </a:cubicBezTo>
                  <a:cubicBezTo>
                    <a:pt x="28" y="76"/>
                    <a:pt x="26" y="77"/>
                    <a:pt x="27" y="77"/>
                  </a:cubicBezTo>
                  <a:cubicBezTo>
                    <a:pt x="29" y="77"/>
                    <a:pt x="29" y="75"/>
                    <a:pt x="30" y="76"/>
                  </a:cubicBezTo>
                  <a:cubicBezTo>
                    <a:pt x="32" y="78"/>
                    <a:pt x="31" y="77"/>
                    <a:pt x="32" y="79"/>
                  </a:cubicBezTo>
                  <a:cubicBezTo>
                    <a:pt x="32" y="81"/>
                    <a:pt x="32" y="79"/>
                    <a:pt x="32" y="81"/>
                  </a:cubicBezTo>
                  <a:cubicBezTo>
                    <a:pt x="29" y="84"/>
                    <a:pt x="27" y="85"/>
                    <a:pt x="26" y="85"/>
                  </a:cubicBezTo>
                  <a:cubicBezTo>
                    <a:pt x="25" y="85"/>
                    <a:pt x="22" y="84"/>
                    <a:pt x="22" y="85"/>
                  </a:cubicBezTo>
                  <a:cubicBezTo>
                    <a:pt x="22" y="85"/>
                    <a:pt x="20" y="88"/>
                    <a:pt x="20" y="90"/>
                  </a:cubicBezTo>
                  <a:cubicBezTo>
                    <a:pt x="20" y="91"/>
                    <a:pt x="16" y="92"/>
                    <a:pt x="16" y="93"/>
                  </a:cubicBezTo>
                  <a:cubicBezTo>
                    <a:pt x="15" y="93"/>
                    <a:pt x="13" y="90"/>
                    <a:pt x="13" y="93"/>
                  </a:cubicBezTo>
                  <a:cubicBezTo>
                    <a:pt x="13" y="96"/>
                    <a:pt x="10" y="96"/>
                    <a:pt x="13" y="96"/>
                  </a:cubicBezTo>
                  <a:cubicBezTo>
                    <a:pt x="15" y="97"/>
                    <a:pt x="16" y="97"/>
                    <a:pt x="17" y="97"/>
                  </a:cubicBezTo>
                  <a:cubicBezTo>
                    <a:pt x="18" y="98"/>
                    <a:pt x="19" y="99"/>
                    <a:pt x="18" y="100"/>
                  </a:cubicBezTo>
                  <a:cubicBezTo>
                    <a:pt x="17" y="102"/>
                    <a:pt x="16" y="101"/>
                    <a:pt x="15" y="103"/>
                  </a:cubicBezTo>
                  <a:cubicBezTo>
                    <a:pt x="13" y="106"/>
                    <a:pt x="15" y="108"/>
                    <a:pt x="13" y="108"/>
                  </a:cubicBezTo>
                  <a:cubicBezTo>
                    <a:pt x="11" y="108"/>
                    <a:pt x="13" y="107"/>
                    <a:pt x="11" y="108"/>
                  </a:cubicBezTo>
                  <a:cubicBezTo>
                    <a:pt x="8" y="109"/>
                    <a:pt x="7" y="109"/>
                    <a:pt x="7" y="109"/>
                  </a:cubicBezTo>
                  <a:cubicBezTo>
                    <a:pt x="7" y="109"/>
                    <a:pt x="5" y="108"/>
                    <a:pt x="4" y="109"/>
                  </a:cubicBezTo>
                  <a:cubicBezTo>
                    <a:pt x="2" y="111"/>
                    <a:pt x="0" y="112"/>
                    <a:pt x="1" y="114"/>
                  </a:cubicBezTo>
                  <a:cubicBezTo>
                    <a:pt x="1" y="117"/>
                    <a:pt x="1" y="116"/>
                    <a:pt x="2" y="11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89" name="ï$ḻíde">
              <a:extLst>
                <a:ext uri="{FF2B5EF4-FFF2-40B4-BE49-F238E27FC236}">
                  <a16:creationId xmlns:a16="http://schemas.microsoft.com/office/drawing/2014/main" xmlns="" id="{8C0D81BA-A9E0-4434-835D-DF81A55502B5}"/>
                </a:ext>
              </a:extLst>
            </p:cNvPr>
            <p:cNvSpPr/>
            <p:nvPr/>
          </p:nvSpPr>
          <p:spPr bwMode="auto">
            <a:xfrm>
              <a:off x="5541963" y="1614068"/>
              <a:ext cx="1473200" cy="904738"/>
            </a:xfrm>
            <a:custGeom>
              <a:avLst/>
              <a:gdLst>
                <a:gd name="connsiteX0" fmla="*/ 569913 w 1473200"/>
                <a:gd name="connsiteY0" fmla="*/ 851458 h 904738"/>
                <a:gd name="connsiteX1" fmla="*/ 563376 w 1473200"/>
                <a:gd name="connsiteY1" fmla="*/ 872993 h 904738"/>
                <a:gd name="connsiteX2" fmla="*/ 566645 w 1473200"/>
                <a:gd name="connsiteY2" fmla="*/ 884589 h 904738"/>
                <a:gd name="connsiteX3" fmla="*/ 555205 w 1473200"/>
                <a:gd name="connsiteY3" fmla="*/ 884589 h 904738"/>
                <a:gd name="connsiteX4" fmla="*/ 535595 w 1473200"/>
                <a:gd name="connsiteY4" fmla="*/ 872993 h 904738"/>
                <a:gd name="connsiteX5" fmla="*/ 514350 w 1473200"/>
                <a:gd name="connsiteY5" fmla="*/ 863054 h 904738"/>
                <a:gd name="connsiteX6" fmla="*/ 529058 w 1473200"/>
                <a:gd name="connsiteY6" fmla="*/ 854771 h 904738"/>
                <a:gd name="connsiteX7" fmla="*/ 525790 w 1473200"/>
                <a:gd name="connsiteY7" fmla="*/ 854771 h 904738"/>
                <a:gd name="connsiteX8" fmla="*/ 548669 w 1473200"/>
                <a:gd name="connsiteY8" fmla="*/ 858084 h 904738"/>
                <a:gd name="connsiteX9" fmla="*/ 569913 w 1473200"/>
                <a:gd name="connsiteY9" fmla="*/ 851458 h 904738"/>
                <a:gd name="connsiteX10" fmla="*/ 454963 w 1473200"/>
                <a:gd name="connsiteY10" fmla="*/ 783057 h 904738"/>
                <a:gd name="connsiteX11" fmla="*/ 459942 w 1473200"/>
                <a:gd name="connsiteY11" fmla="*/ 787955 h 904738"/>
                <a:gd name="connsiteX12" fmla="*/ 456622 w 1473200"/>
                <a:gd name="connsiteY12" fmla="*/ 791221 h 904738"/>
                <a:gd name="connsiteX13" fmla="*/ 468240 w 1473200"/>
                <a:gd name="connsiteY13" fmla="*/ 809183 h 904738"/>
                <a:gd name="connsiteX14" fmla="*/ 468240 w 1473200"/>
                <a:gd name="connsiteY14" fmla="*/ 825511 h 904738"/>
                <a:gd name="connsiteX15" fmla="*/ 458282 w 1473200"/>
                <a:gd name="connsiteY15" fmla="*/ 832043 h 904738"/>
                <a:gd name="connsiteX16" fmla="*/ 446664 w 1473200"/>
                <a:gd name="connsiteY16" fmla="*/ 836941 h 904738"/>
                <a:gd name="connsiteX17" fmla="*/ 446664 w 1473200"/>
                <a:gd name="connsiteY17" fmla="*/ 823878 h 904738"/>
                <a:gd name="connsiteX18" fmla="*/ 438366 w 1473200"/>
                <a:gd name="connsiteY18" fmla="*/ 792854 h 904738"/>
                <a:gd name="connsiteX19" fmla="*/ 454963 w 1473200"/>
                <a:gd name="connsiteY19" fmla="*/ 783057 h 904738"/>
                <a:gd name="connsiteX20" fmla="*/ 170971 w 1473200"/>
                <a:gd name="connsiteY20" fmla="*/ 460822 h 904738"/>
                <a:gd name="connsiteX21" fmla="*/ 175823 w 1473200"/>
                <a:gd name="connsiteY21" fmla="*/ 460822 h 904738"/>
                <a:gd name="connsiteX22" fmla="*/ 180675 w 1473200"/>
                <a:gd name="connsiteY22" fmla="*/ 460822 h 904738"/>
                <a:gd name="connsiteX23" fmla="*/ 183910 w 1473200"/>
                <a:gd name="connsiteY23" fmla="*/ 462438 h 904738"/>
                <a:gd name="connsiteX24" fmla="*/ 187145 w 1473200"/>
                <a:gd name="connsiteY24" fmla="*/ 465668 h 904738"/>
                <a:gd name="connsiteX25" fmla="*/ 193615 w 1473200"/>
                <a:gd name="connsiteY25" fmla="*/ 473745 h 904738"/>
                <a:gd name="connsiteX26" fmla="*/ 195232 w 1473200"/>
                <a:gd name="connsiteY26" fmla="*/ 478591 h 904738"/>
                <a:gd name="connsiteX27" fmla="*/ 195232 w 1473200"/>
                <a:gd name="connsiteY27" fmla="*/ 481822 h 904738"/>
                <a:gd name="connsiteX28" fmla="*/ 190380 w 1473200"/>
                <a:gd name="connsiteY28" fmla="*/ 486668 h 904738"/>
                <a:gd name="connsiteX29" fmla="*/ 185528 w 1473200"/>
                <a:gd name="connsiteY29" fmla="*/ 489899 h 904738"/>
                <a:gd name="connsiteX30" fmla="*/ 179058 w 1473200"/>
                <a:gd name="connsiteY30" fmla="*/ 491514 h 904738"/>
                <a:gd name="connsiteX31" fmla="*/ 174205 w 1473200"/>
                <a:gd name="connsiteY31" fmla="*/ 489899 h 904738"/>
                <a:gd name="connsiteX32" fmla="*/ 169353 w 1473200"/>
                <a:gd name="connsiteY32" fmla="*/ 488283 h 904738"/>
                <a:gd name="connsiteX33" fmla="*/ 169353 w 1473200"/>
                <a:gd name="connsiteY33" fmla="*/ 489899 h 904738"/>
                <a:gd name="connsiteX34" fmla="*/ 175823 w 1473200"/>
                <a:gd name="connsiteY34" fmla="*/ 493129 h 904738"/>
                <a:gd name="connsiteX35" fmla="*/ 180675 w 1473200"/>
                <a:gd name="connsiteY35" fmla="*/ 494745 h 904738"/>
                <a:gd name="connsiteX36" fmla="*/ 183910 w 1473200"/>
                <a:gd name="connsiteY36" fmla="*/ 501206 h 904738"/>
                <a:gd name="connsiteX37" fmla="*/ 183910 w 1473200"/>
                <a:gd name="connsiteY37" fmla="*/ 507667 h 904738"/>
                <a:gd name="connsiteX38" fmla="*/ 177440 w 1473200"/>
                <a:gd name="connsiteY38" fmla="*/ 533513 h 904738"/>
                <a:gd name="connsiteX39" fmla="*/ 174205 w 1473200"/>
                <a:gd name="connsiteY39" fmla="*/ 533513 h 904738"/>
                <a:gd name="connsiteX40" fmla="*/ 167736 w 1473200"/>
                <a:gd name="connsiteY40" fmla="*/ 535128 h 904738"/>
                <a:gd name="connsiteX41" fmla="*/ 162883 w 1473200"/>
                <a:gd name="connsiteY41" fmla="*/ 533513 h 904738"/>
                <a:gd name="connsiteX42" fmla="*/ 158031 w 1473200"/>
                <a:gd name="connsiteY42" fmla="*/ 535128 h 904738"/>
                <a:gd name="connsiteX43" fmla="*/ 153179 w 1473200"/>
                <a:gd name="connsiteY43" fmla="*/ 539974 h 904738"/>
                <a:gd name="connsiteX44" fmla="*/ 149944 w 1473200"/>
                <a:gd name="connsiteY44" fmla="*/ 544820 h 904738"/>
                <a:gd name="connsiteX45" fmla="*/ 143474 w 1473200"/>
                <a:gd name="connsiteY45" fmla="*/ 548051 h 904738"/>
                <a:gd name="connsiteX46" fmla="*/ 133769 w 1473200"/>
                <a:gd name="connsiteY46" fmla="*/ 551282 h 904738"/>
                <a:gd name="connsiteX47" fmla="*/ 125682 w 1473200"/>
                <a:gd name="connsiteY47" fmla="*/ 551282 h 904738"/>
                <a:gd name="connsiteX48" fmla="*/ 120829 w 1473200"/>
                <a:gd name="connsiteY48" fmla="*/ 549667 h 904738"/>
                <a:gd name="connsiteX49" fmla="*/ 115977 w 1473200"/>
                <a:gd name="connsiteY49" fmla="*/ 548051 h 904738"/>
                <a:gd name="connsiteX50" fmla="*/ 112742 w 1473200"/>
                <a:gd name="connsiteY50" fmla="*/ 541590 h 904738"/>
                <a:gd name="connsiteX51" fmla="*/ 112742 w 1473200"/>
                <a:gd name="connsiteY51" fmla="*/ 536744 h 904738"/>
                <a:gd name="connsiteX52" fmla="*/ 115977 w 1473200"/>
                <a:gd name="connsiteY52" fmla="*/ 533513 h 904738"/>
                <a:gd name="connsiteX53" fmla="*/ 120829 w 1473200"/>
                <a:gd name="connsiteY53" fmla="*/ 530282 h 904738"/>
                <a:gd name="connsiteX54" fmla="*/ 125682 w 1473200"/>
                <a:gd name="connsiteY54" fmla="*/ 527052 h 904738"/>
                <a:gd name="connsiteX55" fmla="*/ 128917 w 1473200"/>
                <a:gd name="connsiteY55" fmla="*/ 522206 h 904738"/>
                <a:gd name="connsiteX56" fmla="*/ 127299 w 1473200"/>
                <a:gd name="connsiteY56" fmla="*/ 518975 h 904738"/>
                <a:gd name="connsiteX57" fmla="*/ 128917 w 1473200"/>
                <a:gd name="connsiteY57" fmla="*/ 514129 h 904738"/>
                <a:gd name="connsiteX58" fmla="*/ 130534 w 1473200"/>
                <a:gd name="connsiteY58" fmla="*/ 512513 h 904738"/>
                <a:gd name="connsiteX59" fmla="*/ 130534 w 1473200"/>
                <a:gd name="connsiteY59" fmla="*/ 509283 h 904738"/>
                <a:gd name="connsiteX60" fmla="*/ 124064 w 1473200"/>
                <a:gd name="connsiteY60" fmla="*/ 507667 h 904738"/>
                <a:gd name="connsiteX61" fmla="*/ 119212 w 1473200"/>
                <a:gd name="connsiteY61" fmla="*/ 507667 h 904738"/>
                <a:gd name="connsiteX62" fmla="*/ 115977 w 1473200"/>
                <a:gd name="connsiteY62" fmla="*/ 506052 h 904738"/>
                <a:gd name="connsiteX63" fmla="*/ 117595 w 1473200"/>
                <a:gd name="connsiteY63" fmla="*/ 502821 h 904738"/>
                <a:gd name="connsiteX64" fmla="*/ 120829 w 1473200"/>
                <a:gd name="connsiteY64" fmla="*/ 497975 h 904738"/>
                <a:gd name="connsiteX65" fmla="*/ 117595 w 1473200"/>
                <a:gd name="connsiteY65" fmla="*/ 494745 h 904738"/>
                <a:gd name="connsiteX66" fmla="*/ 114360 w 1473200"/>
                <a:gd name="connsiteY66" fmla="*/ 491514 h 904738"/>
                <a:gd name="connsiteX67" fmla="*/ 114360 w 1473200"/>
                <a:gd name="connsiteY67" fmla="*/ 486668 h 904738"/>
                <a:gd name="connsiteX68" fmla="*/ 114360 w 1473200"/>
                <a:gd name="connsiteY68" fmla="*/ 485052 h 904738"/>
                <a:gd name="connsiteX69" fmla="*/ 119212 w 1473200"/>
                <a:gd name="connsiteY69" fmla="*/ 485052 h 904738"/>
                <a:gd name="connsiteX70" fmla="*/ 124064 w 1473200"/>
                <a:gd name="connsiteY70" fmla="*/ 485052 h 904738"/>
                <a:gd name="connsiteX71" fmla="*/ 128917 w 1473200"/>
                <a:gd name="connsiteY71" fmla="*/ 488283 h 904738"/>
                <a:gd name="connsiteX72" fmla="*/ 133769 w 1473200"/>
                <a:gd name="connsiteY72" fmla="*/ 485052 h 904738"/>
                <a:gd name="connsiteX73" fmla="*/ 138621 w 1473200"/>
                <a:gd name="connsiteY73" fmla="*/ 485052 h 904738"/>
                <a:gd name="connsiteX74" fmla="*/ 140239 w 1473200"/>
                <a:gd name="connsiteY74" fmla="*/ 486668 h 904738"/>
                <a:gd name="connsiteX75" fmla="*/ 145091 w 1473200"/>
                <a:gd name="connsiteY75" fmla="*/ 481822 h 904738"/>
                <a:gd name="connsiteX76" fmla="*/ 148326 w 1473200"/>
                <a:gd name="connsiteY76" fmla="*/ 480206 h 904738"/>
                <a:gd name="connsiteX77" fmla="*/ 149944 w 1473200"/>
                <a:gd name="connsiteY77" fmla="*/ 483437 h 904738"/>
                <a:gd name="connsiteX78" fmla="*/ 151561 w 1473200"/>
                <a:gd name="connsiteY78" fmla="*/ 485052 h 904738"/>
                <a:gd name="connsiteX79" fmla="*/ 159648 w 1473200"/>
                <a:gd name="connsiteY79" fmla="*/ 488283 h 904738"/>
                <a:gd name="connsiteX80" fmla="*/ 153179 w 1473200"/>
                <a:gd name="connsiteY80" fmla="*/ 483437 h 904738"/>
                <a:gd name="connsiteX81" fmla="*/ 153179 w 1473200"/>
                <a:gd name="connsiteY81" fmla="*/ 480206 h 904738"/>
                <a:gd name="connsiteX82" fmla="*/ 158031 w 1473200"/>
                <a:gd name="connsiteY82" fmla="*/ 476976 h 904738"/>
                <a:gd name="connsiteX83" fmla="*/ 162883 w 1473200"/>
                <a:gd name="connsiteY83" fmla="*/ 472130 h 904738"/>
                <a:gd name="connsiteX84" fmla="*/ 162883 w 1473200"/>
                <a:gd name="connsiteY84" fmla="*/ 467284 h 904738"/>
                <a:gd name="connsiteX85" fmla="*/ 170971 w 1473200"/>
                <a:gd name="connsiteY85" fmla="*/ 460822 h 904738"/>
                <a:gd name="connsiteX86" fmla="*/ 205311 w 1473200"/>
                <a:gd name="connsiteY86" fmla="*/ 371895 h 904738"/>
                <a:gd name="connsiteX87" fmla="*/ 213423 w 1473200"/>
                <a:gd name="connsiteY87" fmla="*/ 373518 h 904738"/>
                <a:gd name="connsiteX88" fmla="*/ 218290 w 1473200"/>
                <a:gd name="connsiteY88" fmla="*/ 375141 h 904738"/>
                <a:gd name="connsiteX89" fmla="*/ 228024 w 1473200"/>
                <a:gd name="connsiteY89" fmla="*/ 371895 h 904738"/>
                <a:gd name="connsiteX90" fmla="*/ 236136 w 1473200"/>
                <a:gd name="connsiteY90" fmla="*/ 373518 h 904738"/>
                <a:gd name="connsiteX91" fmla="*/ 236136 w 1473200"/>
                <a:gd name="connsiteY91" fmla="*/ 378387 h 904738"/>
                <a:gd name="connsiteX92" fmla="*/ 234514 w 1473200"/>
                <a:gd name="connsiteY92" fmla="*/ 383256 h 904738"/>
                <a:gd name="connsiteX93" fmla="*/ 229647 w 1473200"/>
                <a:gd name="connsiteY93" fmla="*/ 386502 h 904738"/>
                <a:gd name="connsiteX94" fmla="*/ 226402 w 1473200"/>
                <a:gd name="connsiteY94" fmla="*/ 389748 h 904738"/>
                <a:gd name="connsiteX95" fmla="*/ 223157 w 1473200"/>
                <a:gd name="connsiteY95" fmla="*/ 391371 h 904738"/>
                <a:gd name="connsiteX96" fmla="*/ 223157 w 1473200"/>
                <a:gd name="connsiteY96" fmla="*/ 394618 h 904738"/>
                <a:gd name="connsiteX97" fmla="*/ 224779 w 1473200"/>
                <a:gd name="connsiteY97" fmla="*/ 399487 h 904738"/>
                <a:gd name="connsiteX98" fmla="*/ 226402 w 1473200"/>
                <a:gd name="connsiteY98" fmla="*/ 399487 h 904738"/>
                <a:gd name="connsiteX99" fmla="*/ 229647 w 1473200"/>
                <a:gd name="connsiteY99" fmla="*/ 397864 h 904738"/>
                <a:gd name="connsiteX100" fmla="*/ 232891 w 1473200"/>
                <a:gd name="connsiteY100" fmla="*/ 396241 h 904738"/>
                <a:gd name="connsiteX101" fmla="*/ 236136 w 1473200"/>
                <a:gd name="connsiteY101" fmla="*/ 396241 h 904738"/>
                <a:gd name="connsiteX102" fmla="*/ 247493 w 1473200"/>
                <a:gd name="connsiteY102" fmla="*/ 396241 h 904738"/>
                <a:gd name="connsiteX103" fmla="*/ 250738 w 1473200"/>
                <a:gd name="connsiteY103" fmla="*/ 396241 h 904738"/>
                <a:gd name="connsiteX104" fmla="*/ 253983 w 1473200"/>
                <a:gd name="connsiteY104" fmla="*/ 396241 h 904738"/>
                <a:gd name="connsiteX105" fmla="*/ 258850 w 1473200"/>
                <a:gd name="connsiteY105" fmla="*/ 394618 h 904738"/>
                <a:gd name="connsiteX106" fmla="*/ 262095 w 1473200"/>
                <a:gd name="connsiteY106" fmla="*/ 399487 h 904738"/>
                <a:gd name="connsiteX107" fmla="*/ 262095 w 1473200"/>
                <a:gd name="connsiteY107" fmla="*/ 402733 h 904738"/>
                <a:gd name="connsiteX108" fmla="*/ 262095 w 1473200"/>
                <a:gd name="connsiteY108" fmla="*/ 405979 h 904738"/>
                <a:gd name="connsiteX109" fmla="*/ 260472 w 1473200"/>
                <a:gd name="connsiteY109" fmla="*/ 409225 h 904738"/>
                <a:gd name="connsiteX110" fmla="*/ 258850 w 1473200"/>
                <a:gd name="connsiteY110" fmla="*/ 412471 h 904738"/>
                <a:gd name="connsiteX111" fmla="*/ 255605 w 1473200"/>
                <a:gd name="connsiteY111" fmla="*/ 415717 h 904738"/>
                <a:gd name="connsiteX112" fmla="*/ 255605 w 1473200"/>
                <a:gd name="connsiteY112" fmla="*/ 418963 h 904738"/>
                <a:gd name="connsiteX113" fmla="*/ 250738 w 1473200"/>
                <a:gd name="connsiteY113" fmla="*/ 423832 h 904738"/>
                <a:gd name="connsiteX114" fmla="*/ 249115 w 1473200"/>
                <a:gd name="connsiteY114" fmla="*/ 427078 h 904738"/>
                <a:gd name="connsiteX115" fmla="*/ 245871 w 1473200"/>
                <a:gd name="connsiteY115" fmla="*/ 428702 h 904738"/>
                <a:gd name="connsiteX116" fmla="*/ 247493 w 1473200"/>
                <a:gd name="connsiteY116" fmla="*/ 431948 h 904738"/>
                <a:gd name="connsiteX117" fmla="*/ 245871 w 1473200"/>
                <a:gd name="connsiteY117" fmla="*/ 433571 h 904738"/>
                <a:gd name="connsiteX118" fmla="*/ 242626 w 1473200"/>
                <a:gd name="connsiteY118" fmla="*/ 435194 h 904738"/>
                <a:gd name="connsiteX119" fmla="*/ 239381 w 1473200"/>
                <a:gd name="connsiteY119" fmla="*/ 438440 h 904738"/>
                <a:gd name="connsiteX120" fmla="*/ 239381 w 1473200"/>
                <a:gd name="connsiteY120" fmla="*/ 441686 h 904738"/>
                <a:gd name="connsiteX121" fmla="*/ 245871 w 1473200"/>
                <a:gd name="connsiteY121" fmla="*/ 440063 h 904738"/>
                <a:gd name="connsiteX122" fmla="*/ 249115 w 1473200"/>
                <a:gd name="connsiteY122" fmla="*/ 441686 h 904738"/>
                <a:gd name="connsiteX123" fmla="*/ 250738 w 1473200"/>
                <a:gd name="connsiteY123" fmla="*/ 441686 h 904738"/>
                <a:gd name="connsiteX124" fmla="*/ 253983 w 1473200"/>
                <a:gd name="connsiteY124" fmla="*/ 441686 h 904738"/>
                <a:gd name="connsiteX125" fmla="*/ 255605 w 1473200"/>
                <a:gd name="connsiteY125" fmla="*/ 443309 h 904738"/>
                <a:gd name="connsiteX126" fmla="*/ 257227 w 1473200"/>
                <a:gd name="connsiteY126" fmla="*/ 444932 h 904738"/>
                <a:gd name="connsiteX127" fmla="*/ 258850 w 1473200"/>
                <a:gd name="connsiteY127" fmla="*/ 444932 h 904738"/>
                <a:gd name="connsiteX128" fmla="*/ 262095 w 1473200"/>
                <a:gd name="connsiteY128" fmla="*/ 449801 h 904738"/>
                <a:gd name="connsiteX129" fmla="*/ 263717 w 1473200"/>
                <a:gd name="connsiteY129" fmla="*/ 453047 h 904738"/>
                <a:gd name="connsiteX130" fmla="*/ 265339 w 1473200"/>
                <a:gd name="connsiteY130" fmla="*/ 456293 h 904738"/>
                <a:gd name="connsiteX131" fmla="*/ 266962 w 1473200"/>
                <a:gd name="connsiteY131" fmla="*/ 459539 h 904738"/>
                <a:gd name="connsiteX132" fmla="*/ 268584 w 1473200"/>
                <a:gd name="connsiteY132" fmla="*/ 462785 h 904738"/>
                <a:gd name="connsiteX133" fmla="*/ 270207 w 1473200"/>
                <a:gd name="connsiteY133" fmla="*/ 469278 h 904738"/>
                <a:gd name="connsiteX134" fmla="*/ 273451 w 1473200"/>
                <a:gd name="connsiteY134" fmla="*/ 472524 h 904738"/>
                <a:gd name="connsiteX135" fmla="*/ 279941 w 1473200"/>
                <a:gd name="connsiteY135" fmla="*/ 475770 h 904738"/>
                <a:gd name="connsiteX136" fmla="*/ 284808 w 1473200"/>
                <a:gd name="connsiteY136" fmla="*/ 477393 h 904738"/>
                <a:gd name="connsiteX137" fmla="*/ 288053 w 1473200"/>
                <a:gd name="connsiteY137" fmla="*/ 480639 h 904738"/>
                <a:gd name="connsiteX138" fmla="*/ 288053 w 1473200"/>
                <a:gd name="connsiteY138" fmla="*/ 483885 h 904738"/>
                <a:gd name="connsiteX139" fmla="*/ 288053 w 1473200"/>
                <a:gd name="connsiteY139" fmla="*/ 485508 h 904738"/>
                <a:gd name="connsiteX140" fmla="*/ 291298 w 1473200"/>
                <a:gd name="connsiteY140" fmla="*/ 488754 h 904738"/>
                <a:gd name="connsiteX141" fmla="*/ 291298 w 1473200"/>
                <a:gd name="connsiteY141" fmla="*/ 493623 h 904738"/>
                <a:gd name="connsiteX142" fmla="*/ 292920 w 1473200"/>
                <a:gd name="connsiteY142" fmla="*/ 496869 h 904738"/>
                <a:gd name="connsiteX143" fmla="*/ 296165 w 1473200"/>
                <a:gd name="connsiteY143" fmla="*/ 500115 h 904738"/>
                <a:gd name="connsiteX144" fmla="*/ 297787 w 1473200"/>
                <a:gd name="connsiteY144" fmla="*/ 503361 h 904738"/>
                <a:gd name="connsiteX145" fmla="*/ 301032 w 1473200"/>
                <a:gd name="connsiteY145" fmla="*/ 506608 h 904738"/>
                <a:gd name="connsiteX146" fmla="*/ 302654 w 1473200"/>
                <a:gd name="connsiteY146" fmla="*/ 511477 h 904738"/>
                <a:gd name="connsiteX147" fmla="*/ 301032 w 1473200"/>
                <a:gd name="connsiteY147" fmla="*/ 514723 h 904738"/>
                <a:gd name="connsiteX148" fmla="*/ 299410 w 1473200"/>
                <a:gd name="connsiteY148" fmla="*/ 516346 h 904738"/>
                <a:gd name="connsiteX149" fmla="*/ 299410 w 1473200"/>
                <a:gd name="connsiteY149" fmla="*/ 517969 h 904738"/>
                <a:gd name="connsiteX150" fmla="*/ 304277 w 1473200"/>
                <a:gd name="connsiteY150" fmla="*/ 521215 h 904738"/>
                <a:gd name="connsiteX151" fmla="*/ 309144 w 1473200"/>
                <a:gd name="connsiteY151" fmla="*/ 517969 h 904738"/>
                <a:gd name="connsiteX152" fmla="*/ 314011 w 1473200"/>
                <a:gd name="connsiteY152" fmla="*/ 517969 h 904738"/>
                <a:gd name="connsiteX153" fmla="*/ 317256 w 1473200"/>
                <a:gd name="connsiteY153" fmla="*/ 517969 h 904738"/>
                <a:gd name="connsiteX154" fmla="*/ 323746 w 1473200"/>
                <a:gd name="connsiteY154" fmla="*/ 519592 h 904738"/>
                <a:gd name="connsiteX155" fmla="*/ 326990 w 1473200"/>
                <a:gd name="connsiteY155" fmla="*/ 524461 h 904738"/>
                <a:gd name="connsiteX156" fmla="*/ 328613 w 1473200"/>
                <a:gd name="connsiteY156" fmla="*/ 529330 h 904738"/>
                <a:gd name="connsiteX157" fmla="*/ 326990 w 1473200"/>
                <a:gd name="connsiteY157" fmla="*/ 532576 h 904738"/>
                <a:gd name="connsiteX158" fmla="*/ 325368 w 1473200"/>
                <a:gd name="connsiteY158" fmla="*/ 534199 h 904738"/>
                <a:gd name="connsiteX159" fmla="*/ 325368 w 1473200"/>
                <a:gd name="connsiteY159" fmla="*/ 537445 h 904738"/>
                <a:gd name="connsiteX160" fmla="*/ 320501 w 1473200"/>
                <a:gd name="connsiteY160" fmla="*/ 542315 h 904738"/>
                <a:gd name="connsiteX161" fmla="*/ 315634 w 1473200"/>
                <a:gd name="connsiteY161" fmla="*/ 547184 h 904738"/>
                <a:gd name="connsiteX162" fmla="*/ 312389 w 1473200"/>
                <a:gd name="connsiteY162" fmla="*/ 550430 h 904738"/>
                <a:gd name="connsiteX163" fmla="*/ 305899 w 1473200"/>
                <a:gd name="connsiteY163" fmla="*/ 553676 h 904738"/>
                <a:gd name="connsiteX164" fmla="*/ 305899 w 1473200"/>
                <a:gd name="connsiteY164" fmla="*/ 556922 h 904738"/>
                <a:gd name="connsiteX165" fmla="*/ 312389 w 1473200"/>
                <a:gd name="connsiteY165" fmla="*/ 556922 h 904738"/>
                <a:gd name="connsiteX166" fmla="*/ 317256 w 1473200"/>
                <a:gd name="connsiteY166" fmla="*/ 556922 h 904738"/>
                <a:gd name="connsiteX167" fmla="*/ 320501 w 1473200"/>
                <a:gd name="connsiteY167" fmla="*/ 560168 h 904738"/>
                <a:gd name="connsiteX168" fmla="*/ 318878 w 1473200"/>
                <a:gd name="connsiteY168" fmla="*/ 561791 h 904738"/>
                <a:gd name="connsiteX169" fmla="*/ 314011 w 1473200"/>
                <a:gd name="connsiteY169" fmla="*/ 566660 h 904738"/>
                <a:gd name="connsiteX170" fmla="*/ 302654 w 1473200"/>
                <a:gd name="connsiteY170" fmla="*/ 569906 h 904738"/>
                <a:gd name="connsiteX171" fmla="*/ 297787 w 1473200"/>
                <a:gd name="connsiteY171" fmla="*/ 573152 h 904738"/>
                <a:gd name="connsiteX172" fmla="*/ 292920 w 1473200"/>
                <a:gd name="connsiteY172" fmla="*/ 573152 h 904738"/>
                <a:gd name="connsiteX173" fmla="*/ 278318 w 1473200"/>
                <a:gd name="connsiteY173" fmla="*/ 571529 h 904738"/>
                <a:gd name="connsiteX174" fmla="*/ 276696 w 1473200"/>
                <a:gd name="connsiteY174" fmla="*/ 573152 h 904738"/>
                <a:gd name="connsiteX175" fmla="*/ 268584 w 1473200"/>
                <a:gd name="connsiteY175" fmla="*/ 574775 h 904738"/>
                <a:gd name="connsiteX176" fmla="*/ 265339 w 1473200"/>
                <a:gd name="connsiteY176" fmla="*/ 571529 h 904738"/>
                <a:gd name="connsiteX177" fmla="*/ 260472 w 1473200"/>
                <a:gd name="connsiteY177" fmla="*/ 569906 h 904738"/>
                <a:gd name="connsiteX178" fmla="*/ 257227 w 1473200"/>
                <a:gd name="connsiteY178" fmla="*/ 573152 h 904738"/>
                <a:gd name="connsiteX179" fmla="*/ 252360 w 1473200"/>
                <a:gd name="connsiteY179" fmla="*/ 574775 h 904738"/>
                <a:gd name="connsiteX180" fmla="*/ 245871 w 1473200"/>
                <a:gd name="connsiteY180" fmla="*/ 574775 h 904738"/>
                <a:gd name="connsiteX181" fmla="*/ 241003 w 1473200"/>
                <a:gd name="connsiteY181" fmla="*/ 574775 h 904738"/>
                <a:gd name="connsiteX182" fmla="*/ 236136 w 1473200"/>
                <a:gd name="connsiteY182" fmla="*/ 574775 h 904738"/>
                <a:gd name="connsiteX183" fmla="*/ 234514 w 1473200"/>
                <a:gd name="connsiteY183" fmla="*/ 576399 h 904738"/>
                <a:gd name="connsiteX184" fmla="*/ 232891 w 1473200"/>
                <a:gd name="connsiteY184" fmla="*/ 579645 h 904738"/>
                <a:gd name="connsiteX185" fmla="*/ 231269 w 1473200"/>
                <a:gd name="connsiteY185" fmla="*/ 581268 h 904738"/>
                <a:gd name="connsiteX186" fmla="*/ 224779 w 1473200"/>
                <a:gd name="connsiteY186" fmla="*/ 584514 h 904738"/>
                <a:gd name="connsiteX187" fmla="*/ 223157 w 1473200"/>
                <a:gd name="connsiteY187" fmla="*/ 582891 h 904738"/>
                <a:gd name="connsiteX188" fmla="*/ 219912 w 1473200"/>
                <a:gd name="connsiteY188" fmla="*/ 581268 h 904738"/>
                <a:gd name="connsiteX189" fmla="*/ 216667 w 1473200"/>
                <a:gd name="connsiteY189" fmla="*/ 581268 h 904738"/>
                <a:gd name="connsiteX190" fmla="*/ 213423 w 1473200"/>
                <a:gd name="connsiteY190" fmla="*/ 581268 h 904738"/>
                <a:gd name="connsiteX191" fmla="*/ 210178 w 1473200"/>
                <a:gd name="connsiteY191" fmla="*/ 581268 h 904738"/>
                <a:gd name="connsiteX192" fmla="*/ 205311 w 1473200"/>
                <a:gd name="connsiteY192" fmla="*/ 586137 h 904738"/>
                <a:gd name="connsiteX193" fmla="*/ 202066 w 1473200"/>
                <a:gd name="connsiteY193" fmla="*/ 589383 h 904738"/>
                <a:gd name="connsiteX194" fmla="*/ 200443 w 1473200"/>
                <a:gd name="connsiteY194" fmla="*/ 589383 h 904738"/>
                <a:gd name="connsiteX195" fmla="*/ 197199 w 1473200"/>
                <a:gd name="connsiteY195" fmla="*/ 587760 h 904738"/>
                <a:gd name="connsiteX196" fmla="*/ 198821 w 1473200"/>
                <a:gd name="connsiteY196" fmla="*/ 584514 h 904738"/>
                <a:gd name="connsiteX197" fmla="*/ 200443 w 1473200"/>
                <a:gd name="connsiteY197" fmla="*/ 582891 h 904738"/>
                <a:gd name="connsiteX198" fmla="*/ 205311 w 1473200"/>
                <a:gd name="connsiteY198" fmla="*/ 576399 h 904738"/>
                <a:gd name="connsiteX199" fmla="*/ 210178 w 1473200"/>
                <a:gd name="connsiteY199" fmla="*/ 573152 h 904738"/>
                <a:gd name="connsiteX200" fmla="*/ 213423 w 1473200"/>
                <a:gd name="connsiteY200" fmla="*/ 569906 h 904738"/>
                <a:gd name="connsiteX201" fmla="*/ 215045 w 1473200"/>
                <a:gd name="connsiteY201" fmla="*/ 566660 h 904738"/>
                <a:gd name="connsiteX202" fmla="*/ 218290 w 1473200"/>
                <a:gd name="connsiteY202" fmla="*/ 565037 h 904738"/>
                <a:gd name="connsiteX203" fmla="*/ 223157 w 1473200"/>
                <a:gd name="connsiteY203" fmla="*/ 560168 h 904738"/>
                <a:gd name="connsiteX204" fmla="*/ 228024 w 1473200"/>
                <a:gd name="connsiteY204" fmla="*/ 560168 h 904738"/>
                <a:gd name="connsiteX205" fmla="*/ 229647 w 1473200"/>
                <a:gd name="connsiteY205" fmla="*/ 560168 h 904738"/>
                <a:gd name="connsiteX206" fmla="*/ 231269 w 1473200"/>
                <a:gd name="connsiteY206" fmla="*/ 561791 h 904738"/>
                <a:gd name="connsiteX207" fmla="*/ 234514 w 1473200"/>
                <a:gd name="connsiteY207" fmla="*/ 561791 h 904738"/>
                <a:gd name="connsiteX208" fmla="*/ 236136 w 1473200"/>
                <a:gd name="connsiteY208" fmla="*/ 561791 h 904738"/>
                <a:gd name="connsiteX209" fmla="*/ 241003 w 1473200"/>
                <a:gd name="connsiteY209" fmla="*/ 560168 h 904738"/>
                <a:gd name="connsiteX210" fmla="*/ 242626 w 1473200"/>
                <a:gd name="connsiteY210" fmla="*/ 556922 h 904738"/>
                <a:gd name="connsiteX211" fmla="*/ 245871 w 1473200"/>
                <a:gd name="connsiteY211" fmla="*/ 555299 h 904738"/>
                <a:gd name="connsiteX212" fmla="*/ 247493 w 1473200"/>
                <a:gd name="connsiteY212" fmla="*/ 548807 h 904738"/>
                <a:gd name="connsiteX213" fmla="*/ 245871 w 1473200"/>
                <a:gd name="connsiteY213" fmla="*/ 550430 h 904738"/>
                <a:gd name="connsiteX214" fmla="*/ 244248 w 1473200"/>
                <a:gd name="connsiteY214" fmla="*/ 550430 h 904738"/>
                <a:gd name="connsiteX215" fmla="*/ 241003 w 1473200"/>
                <a:gd name="connsiteY215" fmla="*/ 552053 h 904738"/>
                <a:gd name="connsiteX216" fmla="*/ 237759 w 1473200"/>
                <a:gd name="connsiteY216" fmla="*/ 555299 h 904738"/>
                <a:gd name="connsiteX217" fmla="*/ 232891 w 1473200"/>
                <a:gd name="connsiteY217" fmla="*/ 555299 h 904738"/>
                <a:gd name="connsiteX218" fmla="*/ 231269 w 1473200"/>
                <a:gd name="connsiteY218" fmla="*/ 555299 h 904738"/>
                <a:gd name="connsiteX219" fmla="*/ 228024 w 1473200"/>
                <a:gd name="connsiteY219" fmla="*/ 553676 h 904738"/>
                <a:gd name="connsiteX220" fmla="*/ 226402 w 1473200"/>
                <a:gd name="connsiteY220" fmla="*/ 553676 h 904738"/>
                <a:gd name="connsiteX221" fmla="*/ 219912 w 1473200"/>
                <a:gd name="connsiteY221" fmla="*/ 550430 h 904738"/>
                <a:gd name="connsiteX222" fmla="*/ 215045 w 1473200"/>
                <a:gd name="connsiteY222" fmla="*/ 548807 h 904738"/>
                <a:gd name="connsiteX223" fmla="*/ 211800 w 1473200"/>
                <a:gd name="connsiteY223" fmla="*/ 548807 h 904738"/>
                <a:gd name="connsiteX224" fmla="*/ 208555 w 1473200"/>
                <a:gd name="connsiteY224" fmla="*/ 548807 h 904738"/>
                <a:gd name="connsiteX225" fmla="*/ 205311 w 1473200"/>
                <a:gd name="connsiteY225" fmla="*/ 550430 h 904738"/>
                <a:gd name="connsiteX226" fmla="*/ 202066 w 1473200"/>
                <a:gd name="connsiteY226" fmla="*/ 548807 h 904738"/>
                <a:gd name="connsiteX227" fmla="*/ 203688 w 1473200"/>
                <a:gd name="connsiteY227" fmla="*/ 542315 h 904738"/>
                <a:gd name="connsiteX228" fmla="*/ 206933 w 1473200"/>
                <a:gd name="connsiteY228" fmla="*/ 540692 h 904738"/>
                <a:gd name="connsiteX229" fmla="*/ 210178 w 1473200"/>
                <a:gd name="connsiteY229" fmla="*/ 539068 h 904738"/>
                <a:gd name="connsiteX230" fmla="*/ 213423 w 1473200"/>
                <a:gd name="connsiteY230" fmla="*/ 539068 h 904738"/>
                <a:gd name="connsiteX231" fmla="*/ 218290 w 1473200"/>
                <a:gd name="connsiteY231" fmla="*/ 535822 h 904738"/>
                <a:gd name="connsiteX232" fmla="*/ 218290 w 1473200"/>
                <a:gd name="connsiteY232" fmla="*/ 532576 h 904738"/>
                <a:gd name="connsiteX233" fmla="*/ 219912 w 1473200"/>
                <a:gd name="connsiteY233" fmla="*/ 529330 h 904738"/>
                <a:gd name="connsiteX234" fmla="*/ 223157 w 1473200"/>
                <a:gd name="connsiteY234" fmla="*/ 527707 h 904738"/>
                <a:gd name="connsiteX235" fmla="*/ 223157 w 1473200"/>
                <a:gd name="connsiteY235" fmla="*/ 524461 h 904738"/>
                <a:gd name="connsiteX236" fmla="*/ 221535 w 1473200"/>
                <a:gd name="connsiteY236" fmla="*/ 521215 h 904738"/>
                <a:gd name="connsiteX237" fmla="*/ 218290 w 1473200"/>
                <a:gd name="connsiteY237" fmla="*/ 517969 h 904738"/>
                <a:gd name="connsiteX238" fmla="*/ 218290 w 1473200"/>
                <a:gd name="connsiteY238" fmla="*/ 516346 h 904738"/>
                <a:gd name="connsiteX239" fmla="*/ 218290 w 1473200"/>
                <a:gd name="connsiteY239" fmla="*/ 513100 h 904738"/>
                <a:gd name="connsiteX240" fmla="*/ 219912 w 1473200"/>
                <a:gd name="connsiteY240" fmla="*/ 511477 h 904738"/>
                <a:gd name="connsiteX241" fmla="*/ 221535 w 1473200"/>
                <a:gd name="connsiteY241" fmla="*/ 509854 h 904738"/>
                <a:gd name="connsiteX242" fmla="*/ 223157 w 1473200"/>
                <a:gd name="connsiteY242" fmla="*/ 509854 h 904738"/>
                <a:gd name="connsiteX243" fmla="*/ 226402 w 1473200"/>
                <a:gd name="connsiteY243" fmla="*/ 509854 h 904738"/>
                <a:gd name="connsiteX244" fmla="*/ 229647 w 1473200"/>
                <a:gd name="connsiteY244" fmla="*/ 508231 h 904738"/>
                <a:gd name="connsiteX245" fmla="*/ 234514 w 1473200"/>
                <a:gd name="connsiteY245" fmla="*/ 508231 h 904738"/>
                <a:gd name="connsiteX246" fmla="*/ 237759 w 1473200"/>
                <a:gd name="connsiteY246" fmla="*/ 509854 h 904738"/>
                <a:gd name="connsiteX247" fmla="*/ 239381 w 1473200"/>
                <a:gd name="connsiteY247" fmla="*/ 508231 h 904738"/>
                <a:gd name="connsiteX248" fmla="*/ 239381 w 1473200"/>
                <a:gd name="connsiteY248" fmla="*/ 503361 h 904738"/>
                <a:gd name="connsiteX249" fmla="*/ 239381 w 1473200"/>
                <a:gd name="connsiteY249" fmla="*/ 498492 h 904738"/>
                <a:gd name="connsiteX250" fmla="*/ 239381 w 1473200"/>
                <a:gd name="connsiteY250" fmla="*/ 496869 h 904738"/>
                <a:gd name="connsiteX251" fmla="*/ 239381 w 1473200"/>
                <a:gd name="connsiteY251" fmla="*/ 493623 h 904738"/>
                <a:gd name="connsiteX252" fmla="*/ 241003 w 1473200"/>
                <a:gd name="connsiteY252" fmla="*/ 490377 h 904738"/>
                <a:gd name="connsiteX253" fmla="*/ 241003 w 1473200"/>
                <a:gd name="connsiteY253" fmla="*/ 488754 h 904738"/>
                <a:gd name="connsiteX254" fmla="*/ 237759 w 1473200"/>
                <a:gd name="connsiteY254" fmla="*/ 487131 h 904738"/>
                <a:gd name="connsiteX255" fmla="*/ 236136 w 1473200"/>
                <a:gd name="connsiteY255" fmla="*/ 485508 h 904738"/>
                <a:gd name="connsiteX256" fmla="*/ 236136 w 1473200"/>
                <a:gd name="connsiteY256" fmla="*/ 483885 h 904738"/>
                <a:gd name="connsiteX257" fmla="*/ 232891 w 1473200"/>
                <a:gd name="connsiteY257" fmla="*/ 480639 h 904738"/>
                <a:gd name="connsiteX258" fmla="*/ 229647 w 1473200"/>
                <a:gd name="connsiteY258" fmla="*/ 479016 h 904738"/>
                <a:gd name="connsiteX259" fmla="*/ 229647 w 1473200"/>
                <a:gd name="connsiteY259" fmla="*/ 475770 h 904738"/>
                <a:gd name="connsiteX260" fmla="*/ 232891 w 1473200"/>
                <a:gd name="connsiteY260" fmla="*/ 472524 h 904738"/>
                <a:gd name="connsiteX261" fmla="*/ 234514 w 1473200"/>
                <a:gd name="connsiteY261" fmla="*/ 469278 h 904738"/>
                <a:gd name="connsiteX262" fmla="*/ 232891 w 1473200"/>
                <a:gd name="connsiteY262" fmla="*/ 467655 h 904738"/>
                <a:gd name="connsiteX263" fmla="*/ 228024 w 1473200"/>
                <a:gd name="connsiteY263" fmla="*/ 467655 h 904738"/>
                <a:gd name="connsiteX264" fmla="*/ 226402 w 1473200"/>
                <a:gd name="connsiteY264" fmla="*/ 469278 h 904738"/>
                <a:gd name="connsiteX265" fmla="*/ 224779 w 1473200"/>
                <a:gd name="connsiteY265" fmla="*/ 470901 h 904738"/>
                <a:gd name="connsiteX266" fmla="*/ 221535 w 1473200"/>
                <a:gd name="connsiteY266" fmla="*/ 472524 h 904738"/>
                <a:gd name="connsiteX267" fmla="*/ 218290 w 1473200"/>
                <a:gd name="connsiteY267" fmla="*/ 470901 h 904738"/>
                <a:gd name="connsiteX268" fmla="*/ 216667 w 1473200"/>
                <a:gd name="connsiteY268" fmla="*/ 472524 h 904738"/>
                <a:gd name="connsiteX269" fmla="*/ 211800 w 1473200"/>
                <a:gd name="connsiteY269" fmla="*/ 472524 h 904738"/>
                <a:gd name="connsiteX270" fmla="*/ 205311 w 1473200"/>
                <a:gd name="connsiteY270" fmla="*/ 472524 h 904738"/>
                <a:gd name="connsiteX271" fmla="*/ 203688 w 1473200"/>
                <a:gd name="connsiteY271" fmla="*/ 469278 h 904738"/>
                <a:gd name="connsiteX272" fmla="*/ 202066 w 1473200"/>
                <a:gd name="connsiteY272" fmla="*/ 466032 h 904738"/>
                <a:gd name="connsiteX273" fmla="*/ 205311 w 1473200"/>
                <a:gd name="connsiteY273" fmla="*/ 462785 h 904738"/>
                <a:gd name="connsiteX274" fmla="*/ 206933 w 1473200"/>
                <a:gd name="connsiteY274" fmla="*/ 459539 h 904738"/>
                <a:gd name="connsiteX275" fmla="*/ 208555 w 1473200"/>
                <a:gd name="connsiteY275" fmla="*/ 456293 h 904738"/>
                <a:gd name="connsiteX276" fmla="*/ 211800 w 1473200"/>
                <a:gd name="connsiteY276" fmla="*/ 453047 h 904738"/>
                <a:gd name="connsiteX277" fmla="*/ 208555 w 1473200"/>
                <a:gd name="connsiteY277" fmla="*/ 453047 h 904738"/>
                <a:gd name="connsiteX278" fmla="*/ 210178 w 1473200"/>
                <a:gd name="connsiteY278" fmla="*/ 451424 h 904738"/>
                <a:gd name="connsiteX279" fmla="*/ 210178 w 1473200"/>
                <a:gd name="connsiteY279" fmla="*/ 448178 h 904738"/>
                <a:gd name="connsiteX280" fmla="*/ 206933 w 1473200"/>
                <a:gd name="connsiteY280" fmla="*/ 446555 h 904738"/>
                <a:gd name="connsiteX281" fmla="*/ 206933 w 1473200"/>
                <a:gd name="connsiteY281" fmla="*/ 443309 h 904738"/>
                <a:gd name="connsiteX282" fmla="*/ 208555 w 1473200"/>
                <a:gd name="connsiteY282" fmla="*/ 438440 h 904738"/>
                <a:gd name="connsiteX283" fmla="*/ 205311 w 1473200"/>
                <a:gd name="connsiteY283" fmla="*/ 435194 h 904738"/>
                <a:gd name="connsiteX284" fmla="*/ 203688 w 1473200"/>
                <a:gd name="connsiteY284" fmla="*/ 436817 h 904738"/>
                <a:gd name="connsiteX285" fmla="*/ 198821 w 1473200"/>
                <a:gd name="connsiteY285" fmla="*/ 438440 h 904738"/>
                <a:gd name="connsiteX286" fmla="*/ 197199 w 1473200"/>
                <a:gd name="connsiteY286" fmla="*/ 438440 h 904738"/>
                <a:gd name="connsiteX287" fmla="*/ 193954 w 1473200"/>
                <a:gd name="connsiteY287" fmla="*/ 441686 h 904738"/>
                <a:gd name="connsiteX288" fmla="*/ 190709 w 1473200"/>
                <a:gd name="connsiteY288" fmla="*/ 441686 h 904738"/>
                <a:gd name="connsiteX289" fmla="*/ 192332 w 1473200"/>
                <a:gd name="connsiteY289" fmla="*/ 438440 h 904738"/>
                <a:gd name="connsiteX290" fmla="*/ 192332 w 1473200"/>
                <a:gd name="connsiteY290" fmla="*/ 436817 h 904738"/>
                <a:gd name="connsiteX291" fmla="*/ 195576 w 1473200"/>
                <a:gd name="connsiteY291" fmla="*/ 433571 h 904738"/>
                <a:gd name="connsiteX292" fmla="*/ 195576 w 1473200"/>
                <a:gd name="connsiteY292" fmla="*/ 431948 h 904738"/>
                <a:gd name="connsiteX293" fmla="*/ 200443 w 1473200"/>
                <a:gd name="connsiteY293" fmla="*/ 427078 h 904738"/>
                <a:gd name="connsiteX294" fmla="*/ 202066 w 1473200"/>
                <a:gd name="connsiteY294" fmla="*/ 425455 h 904738"/>
                <a:gd name="connsiteX295" fmla="*/ 198821 w 1473200"/>
                <a:gd name="connsiteY295" fmla="*/ 425455 h 904738"/>
                <a:gd name="connsiteX296" fmla="*/ 197199 w 1473200"/>
                <a:gd name="connsiteY296" fmla="*/ 425455 h 904738"/>
                <a:gd name="connsiteX297" fmla="*/ 195576 w 1473200"/>
                <a:gd name="connsiteY297" fmla="*/ 425455 h 904738"/>
                <a:gd name="connsiteX298" fmla="*/ 193954 w 1473200"/>
                <a:gd name="connsiteY298" fmla="*/ 427078 h 904738"/>
                <a:gd name="connsiteX299" fmla="*/ 193954 w 1473200"/>
                <a:gd name="connsiteY299" fmla="*/ 430325 h 904738"/>
                <a:gd name="connsiteX300" fmla="*/ 192332 w 1473200"/>
                <a:gd name="connsiteY300" fmla="*/ 431948 h 904738"/>
                <a:gd name="connsiteX301" fmla="*/ 189087 w 1473200"/>
                <a:gd name="connsiteY301" fmla="*/ 433571 h 904738"/>
                <a:gd name="connsiteX302" fmla="*/ 187464 w 1473200"/>
                <a:gd name="connsiteY302" fmla="*/ 433571 h 904738"/>
                <a:gd name="connsiteX303" fmla="*/ 189087 w 1473200"/>
                <a:gd name="connsiteY303" fmla="*/ 431948 h 904738"/>
                <a:gd name="connsiteX304" fmla="*/ 189087 w 1473200"/>
                <a:gd name="connsiteY304" fmla="*/ 430325 h 904738"/>
                <a:gd name="connsiteX305" fmla="*/ 189087 w 1473200"/>
                <a:gd name="connsiteY305" fmla="*/ 427078 h 904738"/>
                <a:gd name="connsiteX306" fmla="*/ 187464 w 1473200"/>
                <a:gd name="connsiteY306" fmla="*/ 428702 h 904738"/>
                <a:gd name="connsiteX307" fmla="*/ 185842 w 1473200"/>
                <a:gd name="connsiteY307" fmla="*/ 428702 h 904738"/>
                <a:gd name="connsiteX308" fmla="*/ 182597 w 1473200"/>
                <a:gd name="connsiteY308" fmla="*/ 427078 h 904738"/>
                <a:gd name="connsiteX309" fmla="*/ 185842 w 1473200"/>
                <a:gd name="connsiteY309" fmla="*/ 422209 h 904738"/>
                <a:gd name="connsiteX310" fmla="*/ 190709 w 1473200"/>
                <a:gd name="connsiteY310" fmla="*/ 418963 h 904738"/>
                <a:gd name="connsiteX311" fmla="*/ 195576 w 1473200"/>
                <a:gd name="connsiteY311" fmla="*/ 409225 h 904738"/>
                <a:gd name="connsiteX312" fmla="*/ 192332 w 1473200"/>
                <a:gd name="connsiteY312" fmla="*/ 404356 h 904738"/>
                <a:gd name="connsiteX313" fmla="*/ 190709 w 1473200"/>
                <a:gd name="connsiteY313" fmla="*/ 397864 h 904738"/>
                <a:gd name="connsiteX314" fmla="*/ 192332 w 1473200"/>
                <a:gd name="connsiteY314" fmla="*/ 391371 h 904738"/>
                <a:gd name="connsiteX315" fmla="*/ 200443 w 1473200"/>
                <a:gd name="connsiteY315" fmla="*/ 391371 h 904738"/>
                <a:gd name="connsiteX316" fmla="*/ 198821 w 1473200"/>
                <a:gd name="connsiteY316" fmla="*/ 381633 h 904738"/>
                <a:gd name="connsiteX317" fmla="*/ 202066 w 1473200"/>
                <a:gd name="connsiteY317" fmla="*/ 383256 h 904738"/>
                <a:gd name="connsiteX318" fmla="*/ 205311 w 1473200"/>
                <a:gd name="connsiteY318" fmla="*/ 371895 h 904738"/>
                <a:gd name="connsiteX319" fmla="*/ 146477 w 1473200"/>
                <a:gd name="connsiteY319" fmla="*/ 146470 h 904738"/>
                <a:gd name="connsiteX320" fmla="*/ 151359 w 1473200"/>
                <a:gd name="connsiteY320" fmla="*/ 149699 h 904738"/>
                <a:gd name="connsiteX321" fmla="*/ 152987 w 1473200"/>
                <a:gd name="connsiteY321" fmla="*/ 152928 h 904738"/>
                <a:gd name="connsiteX322" fmla="*/ 154614 w 1473200"/>
                <a:gd name="connsiteY322" fmla="*/ 156156 h 904738"/>
                <a:gd name="connsiteX323" fmla="*/ 156242 w 1473200"/>
                <a:gd name="connsiteY323" fmla="*/ 157771 h 904738"/>
                <a:gd name="connsiteX324" fmla="*/ 159497 w 1473200"/>
                <a:gd name="connsiteY324" fmla="*/ 157771 h 904738"/>
                <a:gd name="connsiteX325" fmla="*/ 162752 w 1473200"/>
                <a:gd name="connsiteY325" fmla="*/ 156156 h 904738"/>
                <a:gd name="connsiteX326" fmla="*/ 162752 w 1473200"/>
                <a:gd name="connsiteY326" fmla="*/ 152928 h 904738"/>
                <a:gd name="connsiteX327" fmla="*/ 166007 w 1473200"/>
                <a:gd name="connsiteY327" fmla="*/ 151313 h 904738"/>
                <a:gd name="connsiteX328" fmla="*/ 170889 w 1473200"/>
                <a:gd name="connsiteY328" fmla="*/ 151313 h 904738"/>
                <a:gd name="connsiteX329" fmla="*/ 169262 w 1473200"/>
                <a:gd name="connsiteY329" fmla="*/ 154542 h 904738"/>
                <a:gd name="connsiteX330" fmla="*/ 167634 w 1473200"/>
                <a:gd name="connsiteY330" fmla="*/ 157771 h 904738"/>
                <a:gd name="connsiteX331" fmla="*/ 167634 w 1473200"/>
                <a:gd name="connsiteY331" fmla="*/ 161000 h 904738"/>
                <a:gd name="connsiteX332" fmla="*/ 170889 w 1473200"/>
                <a:gd name="connsiteY332" fmla="*/ 161000 h 904738"/>
                <a:gd name="connsiteX333" fmla="*/ 172517 w 1473200"/>
                <a:gd name="connsiteY333" fmla="*/ 162614 h 904738"/>
                <a:gd name="connsiteX334" fmla="*/ 170889 w 1473200"/>
                <a:gd name="connsiteY334" fmla="*/ 165843 h 904738"/>
                <a:gd name="connsiteX335" fmla="*/ 169262 w 1473200"/>
                <a:gd name="connsiteY335" fmla="*/ 167457 h 904738"/>
                <a:gd name="connsiteX336" fmla="*/ 170889 w 1473200"/>
                <a:gd name="connsiteY336" fmla="*/ 170686 h 904738"/>
                <a:gd name="connsiteX337" fmla="*/ 177400 w 1473200"/>
                <a:gd name="connsiteY337" fmla="*/ 172300 h 904738"/>
                <a:gd name="connsiteX338" fmla="*/ 175772 w 1473200"/>
                <a:gd name="connsiteY338" fmla="*/ 175529 h 904738"/>
                <a:gd name="connsiteX339" fmla="*/ 180655 w 1473200"/>
                <a:gd name="connsiteY339" fmla="*/ 175529 h 904738"/>
                <a:gd name="connsiteX340" fmla="*/ 183910 w 1473200"/>
                <a:gd name="connsiteY340" fmla="*/ 175529 h 904738"/>
                <a:gd name="connsiteX341" fmla="*/ 188792 w 1473200"/>
                <a:gd name="connsiteY341" fmla="*/ 175529 h 904738"/>
                <a:gd name="connsiteX342" fmla="*/ 193675 w 1473200"/>
                <a:gd name="connsiteY342" fmla="*/ 180372 h 904738"/>
                <a:gd name="connsiteX343" fmla="*/ 190420 w 1473200"/>
                <a:gd name="connsiteY343" fmla="*/ 181987 h 904738"/>
                <a:gd name="connsiteX344" fmla="*/ 192047 w 1473200"/>
                <a:gd name="connsiteY344" fmla="*/ 185216 h 904738"/>
                <a:gd name="connsiteX345" fmla="*/ 192047 w 1473200"/>
                <a:gd name="connsiteY345" fmla="*/ 193288 h 904738"/>
                <a:gd name="connsiteX346" fmla="*/ 190420 w 1473200"/>
                <a:gd name="connsiteY346" fmla="*/ 193288 h 904738"/>
                <a:gd name="connsiteX347" fmla="*/ 187165 w 1473200"/>
                <a:gd name="connsiteY347" fmla="*/ 194902 h 904738"/>
                <a:gd name="connsiteX348" fmla="*/ 185537 w 1473200"/>
                <a:gd name="connsiteY348" fmla="*/ 198131 h 904738"/>
                <a:gd name="connsiteX349" fmla="*/ 183910 w 1473200"/>
                <a:gd name="connsiteY349" fmla="*/ 201360 h 904738"/>
                <a:gd name="connsiteX350" fmla="*/ 180655 w 1473200"/>
                <a:gd name="connsiteY350" fmla="*/ 201360 h 904738"/>
                <a:gd name="connsiteX351" fmla="*/ 177400 w 1473200"/>
                <a:gd name="connsiteY351" fmla="*/ 202974 h 904738"/>
                <a:gd name="connsiteX352" fmla="*/ 177400 w 1473200"/>
                <a:gd name="connsiteY352" fmla="*/ 206203 h 904738"/>
                <a:gd name="connsiteX353" fmla="*/ 175772 w 1473200"/>
                <a:gd name="connsiteY353" fmla="*/ 209432 h 904738"/>
                <a:gd name="connsiteX354" fmla="*/ 172517 w 1473200"/>
                <a:gd name="connsiteY354" fmla="*/ 211046 h 904738"/>
                <a:gd name="connsiteX355" fmla="*/ 170889 w 1473200"/>
                <a:gd name="connsiteY355" fmla="*/ 214275 h 904738"/>
                <a:gd name="connsiteX356" fmla="*/ 167634 w 1473200"/>
                <a:gd name="connsiteY356" fmla="*/ 212661 h 904738"/>
                <a:gd name="connsiteX357" fmla="*/ 161124 w 1473200"/>
                <a:gd name="connsiteY357" fmla="*/ 212661 h 904738"/>
                <a:gd name="connsiteX358" fmla="*/ 157869 w 1473200"/>
                <a:gd name="connsiteY358" fmla="*/ 214275 h 904738"/>
                <a:gd name="connsiteX359" fmla="*/ 154614 w 1473200"/>
                <a:gd name="connsiteY359" fmla="*/ 217504 h 904738"/>
                <a:gd name="connsiteX360" fmla="*/ 149732 w 1473200"/>
                <a:gd name="connsiteY360" fmla="*/ 217504 h 904738"/>
                <a:gd name="connsiteX361" fmla="*/ 148104 w 1473200"/>
                <a:gd name="connsiteY361" fmla="*/ 219118 h 904738"/>
                <a:gd name="connsiteX362" fmla="*/ 143222 w 1473200"/>
                <a:gd name="connsiteY362" fmla="*/ 223961 h 904738"/>
                <a:gd name="connsiteX363" fmla="*/ 139967 w 1473200"/>
                <a:gd name="connsiteY363" fmla="*/ 223961 h 904738"/>
                <a:gd name="connsiteX364" fmla="*/ 136712 w 1473200"/>
                <a:gd name="connsiteY364" fmla="*/ 227190 h 904738"/>
                <a:gd name="connsiteX365" fmla="*/ 133456 w 1473200"/>
                <a:gd name="connsiteY365" fmla="*/ 228805 h 904738"/>
                <a:gd name="connsiteX366" fmla="*/ 130201 w 1473200"/>
                <a:gd name="connsiteY366" fmla="*/ 228805 h 904738"/>
                <a:gd name="connsiteX367" fmla="*/ 125319 w 1473200"/>
                <a:gd name="connsiteY367" fmla="*/ 228805 h 904738"/>
                <a:gd name="connsiteX368" fmla="*/ 120436 w 1473200"/>
                <a:gd name="connsiteY368" fmla="*/ 230419 h 904738"/>
                <a:gd name="connsiteX369" fmla="*/ 117181 w 1473200"/>
                <a:gd name="connsiteY369" fmla="*/ 232033 h 904738"/>
                <a:gd name="connsiteX370" fmla="*/ 115554 w 1473200"/>
                <a:gd name="connsiteY370" fmla="*/ 236877 h 904738"/>
                <a:gd name="connsiteX371" fmla="*/ 110671 w 1473200"/>
                <a:gd name="connsiteY371" fmla="*/ 238491 h 904738"/>
                <a:gd name="connsiteX372" fmla="*/ 109044 w 1473200"/>
                <a:gd name="connsiteY372" fmla="*/ 236877 h 904738"/>
                <a:gd name="connsiteX373" fmla="*/ 105789 w 1473200"/>
                <a:gd name="connsiteY373" fmla="*/ 236877 h 904738"/>
                <a:gd name="connsiteX374" fmla="*/ 102534 w 1473200"/>
                <a:gd name="connsiteY374" fmla="*/ 240106 h 904738"/>
                <a:gd name="connsiteX375" fmla="*/ 97651 w 1473200"/>
                <a:gd name="connsiteY375" fmla="*/ 240106 h 904738"/>
                <a:gd name="connsiteX376" fmla="*/ 92768 w 1473200"/>
                <a:gd name="connsiteY376" fmla="*/ 240106 h 904738"/>
                <a:gd name="connsiteX377" fmla="*/ 84631 w 1473200"/>
                <a:gd name="connsiteY377" fmla="*/ 240106 h 904738"/>
                <a:gd name="connsiteX378" fmla="*/ 79748 w 1473200"/>
                <a:gd name="connsiteY378" fmla="*/ 238491 h 904738"/>
                <a:gd name="connsiteX379" fmla="*/ 74866 w 1473200"/>
                <a:gd name="connsiteY379" fmla="*/ 236877 h 904738"/>
                <a:gd name="connsiteX380" fmla="*/ 71611 w 1473200"/>
                <a:gd name="connsiteY380" fmla="*/ 235262 h 904738"/>
                <a:gd name="connsiteX381" fmla="*/ 68356 w 1473200"/>
                <a:gd name="connsiteY381" fmla="*/ 233648 h 904738"/>
                <a:gd name="connsiteX382" fmla="*/ 68356 w 1473200"/>
                <a:gd name="connsiteY382" fmla="*/ 230419 h 904738"/>
                <a:gd name="connsiteX383" fmla="*/ 61846 w 1473200"/>
                <a:gd name="connsiteY383" fmla="*/ 230419 h 904738"/>
                <a:gd name="connsiteX384" fmla="*/ 60218 w 1473200"/>
                <a:gd name="connsiteY384" fmla="*/ 227190 h 904738"/>
                <a:gd name="connsiteX385" fmla="*/ 56963 w 1473200"/>
                <a:gd name="connsiteY385" fmla="*/ 225576 h 904738"/>
                <a:gd name="connsiteX386" fmla="*/ 55335 w 1473200"/>
                <a:gd name="connsiteY386" fmla="*/ 223961 h 904738"/>
                <a:gd name="connsiteX387" fmla="*/ 50453 w 1473200"/>
                <a:gd name="connsiteY387" fmla="*/ 227190 h 904738"/>
                <a:gd name="connsiteX388" fmla="*/ 47198 w 1473200"/>
                <a:gd name="connsiteY388" fmla="*/ 227190 h 904738"/>
                <a:gd name="connsiteX389" fmla="*/ 37433 w 1473200"/>
                <a:gd name="connsiteY389" fmla="*/ 228805 h 904738"/>
                <a:gd name="connsiteX390" fmla="*/ 30923 w 1473200"/>
                <a:gd name="connsiteY390" fmla="*/ 228805 h 904738"/>
                <a:gd name="connsiteX391" fmla="*/ 26040 w 1473200"/>
                <a:gd name="connsiteY391" fmla="*/ 225576 h 904738"/>
                <a:gd name="connsiteX392" fmla="*/ 27668 w 1473200"/>
                <a:gd name="connsiteY392" fmla="*/ 222347 h 904738"/>
                <a:gd name="connsiteX393" fmla="*/ 37433 w 1473200"/>
                <a:gd name="connsiteY393" fmla="*/ 220733 h 904738"/>
                <a:gd name="connsiteX394" fmla="*/ 40688 w 1473200"/>
                <a:gd name="connsiteY394" fmla="*/ 217504 h 904738"/>
                <a:gd name="connsiteX395" fmla="*/ 43943 w 1473200"/>
                <a:gd name="connsiteY395" fmla="*/ 215889 h 904738"/>
                <a:gd name="connsiteX396" fmla="*/ 40688 w 1473200"/>
                <a:gd name="connsiteY396" fmla="*/ 211046 h 904738"/>
                <a:gd name="connsiteX397" fmla="*/ 40688 w 1473200"/>
                <a:gd name="connsiteY397" fmla="*/ 209432 h 904738"/>
                <a:gd name="connsiteX398" fmla="*/ 42315 w 1473200"/>
                <a:gd name="connsiteY398" fmla="*/ 207817 h 904738"/>
                <a:gd name="connsiteX399" fmla="*/ 43943 w 1473200"/>
                <a:gd name="connsiteY399" fmla="*/ 206203 h 904738"/>
                <a:gd name="connsiteX400" fmla="*/ 35805 w 1473200"/>
                <a:gd name="connsiteY400" fmla="*/ 207817 h 904738"/>
                <a:gd name="connsiteX401" fmla="*/ 34178 w 1473200"/>
                <a:gd name="connsiteY401" fmla="*/ 206203 h 904738"/>
                <a:gd name="connsiteX402" fmla="*/ 32550 w 1473200"/>
                <a:gd name="connsiteY402" fmla="*/ 201360 h 904738"/>
                <a:gd name="connsiteX403" fmla="*/ 30923 w 1473200"/>
                <a:gd name="connsiteY403" fmla="*/ 199745 h 904738"/>
                <a:gd name="connsiteX404" fmla="*/ 27668 w 1473200"/>
                <a:gd name="connsiteY404" fmla="*/ 199745 h 904738"/>
                <a:gd name="connsiteX405" fmla="*/ 24413 w 1473200"/>
                <a:gd name="connsiteY405" fmla="*/ 201360 h 904738"/>
                <a:gd name="connsiteX406" fmla="*/ 22785 w 1473200"/>
                <a:gd name="connsiteY406" fmla="*/ 199745 h 904738"/>
                <a:gd name="connsiteX407" fmla="*/ 14647 w 1473200"/>
                <a:gd name="connsiteY407" fmla="*/ 201360 h 904738"/>
                <a:gd name="connsiteX408" fmla="*/ 11392 w 1473200"/>
                <a:gd name="connsiteY408" fmla="*/ 201360 h 904738"/>
                <a:gd name="connsiteX409" fmla="*/ 8137 w 1473200"/>
                <a:gd name="connsiteY409" fmla="*/ 201360 h 904738"/>
                <a:gd name="connsiteX410" fmla="*/ 6510 w 1473200"/>
                <a:gd name="connsiteY410" fmla="*/ 198131 h 904738"/>
                <a:gd name="connsiteX411" fmla="*/ 9765 w 1473200"/>
                <a:gd name="connsiteY411" fmla="*/ 194902 h 904738"/>
                <a:gd name="connsiteX412" fmla="*/ 17902 w 1473200"/>
                <a:gd name="connsiteY412" fmla="*/ 194902 h 904738"/>
                <a:gd name="connsiteX413" fmla="*/ 22785 w 1473200"/>
                <a:gd name="connsiteY413" fmla="*/ 193288 h 904738"/>
                <a:gd name="connsiteX414" fmla="*/ 30923 w 1473200"/>
                <a:gd name="connsiteY414" fmla="*/ 193288 h 904738"/>
                <a:gd name="connsiteX415" fmla="*/ 32550 w 1473200"/>
                <a:gd name="connsiteY415" fmla="*/ 191673 h 904738"/>
                <a:gd name="connsiteX416" fmla="*/ 35805 w 1473200"/>
                <a:gd name="connsiteY416" fmla="*/ 190059 h 904738"/>
                <a:gd name="connsiteX417" fmla="*/ 37433 w 1473200"/>
                <a:gd name="connsiteY417" fmla="*/ 190059 h 904738"/>
                <a:gd name="connsiteX418" fmla="*/ 40688 w 1473200"/>
                <a:gd name="connsiteY418" fmla="*/ 190059 h 904738"/>
                <a:gd name="connsiteX419" fmla="*/ 32550 w 1473200"/>
                <a:gd name="connsiteY419" fmla="*/ 186830 h 904738"/>
                <a:gd name="connsiteX420" fmla="*/ 37433 w 1473200"/>
                <a:gd name="connsiteY420" fmla="*/ 185216 h 904738"/>
                <a:gd name="connsiteX421" fmla="*/ 39060 w 1473200"/>
                <a:gd name="connsiteY421" fmla="*/ 180372 h 904738"/>
                <a:gd name="connsiteX422" fmla="*/ 39060 w 1473200"/>
                <a:gd name="connsiteY422" fmla="*/ 177144 h 904738"/>
                <a:gd name="connsiteX423" fmla="*/ 32550 w 1473200"/>
                <a:gd name="connsiteY423" fmla="*/ 175529 h 904738"/>
                <a:gd name="connsiteX424" fmla="*/ 27668 w 1473200"/>
                <a:gd name="connsiteY424" fmla="*/ 180372 h 904738"/>
                <a:gd name="connsiteX425" fmla="*/ 24413 w 1473200"/>
                <a:gd name="connsiteY425" fmla="*/ 178758 h 904738"/>
                <a:gd name="connsiteX426" fmla="*/ 17902 w 1473200"/>
                <a:gd name="connsiteY426" fmla="*/ 178758 h 904738"/>
                <a:gd name="connsiteX427" fmla="*/ 8137 w 1473200"/>
                <a:gd name="connsiteY427" fmla="*/ 181987 h 904738"/>
                <a:gd name="connsiteX428" fmla="*/ 1627 w 1473200"/>
                <a:gd name="connsiteY428" fmla="*/ 181987 h 904738"/>
                <a:gd name="connsiteX429" fmla="*/ 0 w 1473200"/>
                <a:gd name="connsiteY429" fmla="*/ 181987 h 904738"/>
                <a:gd name="connsiteX430" fmla="*/ 1627 w 1473200"/>
                <a:gd name="connsiteY430" fmla="*/ 175529 h 904738"/>
                <a:gd name="connsiteX431" fmla="*/ 6510 w 1473200"/>
                <a:gd name="connsiteY431" fmla="*/ 172300 h 904738"/>
                <a:gd name="connsiteX432" fmla="*/ 11392 w 1473200"/>
                <a:gd name="connsiteY432" fmla="*/ 169072 h 904738"/>
                <a:gd name="connsiteX433" fmla="*/ 9765 w 1473200"/>
                <a:gd name="connsiteY433" fmla="*/ 165843 h 904738"/>
                <a:gd name="connsiteX434" fmla="*/ 14647 w 1473200"/>
                <a:gd name="connsiteY434" fmla="*/ 164228 h 904738"/>
                <a:gd name="connsiteX435" fmla="*/ 13020 w 1473200"/>
                <a:gd name="connsiteY435" fmla="*/ 161000 h 904738"/>
                <a:gd name="connsiteX436" fmla="*/ 17902 w 1473200"/>
                <a:gd name="connsiteY436" fmla="*/ 159385 h 904738"/>
                <a:gd name="connsiteX437" fmla="*/ 24413 w 1473200"/>
                <a:gd name="connsiteY437" fmla="*/ 164228 h 904738"/>
                <a:gd name="connsiteX438" fmla="*/ 29295 w 1473200"/>
                <a:gd name="connsiteY438" fmla="*/ 162614 h 904738"/>
                <a:gd name="connsiteX439" fmla="*/ 24413 w 1473200"/>
                <a:gd name="connsiteY439" fmla="*/ 157771 h 904738"/>
                <a:gd name="connsiteX440" fmla="*/ 22785 w 1473200"/>
                <a:gd name="connsiteY440" fmla="*/ 151313 h 904738"/>
                <a:gd name="connsiteX441" fmla="*/ 19530 w 1473200"/>
                <a:gd name="connsiteY441" fmla="*/ 151313 h 904738"/>
                <a:gd name="connsiteX442" fmla="*/ 22785 w 1473200"/>
                <a:gd name="connsiteY442" fmla="*/ 148084 h 904738"/>
                <a:gd name="connsiteX443" fmla="*/ 29295 w 1473200"/>
                <a:gd name="connsiteY443" fmla="*/ 148084 h 904738"/>
                <a:gd name="connsiteX444" fmla="*/ 35805 w 1473200"/>
                <a:gd name="connsiteY444" fmla="*/ 151313 h 904738"/>
                <a:gd name="connsiteX445" fmla="*/ 40688 w 1473200"/>
                <a:gd name="connsiteY445" fmla="*/ 152928 h 904738"/>
                <a:gd name="connsiteX446" fmla="*/ 50453 w 1473200"/>
                <a:gd name="connsiteY446" fmla="*/ 157771 h 904738"/>
                <a:gd name="connsiteX447" fmla="*/ 50453 w 1473200"/>
                <a:gd name="connsiteY447" fmla="*/ 165843 h 904738"/>
                <a:gd name="connsiteX448" fmla="*/ 45570 w 1473200"/>
                <a:gd name="connsiteY448" fmla="*/ 172300 h 904738"/>
                <a:gd name="connsiteX449" fmla="*/ 50453 w 1473200"/>
                <a:gd name="connsiteY449" fmla="*/ 173915 h 904738"/>
                <a:gd name="connsiteX450" fmla="*/ 53708 w 1473200"/>
                <a:gd name="connsiteY450" fmla="*/ 178758 h 904738"/>
                <a:gd name="connsiteX451" fmla="*/ 53708 w 1473200"/>
                <a:gd name="connsiteY451" fmla="*/ 185216 h 904738"/>
                <a:gd name="connsiteX452" fmla="*/ 58591 w 1473200"/>
                <a:gd name="connsiteY452" fmla="*/ 186830 h 904738"/>
                <a:gd name="connsiteX453" fmla="*/ 58591 w 1473200"/>
                <a:gd name="connsiteY453" fmla="*/ 178758 h 904738"/>
                <a:gd name="connsiteX454" fmla="*/ 60218 w 1473200"/>
                <a:gd name="connsiteY454" fmla="*/ 175529 h 904738"/>
                <a:gd name="connsiteX455" fmla="*/ 66728 w 1473200"/>
                <a:gd name="connsiteY455" fmla="*/ 173915 h 904738"/>
                <a:gd name="connsiteX456" fmla="*/ 68356 w 1473200"/>
                <a:gd name="connsiteY456" fmla="*/ 177144 h 904738"/>
                <a:gd name="connsiteX457" fmla="*/ 71611 w 1473200"/>
                <a:gd name="connsiteY457" fmla="*/ 173915 h 904738"/>
                <a:gd name="connsiteX458" fmla="*/ 69983 w 1473200"/>
                <a:gd name="connsiteY458" fmla="*/ 167457 h 904738"/>
                <a:gd name="connsiteX459" fmla="*/ 73238 w 1473200"/>
                <a:gd name="connsiteY459" fmla="*/ 162614 h 904738"/>
                <a:gd name="connsiteX460" fmla="*/ 81376 w 1473200"/>
                <a:gd name="connsiteY460" fmla="*/ 164228 h 904738"/>
                <a:gd name="connsiteX461" fmla="*/ 87886 w 1473200"/>
                <a:gd name="connsiteY461" fmla="*/ 167457 h 904738"/>
                <a:gd name="connsiteX462" fmla="*/ 87886 w 1473200"/>
                <a:gd name="connsiteY462" fmla="*/ 162614 h 904738"/>
                <a:gd name="connsiteX463" fmla="*/ 94396 w 1473200"/>
                <a:gd name="connsiteY463" fmla="*/ 161000 h 904738"/>
                <a:gd name="connsiteX464" fmla="*/ 97651 w 1473200"/>
                <a:gd name="connsiteY464" fmla="*/ 159385 h 904738"/>
                <a:gd name="connsiteX465" fmla="*/ 102534 w 1473200"/>
                <a:gd name="connsiteY465" fmla="*/ 159385 h 904738"/>
                <a:gd name="connsiteX466" fmla="*/ 107416 w 1473200"/>
                <a:gd name="connsiteY466" fmla="*/ 164228 h 904738"/>
                <a:gd name="connsiteX467" fmla="*/ 109044 w 1473200"/>
                <a:gd name="connsiteY467" fmla="*/ 169072 h 904738"/>
                <a:gd name="connsiteX468" fmla="*/ 112299 w 1473200"/>
                <a:gd name="connsiteY468" fmla="*/ 169072 h 904738"/>
                <a:gd name="connsiteX469" fmla="*/ 112299 w 1473200"/>
                <a:gd name="connsiteY469" fmla="*/ 165843 h 904738"/>
                <a:gd name="connsiteX470" fmla="*/ 109044 w 1473200"/>
                <a:gd name="connsiteY470" fmla="*/ 165843 h 904738"/>
                <a:gd name="connsiteX471" fmla="*/ 109044 w 1473200"/>
                <a:gd name="connsiteY471" fmla="*/ 162614 h 904738"/>
                <a:gd name="connsiteX472" fmla="*/ 110671 w 1473200"/>
                <a:gd name="connsiteY472" fmla="*/ 159385 h 904738"/>
                <a:gd name="connsiteX473" fmla="*/ 113926 w 1473200"/>
                <a:gd name="connsiteY473" fmla="*/ 161000 h 904738"/>
                <a:gd name="connsiteX474" fmla="*/ 118809 w 1473200"/>
                <a:gd name="connsiteY474" fmla="*/ 161000 h 904738"/>
                <a:gd name="connsiteX475" fmla="*/ 122064 w 1473200"/>
                <a:gd name="connsiteY475" fmla="*/ 164228 h 904738"/>
                <a:gd name="connsiteX476" fmla="*/ 123691 w 1473200"/>
                <a:gd name="connsiteY476" fmla="*/ 162614 h 904738"/>
                <a:gd name="connsiteX477" fmla="*/ 125319 w 1473200"/>
                <a:gd name="connsiteY477" fmla="*/ 159385 h 904738"/>
                <a:gd name="connsiteX478" fmla="*/ 130201 w 1473200"/>
                <a:gd name="connsiteY478" fmla="*/ 156156 h 904738"/>
                <a:gd name="connsiteX479" fmla="*/ 133456 w 1473200"/>
                <a:gd name="connsiteY479" fmla="*/ 157771 h 904738"/>
                <a:gd name="connsiteX480" fmla="*/ 138339 w 1473200"/>
                <a:gd name="connsiteY480" fmla="*/ 159385 h 904738"/>
                <a:gd name="connsiteX481" fmla="*/ 139967 w 1473200"/>
                <a:gd name="connsiteY481" fmla="*/ 157771 h 904738"/>
                <a:gd name="connsiteX482" fmla="*/ 141594 w 1473200"/>
                <a:gd name="connsiteY482" fmla="*/ 154542 h 904738"/>
                <a:gd name="connsiteX483" fmla="*/ 139967 w 1473200"/>
                <a:gd name="connsiteY483" fmla="*/ 151313 h 904738"/>
                <a:gd name="connsiteX484" fmla="*/ 141594 w 1473200"/>
                <a:gd name="connsiteY484" fmla="*/ 148084 h 904738"/>
                <a:gd name="connsiteX485" fmla="*/ 146477 w 1473200"/>
                <a:gd name="connsiteY485" fmla="*/ 146470 h 904738"/>
                <a:gd name="connsiteX486" fmla="*/ 1163638 w 1473200"/>
                <a:gd name="connsiteY486" fmla="*/ 52983 h 904738"/>
                <a:gd name="connsiteX487" fmla="*/ 1192213 w 1473200"/>
                <a:gd name="connsiteY487" fmla="*/ 63038 h 904738"/>
                <a:gd name="connsiteX488" fmla="*/ 1187451 w 1473200"/>
                <a:gd name="connsiteY488" fmla="*/ 68065 h 904738"/>
                <a:gd name="connsiteX489" fmla="*/ 1184276 w 1473200"/>
                <a:gd name="connsiteY489" fmla="*/ 71416 h 904738"/>
                <a:gd name="connsiteX490" fmla="*/ 1179513 w 1473200"/>
                <a:gd name="connsiteY490" fmla="*/ 74768 h 904738"/>
                <a:gd name="connsiteX491" fmla="*/ 1171576 w 1473200"/>
                <a:gd name="connsiteY491" fmla="*/ 74768 h 904738"/>
                <a:gd name="connsiteX492" fmla="*/ 1165225 w 1473200"/>
                <a:gd name="connsiteY492" fmla="*/ 78119 h 904738"/>
                <a:gd name="connsiteX493" fmla="*/ 1158875 w 1473200"/>
                <a:gd name="connsiteY493" fmla="*/ 78119 h 904738"/>
                <a:gd name="connsiteX494" fmla="*/ 1152525 w 1473200"/>
                <a:gd name="connsiteY494" fmla="*/ 71416 h 904738"/>
                <a:gd name="connsiteX495" fmla="*/ 1155700 w 1473200"/>
                <a:gd name="connsiteY495" fmla="*/ 63038 h 904738"/>
                <a:gd name="connsiteX496" fmla="*/ 1163638 w 1473200"/>
                <a:gd name="connsiteY496" fmla="*/ 52983 h 904738"/>
                <a:gd name="connsiteX497" fmla="*/ 797701 w 1473200"/>
                <a:gd name="connsiteY497" fmla="*/ 454 h 904738"/>
                <a:gd name="connsiteX498" fmla="*/ 804196 w 1473200"/>
                <a:gd name="connsiteY498" fmla="*/ 3697 h 904738"/>
                <a:gd name="connsiteX499" fmla="*/ 804196 w 1473200"/>
                <a:gd name="connsiteY499" fmla="*/ 6940 h 904738"/>
                <a:gd name="connsiteX500" fmla="*/ 799325 w 1473200"/>
                <a:gd name="connsiteY500" fmla="*/ 10183 h 904738"/>
                <a:gd name="connsiteX501" fmla="*/ 796077 w 1473200"/>
                <a:gd name="connsiteY501" fmla="*/ 16669 h 904738"/>
                <a:gd name="connsiteX502" fmla="*/ 799325 w 1473200"/>
                <a:gd name="connsiteY502" fmla="*/ 23156 h 904738"/>
                <a:gd name="connsiteX503" fmla="*/ 800948 w 1473200"/>
                <a:gd name="connsiteY503" fmla="*/ 23156 h 904738"/>
                <a:gd name="connsiteX504" fmla="*/ 809067 w 1473200"/>
                <a:gd name="connsiteY504" fmla="*/ 8561 h 904738"/>
                <a:gd name="connsiteX505" fmla="*/ 812315 w 1473200"/>
                <a:gd name="connsiteY505" fmla="*/ 8561 h 904738"/>
                <a:gd name="connsiteX506" fmla="*/ 822058 w 1473200"/>
                <a:gd name="connsiteY506" fmla="*/ 10183 h 904738"/>
                <a:gd name="connsiteX507" fmla="*/ 825305 w 1473200"/>
                <a:gd name="connsiteY507" fmla="*/ 10183 h 904738"/>
                <a:gd name="connsiteX508" fmla="*/ 830177 w 1473200"/>
                <a:gd name="connsiteY508" fmla="*/ 10183 h 904738"/>
                <a:gd name="connsiteX509" fmla="*/ 838296 w 1473200"/>
                <a:gd name="connsiteY509" fmla="*/ 13426 h 904738"/>
                <a:gd name="connsiteX510" fmla="*/ 846415 w 1473200"/>
                <a:gd name="connsiteY510" fmla="*/ 16669 h 904738"/>
                <a:gd name="connsiteX511" fmla="*/ 848039 w 1473200"/>
                <a:gd name="connsiteY511" fmla="*/ 23156 h 904738"/>
                <a:gd name="connsiteX512" fmla="*/ 846415 w 1473200"/>
                <a:gd name="connsiteY512" fmla="*/ 26399 h 904738"/>
                <a:gd name="connsiteX513" fmla="*/ 839920 w 1473200"/>
                <a:gd name="connsiteY513" fmla="*/ 31264 h 904738"/>
                <a:gd name="connsiteX514" fmla="*/ 828553 w 1473200"/>
                <a:gd name="connsiteY514" fmla="*/ 37750 h 904738"/>
                <a:gd name="connsiteX515" fmla="*/ 823682 w 1473200"/>
                <a:gd name="connsiteY515" fmla="*/ 34507 h 904738"/>
                <a:gd name="connsiteX516" fmla="*/ 818810 w 1473200"/>
                <a:gd name="connsiteY516" fmla="*/ 37750 h 904738"/>
                <a:gd name="connsiteX517" fmla="*/ 826929 w 1473200"/>
                <a:gd name="connsiteY517" fmla="*/ 44236 h 904738"/>
                <a:gd name="connsiteX518" fmla="*/ 831801 w 1473200"/>
                <a:gd name="connsiteY518" fmla="*/ 45858 h 904738"/>
                <a:gd name="connsiteX519" fmla="*/ 836672 w 1473200"/>
                <a:gd name="connsiteY519" fmla="*/ 47479 h 904738"/>
                <a:gd name="connsiteX520" fmla="*/ 843167 w 1473200"/>
                <a:gd name="connsiteY520" fmla="*/ 44236 h 904738"/>
                <a:gd name="connsiteX521" fmla="*/ 851286 w 1473200"/>
                <a:gd name="connsiteY521" fmla="*/ 45858 h 904738"/>
                <a:gd name="connsiteX522" fmla="*/ 856157 w 1473200"/>
                <a:gd name="connsiteY522" fmla="*/ 45858 h 904738"/>
                <a:gd name="connsiteX523" fmla="*/ 859405 w 1473200"/>
                <a:gd name="connsiteY523" fmla="*/ 40993 h 904738"/>
                <a:gd name="connsiteX524" fmla="*/ 864276 w 1473200"/>
                <a:gd name="connsiteY524" fmla="*/ 42615 h 904738"/>
                <a:gd name="connsiteX525" fmla="*/ 869148 w 1473200"/>
                <a:gd name="connsiteY525" fmla="*/ 40993 h 904738"/>
                <a:gd name="connsiteX526" fmla="*/ 880514 w 1473200"/>
                <a:gd name="connsiteY526" fmla="*/ 42615 h 904738"/>
                <a:gd name="connsiteX527" fmla="*/ 883762 w 1473200"/>
                <a:gd name="connsiteY527" fmla="*/ 45858 h 904738"/>
                <a:gd name="connsiteX528" fmla="*/ 877267 w 1473200"/>
                <a:gd name="connsiteY528" fmla="*/ 50722 h 904738"/>
                <a:gd name="connsiteX529" fmla="*/ 874019 w 1473200"/>
                <a:gd name="connsiteY529" fmla="*/ 52344 h 904738"/>
                <a:gd name="connsiteX530" fmla="*/ 880514 w 1473200"/>
                <a:gd name="connsiteY530" fmla="*/ 55587 h 904738"/>
                <a:gd name="connsiteX531" fmla="*/ 883762 w 1473200"/>
                <a:gd name="connsiteY531" fmla="*/ 57209 h 904738"/>
                <a:gd name="connsiteX532" fmla="*/ 885386 w 1473200"/>
                <a:gd name="connsiteY532" fmla="*/ 57209 h 904738"/>
                <a:gd name="connsiteX533" fmla="*/ 888633 w 1473200"/>
                <a:gd name="connsiteY533" fmla="*/ 55587 h 904738"/>
                <a:gd name="connsiteX534" fmla="*/ 891881 w 1473200"/>
                <a:gd name="connsiteY534" fmla="*/ 55587 h 904738"/>
                <a:gd name="connsiteX535" fmla="*/ 891881 w 1473200"/>
                <a:gd name="connsiteY535" fmla="*/ 60452 h 904738"/>
                <a:gd name="connsiteX536" fmla="*/ 895129 w 1473200"/>
                <a:gd name="connsiteY536" fmla="*/ 60452 h 904738"/>
                <a:gd name="connsiteX537" fmla="*/ 896752 w 1473200"/>
                <a:gd name="connsiteY537" fmla="*/ 60452 h 904738"/>
                <a:gd name="connsiteX538" fmla="*/ 901624 w 1473200"/>
                <a:gd name="connsiteY538" fmla="*/ 57209 h 904738"/>
                <a:gd name="connsiteX539" fmla="*/ 906495 w 1473200"/>
                <a:gd name="connsiteY539" fmla="*/ 57209 h 904738"/>
                <a:gd name="connsiteX540" fmla="*/ 911367 w 1473200"/>
                <a:gd name="connsiteY540" fmla="*/ 58830 h 904738"/>
                <a:gd name="connsiteX541" fmla="*/ 914614 w 1473200"/>
                <a:gd name="connsiteY541" fmla="*/ 62074 h 904738"/>
                <a:gd name="connsiteX542" fmla="*/ 925981 w 1473200"/>
                <a:gd name="connsiteY542" fmla="*/ 62074 h 904738"/>
                <a:gd name="connsiteX543" fmla="*/ 932476 w 1473200"/>
                <a:gd name="connsiteY543" fmla="*/ 60452 h 904738"/>
                <a:gd name="connsiteX544" fmla="*/ 938971 w 1473200"/>
                <a:gd name="connsiteY544" fmla="*/ 63695 h 904738"/>
                <a:gd name="connsiteX545" fmla="*/ 942219 w 1473200"/>
                <a:gd name="connsiteY545" fmla="*/ 68560 h 904738"/>
                <a:gd name="connsiteX546" fmla="*/ 948714 w 1473200"/>
                <a:gd name="connsiteY546" fmla="*/ 70181 h 904738"/>
                <a:gd name="connsiteX547" fmla="*/ 955209 w 1473200"/>
                <a:gd name="connsiteY547" fmla="*/ 73425 h 904738"/>
                <a:gd name="connsiteX548" fmla="*/ 964952 w 1473200"/>
                <a:gd name="connsiteY548" fmla="*/ 75046 h 904738"/>
                <a:gd name="connsiteX549" fmla="*/ 969823 w 1473200"/>
                <a:gd name="connsiteY549" fmla="*/ 81532 h 904738"/>
                <a:gd name="connsiteX550" fmla="*/ 971447 w 1473200"/>
                <a:gd name="connsiteY550" fmla="*/ 83154 h 904738"/>
                <a:gd name="connsiteX551" fmla="*/ 977942 w 1473200"/>
                <a:gd name="connsiteY551" fmla="*/ 84776 h 904738"/>
                <a:gd name="connsiteX552" fmla="*/ 989309 w 1473200"/>
                <a:gd name="connsiteY552" fmla="*/ 92884 h 904738"/>
                <a:gd name="connsiteX553" fmla="*/ 997428 w 1473200"/>
                <a:gd name="connsiteY553" fmla="*/ 96127 h 904738"/>
                <a:gd name="connsiteX554" fmla="*/ 1003923 w 1473200"/>
                <a:gd name="connsiteY554" fmla="*/ 97748 h 904738"/>
                <a:gd name="connsiteX555" fmla="*/ 1008794 w 1473200"/>
                <a:gd name="connsiteY555" fmla="*/ 99370 h 904738"/>
                <a:gd name="connsiteX556" fmla="*/ 1015290 w 1473200"/>
                <a:gd name="connsiteY556" fmla="*/ 105856 h 904738"/>
                <a:gd name="connsiteX557" fmla="*/ 1023409 w 1473200"/>
                <a:gd name="connsiteY557" fmla="*/ 112343 h 904738"/>
                <a:gd name="connsiteX558" fmla="*/ 1026656 w 1473200"/>
                <a:gd name="connsiteY558" fmla="*/ 117207 h 904738"/>
                <a:gd name="connsiteX559" fmla="*/ 1029904 w 1473200"/>
                <a:gd name="connsiteY559" fmla="*/ 123694 h 904738"/>
                <a:gd name="connsiteX560" fmla="*/ 1031528 w 1473200"/>
                <a:gd name="connsiteY560" fmla="*/ 130180 h 904738"/>
                <a:gd name="connsiteX561" fmla="*/ 1029904 w 1473200"/>
                <a:gd name="connsiteY561" fmla="*/ 136666 h 904738"/>
                <a:gd name="connsiteX562" fmla="*/ 1023409 w 1473200"/>
                <a:gd name="connsiteY562" fmla="*/ 144774 h 904738"/>
                <a:gd name="connsiteX563" fmla="*/ 1013666 w 1473200"/>
                <a:gd name="connsiteY563" fmla="*/ 151260 h 904738"/>
                <a:gd name="connsiteX564" fmla="*/ 1005547 w 1473200"/>
                <a:gd name="connsiteY564" fmla="*/ 156125 h 904738"/>
                <a:gd name="connsiteX565" fmla="*/ 1002299 w 1473200"/>
                <a:gd name="connsiteY565" fmla="*/ 156125 h 904738"/>
                <a:gd name="connsiteX566" fmla="*/ 997428 w 1473200"/>
                <a:gd name="connsiteY566" fmla="*/ 157747 h 904738"/>
                <a:gd name="connsiteX567" fmla="*/ 986061 w 1473200"/>
                <a:gd name="connsiteY567" fmla="*/ 159368 h 904738"/>
                <a:gd name="connsiteX568" fmla="*/ 964952 w 1473200"/>
                <a:gd name="connsiteY568" fmla="*/ 159368 h 904738"/>
                <a:gd name="connsiteX569" fmla="*/ 955209 w 1473200"/>
                <a:gd name="connsiteY569" fmla="*/ 156125 h 904738"/>
                <a:gd name="connsiteX570" fmla="*/ 943843 w 1473200"/>
                <a:gd name="connsiteY570" fmla="*/ 154504 h 904738"/>
                <a:gd name="connsiteX571" fmla="*/ 942219 w 1473200"/>
                <a:gd name="connsiteY571" fmla="*/ 154504 h 904738"/>
                <a:gd name="connsiteX572" fmla="*/ 932476 w 1473200"/>
                <a:gd name="connsiteY572" fmla="*/ 152882 h 904738"/>
                <a:gd name="connsiteX573" fmla="*/ 921109 w 1473200"/>
                <a:gd name="connsiteY573" fmla="*/ 151260 h 904738"/>
                <a:gd name="connsiteX574" fmla="*/ 912990 w 1473200"/>
                <a:gd name="connsiteY574" fmla="*/ 144774 h 904738"/>
                <a:gd name="connsiteX575" fmla="*/ 904871 w 1473200"/>
                <a:gd name="connsiteY575" fmla="*/ 143153 h 904738"/>
                <a:gd name="connsiteX576" fmla="*/ 900000 w 1473200"/>
                <a:gd name="connsiteY576" fmla="*/ 141531 h 904738"/>
                <a:gd name="connsiteX577" fmla="*/ 895129 w 1473200"/>
                <a:gd name="connsiteY577" fmla="*/ 141531 h 904738"/>
                <a:gd name="connsiteX578" fmla="*/ 888633 w 1473200"/>
                <a:gd name="connsiteY578" fmla="*/ 138288 h 904738"/>
                <a:gd name="connsiteX579" fmla="*/ 883762 w 1473200"/>
                <a:gd name="connsiteY579" fmla="*/ 135045 h 904738"/>
                <a:gd name="connsiteX580" fmla="*/ 878891 w 1473200"/>
                <a:gd name="connsiteY580" fmla="*/ 130180 h 904738"/>
                <a:gd name="connsiteX581" fmla="*/ 875643 w 1473200"/>
                <a:gd name="connsiteY581" fmla="*/ 128558 h 904738"/>
                <a:gd name="connsiteX582" fmla="*/ 870772 w 1473200"/>
                <a:gd name="connsiteY582" fmla="*/ 128558 h 904738"/>
                <a:gd name="connsiteX583" fmla="*/ 875643 w 1473200"/>
                <a:gd name="connsiteY583" fmla="*/ 131801 h 904738"/>
                <a:gd name="connsiteX584" fmla="*/ 878891 w 1473200"/>
                <a:gd name="connsiteY584" fmla="*/ 138288 h 904738"/>
                <a:gd name="connsiteX585" fmla="*/ 883762 w 1473200"/>
                <a:gd name="connsiteY585" fmla="*/ 143153 h 904738"/>
                <a:gd name="connsiteX586" fmla="*/ 888633 w 1473200"/>
                <a:gd name="connsiteY586" fmla="*/ 144774 h 904738"/>
                <a:gd name="connsiteX587" fmla="*/ 891881 w 1473200"/>
                <a:gd name="connsiteY587" fmla="*/ 148017 h 904738"/>
                <a:gd name="connsiteX588" fmla="*/ 895129 w 1473200"/>
                <a:gd name="connsiteY588" fmla="*/ 154504 h 904738"/>
                <a:gd name="connsiteX589" fmla="*/ 900000 w 1473200"/>
                <a:gd name="connsiteY589" fmla="*/ 157747 h 904738"/>
                <a:gd name="connsiteX590" fmla="*/ 908119 w 1473200"/>
                <a:gd name="connsiteY590" fmla="*/ 159368 h 904738"/>
                <a:gd name="connsiteX591" fmla="*/ 911367 w 1473200"/>
                <a:gd name="connsiteY591" fmla="*/ 162611 h 904738"/>
                <a:gd name="connsiteX592" fmla="*/ 916238 w 1473200"/>
                <a:gd name="connsiteY592" fmla="*/ 165855 h 904738"/>
                <a:gd name="connsiteX593" fmla="*/ 916238 w 1473200"/>
                <a:gd name="connsiteY593" fmla="*/ 172341 h 904738"/>
                <a:gd name="connsiteX594" fmla="*/ 912990 w 1473200"/>
                <a:gd name="connsiteY594" fmla="*/ 178827 h 904738"/>
                <a:gd name="connsiteX595" fmla="*/ 911367 w 1473200"/>
                <a:gd name="connsiteY595" fmla="*/ 188557 h 904738"/>
                <a:gd name="connsiteX596" fmla="*/ 916238 w 1473200"/>
                <a:gd name="connsiteY596" fmla="*/ 195043 h 904738"/>
                <a:gd name="connsiteX597" fmla="*/ 917862 w 1473200"/>
                <a:gd name="connsiteY597" fmla="*/ 203151 h 904738"/>
                <a:gd name="connsiteX598" fmla="*/ 916238 w 1473200"/>
                <a:gd name="connsiteY598" fmla="*/ 206394 h 904738"/>
                <a:gd name="connsiteX599" fmla="*/ 919486 w 1473200"/>
                <a:gd name="connsiteY599" fmla="*/ 211259 h 904738"/>
                <a:gd name="connsiteX600" fmla="*/ 929228 w 1473200"/>
                <a:gd name="connsiteY600" fmla="*/ 211259 h 904738"/>
                <a:gd name="connsiteX601" fmla="*/ 930852 w 1473200"/>
                <a:gd name="connsiteY601" fmla="*/ 212880 h 904738"/>
                <a:gd name="connsiteX602" fmla="*/ 934100 w 1473200"/>
                <a:gd name="connsiteY602" fmla="*/ 212880 h 904738"/>
                <a:gd name="connsiteX603" fmla="*/ 940595 w 1473200"/>
                <a:gd name="connsiteY603" fmla="*/ 217745 h 904738"/>
                <a:gd name="connsiteX604" fmla="*/ 947090 w 1473200"/>
                <a:gd name="connsiteY604" fmla="*/ 220988 h 904738"/>
                <a:gd name="connsiteX605" fmla="*/ 951962 w 1473200"/>
                <a:gd name="connsiteY605" fmla="*/ 224231 h 904738"/>
                <a:gd name="connsiteX606" fmla="*/ 960080 w 1473200"/>
                <a:gd name="connsiteY606" fmla="*/ 224231 h 904738"/>
                <a:gd name="connsiteX607" fmla="*/ 964952 w 1473200"/>
                <a:gd name="connsiteY607" fmla="*/ 224231 h 904738"/>
                <a:gd name="connsiteX608" fmla="*/ 969823 w 1473200"/>
                <a:gd name="connsiteY608" fmla="*/ 219367 h 904738"/>
                <a:gd name="connsiteX609" fmla="*/ 971447 w 1473200"/>
                <a:gd name="connsiteY609" fmla="*/ 217745 h 904738"/>
                <a:gd name="connsiteX610" fmla="*/ 963328 w 1473200"/>
                <a:gd name="connsiteY610" fmla="*/ 212880 h 904738"/>
                <a:gd name="connsiteX611" fmla="*/ 955209 w 1473200"/>
                <a:gd name="connsiteY611" fmla="*/ 211259 h 904738"/>
                <a:gd name="connsiteX612" fmla="*/ 950338 w 1473200"/>
                <a:gd name="connsiteY612" fmla="*/ 204773 h 904738"/>
                <a:gd name="connsiteX613" fmla="*/ 947090 w 1473200"/>
                <a:gd name="connsiteY613" fmla="*/ 198286 h 904738"/>
                <a:gd name="connsiteX614" fmla="*/ 945466 w 1473200"/>
                <a:gd name="connsiteY614" fmla="*/ 193421 h 904738"/>
                <a:gd name="connsiteX615" fmla="*/ 951962 w 1473200"/>
                <a:gd name="connsiteY615" fmla="*/ 188557 h 904738"/>
                <a:gd name="connsiteX616" fmla="*/ 956833 w 1473200"/>
                <a:gd name="connsiteY616" fmla="*/ 185314 h 904738"/>
                <a:gd name="connsiteX617" fmla="*/ 966576 w 1473200"/>
                <a:gd name="connsiteY617" fmla="*/ 191800 h 904738"/>
                <a:gd name="connsiteX618" fmla="*/ 973071 w 1473200"/>
                <a:gd name="connsiteY618" fmla="*/ 199908 h 904738"/>
                <a:gd name="connsiteX619" fmla="*/ 979566 w 1473200"/>
                <a:gd name="connsiteY619" fmla="*/ 201529 h 904738"/>
                <a:gd name="connsiteX620" fmla="*/ 984437 w 1473200"/>
                <a:gd name="connsiteY620" fmla="*/ 199908 h 904738"/>
                <a:gd name="connsiteX621" fmla="*/ 987685 w 1473200"/>
                <a:gd name="connsiteY621" fmla="*/ 199908 h 904738"/>
                <a:gd name="connsiteX622" fmla="*/ 995804 w 1473200"/>
                <a:gd name="connsiteY622" fmla="*/ 201529 h 904738"/>
                <a:gd name="connsiteX623" fmla="*/ 997428 w 1473200"/>
                <a:gd name="connsiteY623" fmla="*/ 203151 h 904738"/>
                <a:gd name="connsiteX624" fmla="*/ 1002299 w 1473200"/>
                <a:gd name="connsiteY624" fmla="*/ 203151 h 904738"/>
                <a:gd name="connsiteX625" fmla="*/ 1008794 w 1473200"/>
                <a:gd name="connsiteY625" fmla="*/ 203151 h 904738"/>
                <a:gd name="connsiteX626" fmla="*/ 1016913 w 1473200"/>
                <a:gd name="connsiteY626" fmla="*/ 201529 h 904738"/>
                <a:gd name="connsiteX627" fmla="*/ 1010418 w 1473200"/>
                <a:gd name="connsiteY627" fmla="*/ 188557 h 904738"/>
                <a:gd name="connsiteX628" fmla="*/ 1008794 w 1473200"/>
                <a:gd name="connsiteY628" fmla="*/ 188557 h 904738"/>
                <a:gd name="connsiteX629" fmla="*/ 1003923 w 1473200"/>
                <a:gd name="connsiteY629" fmla="*/ 183692 h 904738"/>
                <a:gd name="connsiteX630" fmla="*/ 1012042 w 1473200"/>
                <a:gd name="connsiteY630" fmla="*/ 172341 h 904738"/>
                <a:gd name="connsiteX631" fmla="*/ 1020161 w 1473200"/>
                <a:gd name="connsiteY631" fmla="*/ 167476 h 904738"/>
                <a:gd name="connsiteX632" fmla="*/ 1025032 w 1473200"/>
                <a:gd name="connsiteY632" fmla="*/ 164233 h 904738"/>
                <a:gd name="connsiteX633" fmla="*/ 1033151 w 1473200"/>
                <a:gd name="connsiteY633" fmla="*/ 160990 h 904738"/>
                <a:gd name="connsiteX634" fmla="*/ 1047766 w 1473200"/>
                <a:gd name="connsiteY634" fmla="*/ 148017 h 904738"/>
                <a:gd name="connsiteX635" fmla="*/ 1054261 w 1473200"/>
                <a:gd name="connsiteY635" fmla="*/ 148017 h 904738"/>
                <a:gd name="connsiteX636" fmla="*/ 1062380 w 1473200"/>
                <a:gd name="connsiteY636" fmla="*/ 149639 h 904738"/>
                <a:gd name="connsiteX637" fmla="*/ 1068875 w 1473200"/>
                <a:gd name="connsiteY637" fmla="*/ 151260 h 904738"/>
                <a:gd name="connsiteX638" fmla="*/ 1073746 w 1473200"/>
                <a:gd name="connsiteY638" fmla="*/ 154504 h 904738"/>
                <a:gd name="connsiteX639" fmla="*/ 1076994 w 1473200"/>
                <a:gd name="connsiteY639" fmla="*/ 159368 h 904738"/>
                <a:gd name="connsiteX640" fmla="*/ 1078618 w 1473200"/>
                <a:gd name="connsiteY640" fmla="*/ 160990 h 904738"/>
                <a:gd name="connsiteX641" fmla="*/ 1080241 w 1473200"/>
                <a:gd name="connsiteY641" fmla="*/ 156125 h 904738"/>
                <a:gd name="connsiteX642" fmla="*/ 1081865 w 1473200"/>
                <a:gd name="connsiteY642" fmla="*/ 148017 h 904738"/>
                <a:gd name="connsiteX643" fmla="*/ 1083489 w 1473200"/>
                <a:gd name="connsiteY643" fmla="*/ 144774 h 904738"/>
                <a:gd name="connsiteX644" fmla="*/ 1086737 w 1473200"/>
                <a:gd name="connsiteY644" fmla="*/ 136666 h 904738"/>
                <a:gd name="connsiteX645" fmla="*/ 1083489 w 1473200"/>
                <a:gd name="connsiteY645" fmla="*/ 130180 h 904738"/>
                <a:gd name="connsiteX646" fmla="*/ 1080241 w 1473200"/>
                <a:gd name="connsiteY646" fmla="*/ 126937 h 904738"/>
                <a:gd name="connsiteX647" fmla="*/ 1075370 w 1473200"/>
                <a:gd name="connsiteY647" fmla="*/ 125315 h 904738"/>
                <a:gd name="connsiteX648" fmla="*/ 1076994 w 1473200"/>
                <a:gd name="connsiteY648" fmla="*/ 120450 h 904738"/>
                <a:gd name="connsiteX649" fmla="*/ 1081865 w 1473200"/>
                <a:gd name="connsiteY649" fmla="*/ 110721 h 904738"/>
                <a:gd name="connsiteX650" fmla="*/ 1081865 w 1473200"/>
                <a:gd name="connsiteY650" fmla="*/ 104235 h 904738"/>
                <a:gd name="connsiteX651" fmla="*/ 1081865 w 1473200"/>
                <a:gd name="connsiteY651" fmla="*/ 100991 h 904738"/>
                <a:gd name="connsiteX652" fmla="*/ 1081865 w 1473200"/>
                <a:gd name="connsiteY652" fmla="*/ 96127 h 904738"/>
                <a:gd name="connsiteX653" fmla="*/ 1081865 w 1473200"/>
                <a:gd name="connsiteY653" fmla="*/ 92884 h 904738"/>
                <a:gd name="connsiteX654" fmla="*/ 1076994 w 1473200"/>
                <a:gd name="connsiteY654" fmla="*/ 88019 h 904738"/>
                <a:gd name="connsiteX655" fmla="*/ 1072122 w 1473200"/>
                <a:gd name="connsiteY655" fmla="*/ 86397 h 904738"/>
                <a:gd name="connsiteX656" fmla="*/ 1067251 w 1473200"/>
                <a:gd name="connsiteY656" fmla="*/ 83154 h 904738"/>
                <a:gd name="connsiteX657" fmla="*/ 1078618 w 1473200"/>
                <a:gd name="connsiteY657" fmla="*/ 84776 h 904738"/>
                <a:gd name="connsiteX658" fmla="*/ 1086737 w 1473200"/>
                <a:gd name="connsiteY658" fmla="*/ 83154 h 904738"/>
                <a:gd name="connsiteX659" fmla="*/ 1089984 w 1473200"/>
                <a:gd name="connsiteY659" fmla="*/ 83154 h 904738"/>
                <a:gd name="connsiteX660" fmla="*/ 1096479 w 1473200"/>
                <a:gd name="connsiteY660" fmla="*/ 83154 h 904738"/>
                <a:gd name="connsiteX661" fmla="*/ 1099727 w 1473200"/>
                <a:gd name="connsiteY661" fmla="*/ 83154 h 904738"/>
                <a:gd name="connsiteX662" fmla="*/ 1102975 w 1473200"/>
                <a:gd name="connsiteY662" fmla="*/ 83154 h 904738"/>
                <a:gd name="connsiteX663" fmla="*/ 1109470 w 1473200"/>
                <a:gd name="connsiteY663" fmla="*/ 84776 h 904738"/>
                <a:gd name="connsiteX664" fmla="*/ 1117589 w 1473200"/>
                <a:gd name="connsiteY664" fmla="*/ 89640 h 904738"/>
                <a:gd name="connsiteX665" fmla="*/ 1127332 w 1473200"/>
                <a:gd name="connsiteY665" fmla="*/ 100991 h 904738"/>
                <a:gd name="connsiteX666" fmla="*/ 1128955 w 1473200"/>
                <a:gd name="connsiteY666" fmla="*/ 104235 h 904738"/>
                <a:gd name="connsiteX667" fmla="*/ 1120836 w 1473200"/>
                <a:gd name="connsiteY667" fmla="*/ 105856 h 904738"/>
                <a:gd name="connsiteX668" fmla="*/ 1112717 w 1473200"/>
                <a:gd name="connsiteY668" fmla="*/ 107478 h 904738"/>
                <a:gd name="connsiteX669" fmla="*/ 1107846 w 1473200"/>
                <a:gd name="connsiteY669" fmla="*/ 107478 h 904738"/>
                <a:gd name="connsiteX670" fmla="*/ 1101351 w 1473200"/>
                <a:gd name="connsiteY670" fmla="*/ 112343 h 904738"/>
                <a:gd name="connsiteX671" fmla="*/ 1098103 w 1473200"/>
                <a:gd name="connsiteY671" fmla="*/ 115586 h 904738"/>
                <a:gd name="connsiteX672" fmla="*/ 1096479 w 1473200"/>
                <a:gd name="connsiteY672" fmla="*/ 120450 h 904738"/>
                <a:gd name="connsiteX673" fmla="*/ 1102975 w 1473200"/>
                <a:gd name="connsiteY673" fmla="*/ 125315 h 904738"/>
                <a:gd name="connsiteX674" fmla="*/ 1106222 w 1473200"/>
                <a:gd name="connsiteY674" fmla="*/ 125315 h 904738"/>
                <a:gd name="connsiteX675" fmla="*/ 1107846 w 1473200"/>
                <a:gd name="connsiteY675" fmla="*/ 125315 h 904738"/>
                <a:gd name="connsiteX676" fmla="*/ 1114341 w 1473200"/>
                <a:gd name="connsiteY676" fmla="*/ 136666 h 904738"/>
                <a:gd name="connsiteX677" fmla="*/ 1120836 w 1473200"/>
                <a:gd name="connsiteY677" fmla="*/ 135045 h 904738"/>
                <a:gd name="connsiteX678" fmla="*/ 1140322 w 1473200"/>
                <a:gd name="connsiteY678" fmla="*/ 131801 h 904738"/>
                <a:gd name="connsiteX679" fmla="*/ 1143570 w 1473200"/>
                <a:gd name="connsiteY679" fmla="*/ 128558 h 904738"/>
                <a:gd name="connsiteX680" fmla="*/ 1148441 w 1473200"/>
                <a:gd name="connsiteY680" fmla="*/ 125315 h 904738"/>
                <a:gd name="connsiteX681" fmla="*/ 1150065 w 1473200"/>
                <a:gd name="connsiteY681" fmla="*/ 115586 h 904738"/>
                <a:gd name="connsiteX682" fmla="*/ 1154936 w 1473200"/>
                <a:gd name="connsiteY682" fmla="*/ 110721 h 904738"/>
                <a:gd name="connsiteX683" fmla="*/ 1180917 w 1473200"/>
                <a:gd name="connsiteY683" fmla="*/ 104235 h 904738"/>
                <a:gd name="connsiteX684" fmla="*/ 1177669 w 1473200"/>
                <a:gd name="connsiteY684" fmla="*/ 102613 h 904738"/>
                <a:gd name="connsiteX685" fmla="*/ 1189036 w 1473200"/>
                <a:gd name="connsiteY685" fmla="*/ 96127 h 904738"/>
                <a:gd name="connsiteX686" fmla="*/ 1195531 w 1473200"/>
                <a:gd name="connsiteY686" fmla="*/ 89640 h 904738"/>
                <a:gd name="connsiteX687" fmla="*/ 1202026 w 1473200"/>
                <a:gd name="connsiteY687" fmla="*/ 88019 h 904738"/>
                <a:gd name="connsiteX688" fmla="*/ 1210145 w 1473200"/>
                <a:gd name="connsiteY688" fmla="*/ 88019 h 904738"/>
                <a:gd name="connsiteX689" fmla="*/ 1218264 w 1473200"/>
                <a:gd name="connsiteY689" fmla="*/ 83154 h 904738"/>
                <a:gd name="connsiteX690" fmla="*/ 1221512 w 1473200"/>
                <a:gd name="connsiteY690" fmla="*/ 83154 h 904738"/>
                <a:gd name="connsiteX691" fmla="*/ 1226383 w 1473200"/>
                <a:gd name="connsiteY691" fmla="*/ 84776 h 904738"/>
                <a:gd name="connsiteX692" fmla="*/ 1228007 w 1473200"/>
                <a:gd name="connsiteY692" fmla="*/ 89640 h 904738"/>
                <a:gd name="connsiteX693" fmla="*/ 1234502 w 1473200"/>
                <a:gd name="connsiteY693" fmla="*/ 83154 h 904738"/>
                <a:gd name="connsiteX694" fmla="*/ 1237750 w 1473200"/>
                <a:gd name="connsiteY694" fmla="*/ 76668 h 904738"/>
                <a:gd name="connsiteX695" fmla="*/ 1245869 w 1473200"/>
                <a:gd name="connsiteY695" fmla="*/ 73425 h 904738"/>
                <a:gd name="connsiteX696" fmla="*/ 1250740 w 1473200"/>
                <a:gd name="connsiteY696" fmla="*/ 70181 h 904738"/>
                <a:gd name="connsiteX697" fmla="*/ 1262107 w 1473200"/>
                <a:gd name="connsiteY697" fmla="*/ 70181 h 904738"/>
                <a:gd name="connsiteX698" fmla="*/ 1255611 w 1473200"/>
                <a:gd name="connsiteY698" fmla="*/ 78289 h 904738"/>
                <a:gd name="connsiteX699" fmla="*/ 1255611 w 1473200"/>
                <a:gd name="connsiteY699" fmla="*/ 83154 h 904738"/>
                <a:gd name="connsiteX700" fmla="*/ 1250740 w 1473200"/>
                <a:gd name="connsiteY700" fmla="*/ 89640 h 904738"/>
                <a:gd name="connsiteX701" fmla="*/ 1245869 w 1473200"/>
                <a:gd name="connsiteY701" fmla="*/ 91262 h 904738"/>
                <a:gd name="connsiteX702" fmla="*/ 1252364 w 1473200"/>
                <a:gd name="connsiteY702" fmla="*/ 92884 h 904738"/>
                <a:gd name="connsiteX703" fmla="*/ 1255611 w 1473200"/>
                <a:gd name="connsiteY703" fmla="*/ 92884 h 904738"/>
                <a:gd name="connsiteX704" fmla="*/ 1268602 w 1473200"/>
                <a:gd name="connsiteY704" fmla="*/ 91262 h 904738"/>
                <a:gd name="connsiteX705" fmla="*/ 1286464 w 1473200"/>
                <a:gd name="connsiteY705" fmla="*/ 84776 h 904738"/>
                <a:gd name="connsiteX706" fmla="*/ 1292959 w 1473200"/>
                <a:gd name="connsiteY706" fmla="*/ 83154 h 904738"/>
                <a:gd name="connsiteX707" fmla="*/ 1296206 w 1473200"/>
                <a:gd name="connsiteY707" fmla="*/ 83154 h 904738"/>
                <a:gd name="connsiteX708" fmla="*/ 1304325 w 1473200"/>
                <a:gd name="connsiteY708" fmla="*/ 81532 h 904738"/>
                <a:gd name="connsiteX709" fmla="*/ 1314068 w 1473200"/>
                <a:gd name="connsiteY709" fmla="*/ 84776 h 904738"/>
                <a:gd name="connsiteX710" fmla="*/ 1320563 w 1473200"/>
                <a:gd name="connsiteY710" fmla="*/ 81532 h 904738"/>
                <a:gd name="connsiteX711" fmla="*/ 1325435 w 1473200"/>
                <a:gd name="connsiteY711" fmla="*/ 78289 h 904738"/>
                <a:gd name="connsiteX712" fmla="*/ 1331930 w 1473200"/>
                <a:gd name="connsiteY712" fmla="*/ 73425 h 904738"/>
                <a:gd name="connsiteX713" fmla="*/ 1335177 w 1473200"/>
                <a:gd name="connsiteY713" fmla="*/ 71803 h 904738"/>
                <a:gd name="connsiteX714" fmla="*/ 1340049 w 1473200"/>
                <a:gd name="connsiteY714" fmla="*/ 71803 h 904738"/>
                <a:gd name="connsiteX715" fmla="*/ 1343296 w 1473200"/>
                <a:gd name="connsiteY715" fmla="*/ 70181 h 904738"/>
                <a:gd name="connsiteX716" fmla="*/ 1349792 w 1473200"/>
                <a:gd name="connsiteY716" fmla="*/ 73425 h 904738"/>
                <a:gd name="connsiteX717" fmla="*/ 1351415 w 1473200"/>
                <a:gd name="connsiteY717" fmla="*/ 78289 h 904738"/>
                <a:gd name="connsiteX718" fmla="*/ 1349792 w 1473200"/>
                <a:gd name="connsiteY718" fmla="*/ 86397 h 904738"/>
                <a:gd name="connsiteX719" fmla="*/ 1353039 w 1473200"/>
                <a:gd name="connsiteY719" fmla="*/ 89640 h 904738"/>
                <a:gd name="connsiteX720" fmla="*/ 1359534 w 1473200"/>
                <a:gd name="connsiteY720" fmla="*/ 91262 h 904738"/>
                <a:gd name="connsiteX721" fmla="*/ 1361158 w 1473200"/>
                <a:gd name="connsiteY721" fmla="*/ 89640 h 904738"/>
                <a:gd name="connsiteX722" fmla="*/ 1364406 w 1473200"/>
                <a:gd name="connsiteY722" fmla="*/ 86397 h 904738"/>
                <a:gd name="connsiteX723" fmla="*/ 1362782 w 1473200"/>
                <a:gd name="connsiteY723" fmla="*/ 83154 h 904738"/>
                <a:gd name="connsiteX724" fmla="*/ 1366030 w 1473200"/>
                <a:gd name="connsiteY724" fmla="*/ 79911 h 904738"/>
                <a:gd name="connsiteX725" fmla="*/ 1374149 w 1473200"/>
                <a:gd name="connsiteY725" fmla="*/ 76668 h 904738"/>
                <a:gd name="connsiteX726" fmla="*/ 1375772 w 1473200"/>
                <a:gd name="connsiteY726" fmla="*/ 73425 h 904738"/>
                <a:gd name="connsiteX727" fmla="*/ 1377396 w 1473200"/>
                <a:gd name="connsiteY727" fmla="*/ 70181 h 904738"/>
                <a:gd name="connsiteX728" fmla="*/ 1374149 w 1473200"/>
                <a:gd name="connsiteY728" fmla="*/ 63695 h 904738"/>
                <a:gd name="connsiteX729" fmla="*/ 1370901 w 1473200"/>
                <a:gd name="connsiteY729" fmla="*/ 58830 h 904738"/>
                <a:gd name="connsiteX730" fmla="*/ 1369277 w 1473200"/>
                <a:gd name="connsiteY730" fmla="*/ 55587 h 904738"/>
                <a:gd name="connsiteX731" fmla="*/ 1366030 w 1473200"/>
                <a:gd name="connsiteY731" fmla="*/ 52344 h 904738"/>
                <a:gd name="connsiteX732" fmla="*/ 1359534 w 1473200"/>
                <a:gd name="connsiteY732" fmla="*/ 49101 h 904738"/>
                <a:gd name="connsiteX733" fmla="*/ 1356287 w 1473200"/>
                <a:gd name="connsiteY733" fmla="*/ 44236 h 904738"/>
                <a:gd name="connsiteX734" fmla="*/ 1349792 w 1473200"/>
                <a:gd name="connsiteY734" fmla="*/ 42615 h 904738"/>
                <a:gd name="connsiteX735" fmla="*/ 1344920 w 1473200"/>
                <a:gd name="connsiteY735" fmla="*/ 39371 h 904738"/>
                <a:gd name="connsiteX736" fmla="*/ 1340049 w 1473200"/>
                <a:gd name="connsiteY736" fmla="*/ 37750 h 904738"/>
                <a:gd name="connsiteX737" fmla="*/ 1340049 w 1473200"/>
                <a:gd name="connsiteY737" fmla="*/ 36128 h 904738"/>
                <a:gd name="connsiteX738" fmla="*/ 1340049 w 1473200"/>
                <a:gd name="connsiteY738" fmla="*/ 28020 h 904738"/>
                <a:gd name="connsiteX739" fmla="*/ 1343296 w 1473200"/>
                <a:gd name="connsiteY739" fmla="*/ 23156 h 904738"/>
                <a:gd name="connsiteX740" fmla="*/ 1344920 w 1473200"/>
                <a:gd name="connsiteY740" fmla="*/ 23156 h 904738"/>
                <a:gd name="connsiteX741" fmla="*/ 1348168 w 1473200"/>
                <a:gd name="connsiteY741" fmla="*/ 23156 h 904738"/>
                <a:gd name="connsiteX742" fmla="*/ 1357911 w 1473200"/>
                <a:gd name="connsiteY742" fmla="*/ 24777 h 904738"/>
                <a:gd name="connsiteX743" fmla="*/ 1362782 w 1473200"/>
                <a:gd name="connsiteY743" fmla="*/ 32885 h 904738"/>
                <a:gd name="connsiteX744" fmla="*/ 1367653 w 1473200"/>
                <a:gd name="connsiteY744" fmla="*/ 36128 h 904738"/>
                <a:gd name="connsiteX745" fmla="*/ 1382268 w 1473200"/>
                <a:gd name="connsiteY745" fmla="*/ 42615 h 904738"/>
                <a:gd name="connsiteX746" fmla="*/ 1390387 w 1473200"/>
                <a:gd name="connsiteY746" fmla="*/ 42615 h 904738"/>
                <a:gd name="connsiteX747" fmla="*/ 1416367 w 1473200"/>
                <a:gd name="connsiteY747" fmla="*/ 45858 h 904738"/>
                <a:gd name="connsiteX748" fmla="*/ 1419615 w 1473200"/>
                <a:gd name="connsiteY748" fmla="*/ 45858 h 904738"/>
                <a:gd name="connsiteX749" fmla="*/ 1421239 w 1473200"/>
                <a:gd name="connsiteY749" fmla="*/ 45858 h 904738"/>
                <a:gd name="connsiteX750" fmla="*/ 1427734 w 1473200"/>
                <a:gd name="connsiteY750" fmla="*/ 49101 h 904738"/>
                <a:gd name="connsiteX751" fmla="*/ 1430981 w 1473200"/>
                <a:gd name="connsiteY751" fmla="*/ 49101 h 904738"/>
                <a:gd name="connsiteX752" fmla="*/ 1434229 w 1473200"/>
                <a:gd name="connsiteY752" fmla="*/ 50722 h 904738"/>
                <a:gd name="connsiteX753" fmla="*/ 1442348 w 1473200"/>
                <a:gd name="connsiteY753" fmla="*/ 53966 h 904738"/>
                <a:gd name="connsiteX754" fmla="*/ 1447219 w 1473200"/>
                <a:gd name="connsiteY754" fmla="*/ 53966 h 904738"/>
                <a:gd name="connsiteX755" fmla="*/ 1450467 w 1473200"/>
                <a:gd name="connsiteY755" fmla="*/ 57209 h 904738"/>
                <a:gd name="connsiteX756" fmla="*/ 1448843 w 1473200"/>
                <a:gd name="connsiteY756" fmla="*/ 66938 h 904738"/>
                <a:gd name="connsiteX757" fmla="*/ 1442348 w 1473200"/>
                <a:gd name="connsiteY757" fmla="*/ 76668 h 904738"/>
                <a:gd name="connsiteX758" fmla="*/ 1460210 w 1473200"/>
                <a:gd name="connsiteY758" fmla="*/ 83154 h 904738"/>
                <a:gd name="connsiteX759" fmla="*/ 1460210 w 1473200"/>
                <a:gd name="connsiteY759" fmla="*/ 89640 h 904738"/>
                <a:gd name="connsiteX760" fmla="*/ 1460210 w 1473200"/>
                <a:gd name="connsiteY760" fmla="*/ 105856 h 904738"/>
                <a:gd name="connsiteX761" fmla="*/ 1461834 w 1473200"/>
                <a:gd name="connsiteY761" fmla="*/ 105856 h 904738"/>
                <a:gd name="connsiteX762" fmla="*/ 1473200 w 1473200"/>
                <a:gd name="connsiteY762" fmla="*/ 109099 h 904738"/>
                <a:gd name="connsiteX763" fmla="*/ 1473200 w 1473200"/>
                <a:gd name="connsiteY763" fmla="*/ 113964 h 904738"/>
                <a:gd name="connsiteX764" fmla="*/ 1469953 w 1473200"/>
                <a:gd name="connsiteY764" fmla="*/ 118829 h 904738"/>
                <a:gd name="connsiteX765" fmla="*/ 1456962 w 1473200"/>
                <a:gd name="connsiteY765" fmla="*/ 136666 h 904738"/>
                <a:gd name="connsiteX766" fmla="*/ 1417991 w 1473200"/>
                <a:gd name="connsiteY766" fmla="*/ 165855 h 904738"/>
                <a:gd name="connsiteX767" fmla="*/ 1395258 w 1473200"/>
                <a:gd name="connsiteY767" fmla="*/ 177206 h 904738"/>
                <a:gd name="connsiteX768" fmla="*/ 1375772 w 1473200"/>
                <a:gd name="connsiteY768" fmla="*/ 195043 h 904738"/>
                <a:gd name="connsiteX769" fmla="*/ 1369277 w 1473200"/>
                <a:gd name="connsiteY769" fmla="*/ 191800 h 904738"/>
                <a:gd name="connsiteX770" fmla="*/ 1366030 w 1473200"/>
                <a:gd name="connsiteY770" fmla="*/ 193421 h 904738"/>
                <a:gd name="connsiteX771" fmla="*/ 1359534 w 1473200"/>
                <a:gd name="connsiteY771" fmla="*/ 204773 h 904738"/>
                <a:gd name="connsiteX772" fmla="*/ 1357911 w 1473200"/>
                <a:gd name="connsiteY772" fmla="*/ 230718 h 904738"/>
                <a:gd name="connsiteX773" fmla="*/ 1354663 w 1473200"/>
                <a:gd name="connsiteY773" fmla="*/ 256663 h 904738"/>
                <a:gd name="connsiteX774" fmla="*/ 1353039 w 1473200"/>
                <a:gd name="connsiteY774" fmla="*/ 284230 h 904738"/>
                <a:gd name="connsiteX775" fmla="*/ 1318940 w 1473200"/>
                <a:gd name="connsiteY775" fmla="*/ 295581 h 904738"/>
                <a:gd name="connsiteX776" fmla="*/ 1299454 w 1473200"/>
                <a:gd name="connsiteY776" fmla="*/ 297203 h 904738"/>
                <a:gd name="connsiteX777" fmla="*/ 1275097 w 1473200"/>
                <a:gd name="connsiteY777" fmla="*/ 306932 h 904738"/>
                <a:gd name="connsiteX778" fmla="*/ 1250740 w 1473200"/>
                <a:gd name="connsiteY778" fmla="*/ 310175 h 904738"/>
                <a:gd name="connsiteX779" fmla="*/ 1245869 w 1473200"/>
                <a:gd name="connsiteY779" fmla="*/ 310175 h 904738"/>
                <a:gd name="connsiteX780" fmla="*/ 1240997 w 1473200"/>
                <a:gd name="connsiteY780" fmla="*/ 306932 h 904738"/>
                <a:gd name="connsiteX781" fmla="*/ 1219888 w 1473200"/>
                <a:gd name="connsiteY781" fmla="*/ 313418 h 904738"/>
                <a:gd name="connsiteX782" fmla="*/ 1219888 w 1473200"/>
                <a:gd name="connsiteY782" fmla="*/ 315040 h 904738"/>
                <a:gd name="connsiteX783" fmla="*/ 1219888 w 1473200"/>
                <a:gd name="connsiteY783" fmla="*/ 318283 h 904738"/>
                <a:gd name="connsiteX784" fmla="*/ 1219888 w 1473200"/>
                <a:gd name="connsiteY784" fmla="*/ 319905 h 904738"/>
                <a:gd name="connsiteX785" fmla="*/ 1221512 w 1473200"/>
                <a:gd name="connsiteY785" fmla="*/ 321526 h 904738"/>
                <a:gd name="connsiteX786" fmla="*/ 1223136 w 1473200"/>
                <a:gd name="connsiteY786" fmla="*/ 323148 h 904738"/>
                <a:gd name="connsiteX787" fmla="*/ 1224759 w 1473200"/>
                <a:gd name="connsiteY787" fmla="*/ 326391 h 904738"/>
                <a:gd name="connsiteX788" fmla="*/ 1226383 w 1473200"/>
                <a:gd name="connsiteY788" fmla="*/ 326391 h 904738"/>
                <a:gd name="connsiteX789" fmla="*/ 1228007 w 1473200"/>
                <a:gd name="connsiteY789" fmla="*/ 328013 h 904738"/>
                <a:gd name="connsiteX790" fmla="*/ 1221512 w 1473200"/>
                <a:gd name="connsiteY790" fmla="*/ 328013 h 904738"/>
                <a:gd name="connsiteX791" fmla="*/ 1215017 w 1473200"/>
                <a:gd name="connsiteY791" fmla="*/ 336120 h 904738"/>
                <a:gd name="connsiteX792" fmla="*/ 1210145 w 1473200"/>
                <a:gd name="connsiteY792" fmla="*/ 336120 h 904738"/>
                <a:gd name="connsiteX793" fmla="*/ 1203650 w 1473200"/>
                <a:gd name="connsiteY793" fmla="*/ 336120 h 904738"/>
                <a:gd name="connsiteX794" fmla="*/ 1193907 w 1473200"/>
                <a:gd name="connsiteY794" fmla="*/ 340985 h 904738"/>
                <a:gd name="connsiteX795" fmla="*/ 1182541 w 1473200"/>
                <a:gd name="connsiteY795" fmla="*/ 355579 h 904738"/>
                <a:gd name="connsiteX796" fmla="*/ 1177669 w 1473200"/>
                <a:gd name="connsiteY796" fmla="*/ 353958 h 904738"/>
                <a:gd name="connsiteX797" fmla="*/ 1174422 w 1473200"/>
                <a:gd name="connsiteY797" fmla="*/ 349093 h 904738"/>
                <a:gd name="connsiteX798" fmla="*/ 1172798 w 1473200"/>
                <a:gd name="connsiteY798" fmla="*/ 349093 h 904738"/>
                <a:gd name="connsiteX799" fmla="*/ 1159807 w 1473200"/>
                <a:gd name="connsiteY799" fmla="*/ 340985 h 904738"/>
                <a:gd name="connsiteX800" fmla="*/ 1158184 w 1473200"/>
                <a:gd name="connsiteY800" fmla="*/ 337742 h 904738"/>
                <a:gd name="connsiteX801" fmla="*/ 1161431 w 1473200"/>
                <a:gd name="connsiteY801" fmla="*/ 323148 h 904738"/>
                <a:gd name="connsiteX802" fmla="*/ 1163055 w 1473200"/>
                <a:gd name="connsiteY802" fmla="*/ 324769 h 904738"/>
                <a:gd name="connsiteX803" fmla="*/ 1159807 w 1473200"/>
                <a:gd name="connsiteY803" fmla="*/ 313418 h 904738"/>
                <a:gd name="connsiteX804" fmla="*/ 1148441 w 1473200"/>
                <a:gd name="connsiteY804" fmla="*/ 308554 h 904738"/>
                <a:gd name="connsiteX805" fmla="*/ 1137074 w 1473200"/>
                <a:gd name="connsiteY805" fmla="*/ 308554 h 904738"/>
                <a:gd name="connsiteX806" fmla="*/ 1130579 w 1473200"/>
                <a:gd name="connsiteY806" fmla="*/ 319905 h 904738"/>
                <a:gd name="connsiteX807" fmla="*/ 1122460 w 1473200"/>
                <a:gd name="connsiteY807" fmla="*/ 331256 h 904738"/>
                <a:gd name="connsiteX808" fmla="*/ 1132203 w 1473200"/>
                <a:gd name="connsiteY808" fmla="*/ 334499 h 904738"/>
                <a:gd name="connsiteX809" fmla="*/ 1133827 w 1473200"/>
                <a:gd name="connsiteY809" fmla="*/ 342607 h 904738"/>
                <a:gd name="connsiteX810" fmla="*/ 1135451 w 1473200"/>
                <a:gd name="connsiteY810" fmla="*/ 352336 h 904738"/>
                <a:gd name="connsiteX811" fmla="*/ 1140322 w 1473200"/>
                <a:gd name="connsiteY811" fmla="*/ 360444 h 904738"/>
                <a:gd name="connsiteX812" fmla="*/ 1140322 w 1473200"/>
                <a:gd name="connsiteY812" fmla="*/ 363687 h 904738"/>
                <a:gd name="connsiteX813" fmla="*/ 1120836 w 1473200"/>
                <a:gd name="connsiteY813" fmla="*/ 388011 h 904738"/>
                <a:gd name="connsiteX814" fmla="*/ 1122460 w 1473200"/>
                <a:gd name="connsiteY814" fmla="*/ 388011 h 904738"/>
                <a:gd name="connsiteX815" fmla="*/ 1137074 w 1473200"/>
                <a:gd name="connsiteY815" fmla="*/ 391254 h 904738"/>
                <a:gd name="connsiteX816" fmla="*/ 1143570 w 1473200"/>
                <a:gd name="connsiteY816" fmla="*/ 392876 h 904738"/>
                <a:gd name="connsiteX817" fmla="*/ 1141946 w 1473200"/>
                <a:gd name="connsiteY817" fmla="*/ 397741 h 904738"/>
                <a:gd name="connsiteX818" fmla="*/ 1130579 w 1473200"/>
                <a:gd name="connsiteY818" fmla="*/ 402605 h 904738"/>
                <a:gd name="connsiteX819" fmla="*/ 1128955 w 1473200"/>
                <a:gd name="connsiteY819" fmla="*/ 417199 h 904738"/>
                <a:gd name="connsiteX820" fmla="*/ 1137074 w 1473200"/>
                <a:gd name="connsiteY820" fmla="*/ 417199 h 904738"/>
                <a:gd name="connsiteX821" fmla="*/ 1141946 w 1473200"/>
                <a:gd name="connsiteY821" fmla="*/ 418821 h 904738"/>
                <a:gd name="connsiteX822" fmla="*/ 1145193 w 1473200"/>
                <a:gd name="connsiteY822" fmla="*/ 417199 h 904738"/>
                <a:gd name="connsiteX823" fmla="*/ 1153312 w 1473200"/>
                <a:gd name="connsiteY823" fmla="*/ 415578 h 904738"/>
                <a:gd name="connsiteX824" fmla="*/ 1163055 w 1473200"/>
                <a:gd name="connsiteY824" fmla="*/ 412335 h 904738"/>
                <a:gd name="connsiteX825" fmla="*/ 1179293 w 1473200"/>
                <a:gd name="connsiteY825" fmla="*/ 415578 h 904738"/>
                <a:gd name="connsiteX826" fmla="*/ 1184164 w 1473200"/>
                <a:gd name="connsiteY826" fmla="*/ 418821 h 904738"/>
                <a:gd name="connsiteX827" fmla="*/ 1187412 w 1473200"/>
                <a:gd name="connsiteY827" fmla="*/ 418821 h 904738"/>
                <a:gd name="connsiteX828" fmla="*/ 1189036 w 1473200"/>
                <a:gd name="connsiteY828" fmla="*/ 426929 h 904738"/>
                <a:gd name="connsiteX829" fmla="*/ 1202026 w 1473200"/>
                <a:gd name="connsiteY829" fmla="*/ 435037 h 904738"/>
                <a:gd name="connsiteX830" fmla="*/ 1206898 w 1473200"/>
                <a:gd name="connsiteY830" fmla="*/ 436658 h 904738"/>
                <a:gd name="connsiteX831" fmla="*/ 1210145 w 1473200"/>
                <a:gd name="connsiteY831" fmla="*/ 438280 h 904738"/>
                <a:gd name="connsiteX832" fmla="*/ 1213393 w 1473200"/>
                <a:gd name="connsiteY832" fmla="*/ 439902 h 904738"/>
                <a:gd name="connsiteX833" fmla="*/ 1218264 w 1473200"/>
                <a:gd name="connsiteY833" fmla="*/ 441523 h 904738"/>
                <a:gd name="connsiteX834" fmla="*/ 1223136 w 1473200"/>
                <a:gd name="connsiteY834" fmla="*/ 441523 h 904738"/>
                <a:gd name="connsiteX835" fmla="*/ 1231254 w 1473200"/>
                <a:gd name="connsiteY835" fmla="*/ 439902 h 904738"/>
                <a:gd name="connsiteX836" fmla="*/ 1234502 w 1473200"/>
                <a:gd name="connsiteY836" fmla="*/ 438280 h 904738"/>
                <a:gd name="connsiteX837" fmla="*/ 1236126 w 1473200"/>
                <a:gd name="connsiteY837" fmla="*/ 435037 h 904738"/>
                <a:gd name="connsiteX838" fmla="*/ 1242621 w 1473200"/>
                <a:gd name="connsiteY838" fmla="*/ 428551 h 904738"/>
                <a:gd name="connsiteX839" fmla="*/ 1240997 w 1473200"/>
                <a:gd name="connsiteY839" fmla="*/ 438280 h 904738"/>
                <a:gd name="connsiteX840" fmla="*/ 1249116 w 1473200"/>
                <a:gd name="connsiteY840" fmla="*/ 436658 h 904738"/>
                <a:gd name="connsiteX841" fmla="*/ 1242621 w 1473200"/>
                <a:gd name="connsiteY841" fmla="*/ 444766 h 904738"/>
                <a:gd name="connsiteX842" fmla="*/ 1255611 w 1473200"/>
                <a:gd name="connsiteY842" fmla="*/ 443145 h 904738"/>
                <a:gd name="connsiteX843" fmla="*/ 1257235 w 1473200"/>
                <a:gd name="connsiteY843" fmla="*/ 443145 h 904738"/>
                <a:gd name="connsiteX844" fmla="*/ 1255611 w 1473200"/>
                <a:gd name="connsiteY844" fmla="*/ 444766 h 904738"/>
                <a:gd name="connsiteX845" fmla="*/ 1258859 w 1473200"/>
                <a:gd name="connsiteY845" fmla="*/ 452874 h 904738"/>
                <a:gd name="connsiteX846" fmla="*/ 1250740 w 1473200"/>
                <a:gd name="connsiteY846" fmla="*/ 465847 h 904738"/>
                <a:gd name="connsiteX847" fmla="*/ 1245869 w 1473200"/>
                <a:gd name="connsiteY847" fmla="*/ 464225 h 904738"/>
                <a:gd name="connsiteX848" fmla="*/ 1244245 w 1473200"/>
                <a:gd name="connsiteY848" fmla="*/ 464225 h 904738"/>
                <a:gd name="connsiteX849" fmla="*/ 1247492 w 1473200"/>
                <a:gd name="connsiteY849" fmla="*/ 490170 h 904738"/>
                <a:gd name="connsiteX850" fmla="*/ 1244245 w 1473200"/>
                <a:gd name="connsiteY850" fmla="*/ 490170 h 904738"/>
                <a:gd name="connsiteX851" fmla="*/ 1239373 w 1473200"/>
                <a:gd name="connsiteY851" fmla="*/ 486927 h 904738"/>
                <a:gd name="connsiteX852" fmla="*/ 1237750 w 1473200"/>
                <a:gd name="connsiteY852" fmla="*/ 485306 h 904738"/>
                <a:gd name="connsiteX853" fmla="*/ 1229631 w 1473200"/>
                <a:gd name="connsiteY853" fmla="*/ 482063 h 904738"/>
                <a:gd name="connsiteX854" fmla="*/ 1229631 w 1473200"/>
                <a:gd name="connsiteY854" fmla="*/ 480441 h 904738"/>
                <a:gd name="connsiteX855" fmla="*/ 1223136 w 1473200"/>
                <a:gd name="connsiteY855" fmla="*/ 480441 h 904738"/>
                <a:gd name="connsiteX856" fmla="*/ 1223136 w 1473200"/>
                <a:gd name="connsiteY856" fmla="*/ 478819 h 904738"/>
                <a:gd name="connsiteX857" fmla="*/ 1211769 w 1473200"/>
                <a:gd name="connsiteY857" fmla="*/ 478819 h 904738"/>
                <a:gd name="connsiteX858" fmla="*/ 1210145 w 1473200"/>
                <a:gd name="connsiteY858" fmla="*/ 478819 h 904738"/>
                <a:gd name="connsiteX859" fmla="*/ 1203650 w 1473200"/>
                <a:gd name="connsiteY859" fmla="*/ 480441 h 904738"/>
                <a:gd name="connsiteX860" fmla="*/ 1200402 w 1473200"/>
                <a:gd name="connsiteY860" fmla="*/ 480441 h 904738"/>
                <a:gd name="connsiteX861" fmla="*/ 1195531 w 1473200"/>
                <a:gd name="connsiteY861" fmla="*/ 480441 h 904738"/>
                <a:gd name="connsiteX862" fmla="*/ 1193907 w 1473200"/>
                <a:gd name="connsiteY862" fmla="*/ 480441 h 904738"/>
                <a:gd name="connsiteX863" fmla="*/ 1192283 w 1473200"/>
                <a:gd name="connsiteY863" fmla="*/ 478819 h 904738"/>
                <a:gd name="connsiteX864" fmla="*/ 1189036 w 1473200"/>
                <a:gd name="connsiteY864" fmla="*/ 478819 h 904738"/>
                <a:gd name="connsiteX865" fmla="*/ 1192283 w 1473200"/>
                <a:gd name="connsiteY865" fmla="*/ 483684 h 904738"/>
                <a:gd name="connsiteX866" fmla="*/ 1193907 w 1473200"/>
                <a:gd name="connsiteY866" fmla="*/ 485306 h 904738"/>
                <a:gd name="connsiteX867" fmla="*/ 1195531 w 1473200"/>
                <a:gd name="connsiteY867" fmla="*/ 488549 h 904738"/>
                <a:gd name="connsiteX868" fmla="*/ 1184164 w 1473200"/>
                <a:gd name="connsiteY868" fmla="*/ 496657 h 904738"/>
                <a:gd name="connsiteX869" fmla="*/ 1177669 w 1473200"/>
                <a:gd name="connsiteY869" fmla="*/ 493414 h 904738"/>
                <a:gd name="connsiteX870" fmla="*/ 1172798 w 1473200"/>
                <a:gd name="connsiteY870" fmla="*/ 495035 h 904738"/>
                <a:gd name="connsiteX871" fmla="*/ 1161431 w 1473200"/>
                <a:gd name="connsiteY871" fmla="*/ 498278 h 904738"/>
                <a:gd name="connsiteX872" fmla="*/ 1151688 w 1473200"/>
                <a:gd name="connsiteY872" fmla="*/ 508008 h 904738"/>
                <a:gd name="connsiteX873" fmla="*/ 1153312 w 1473200"/>
                <a:gd name="connsiteY873" fmla="*/ 511251 h 904738"/>
                <a:gd name="connsiteX874" fmla="*/ 1154936 w 1473200"/>
                <a:gd name="connsiteY874" fmla="*/ 512873 h 904738"/>
                <a:gd name="connsiteX875" fmla="*/ 1154936 w 1473200"/>
                <a:gd name="connsiteY875" fmla="*/ 514494 h 904738"/>
                <a:gd name="connsiteX876" fmla="*/ 1159807 w 1473200"/>
                <a:gd name="connsiteY876" fmla="*/ 519359 h 904738"/>
                <a:gd name="connsiteX877" fmla="*/ 1158184 w 1473200"/>
                <a:gd name="connsiteY877" fmla="*/ 525845 h 904738"/>
                <a:gd name="connsiteX878" fmla="*/ 1164679 w 1473200"/>
                <a:gd name="connsiteY878" fmla="*/ 525845 h 904738"/>
                <a:gd name="connsiteX879" fmla="*/ 1166303 w 1473200"/>
                <a:gd name="connsiteY879" fmla="*/ 527467 h 904738"/>
                <a:gd name="connsiteX880" fmla="*/ 1174422 w 1473200"/>
                <a:gd name="connsiteY880" fmla="*/ 530710 h 904738"/>
                <a:gd name="connsiteX881" fmla="*/ 1176045 w 1473200"/>
                <a:gd name="connsiteY881" fmla="*/ 529088 h 904738"/>
                <a:gd name="connsiteX882" fmla="*/ 1177669 w 1473200"/>
                <a:gd name="connsiteY882" fmla="*/ 530710 h 904738"/>
                <a:gd name="connsiteX883" fmla="*/ 1179293 w 1473200"/>
                <a:gd name="connsiteY883" fmla="*/ 532332 h 904738"/>
                <a:gd name="connsiteX884" fmla="*/ 1182541 w 1473200"/>
                <a:gd name="connsiteY884" fmla="*/ 535575 h 904738"/>
                <a:gd name="connsiteX885" fmla="*/ 1198779 w 1473200"/>
                <a:gd name="connsiteY885" fmla="*/ 542061 h 904738"/>
                <a:gd name="connsiteX886" fmla="*/ 1202026 w 1473200"/>
                <a:gd name="connsiteY886" fmla="*/ 546926 h 904738"/>
                <a:gd name="connsiteX887" fmla="*/ 1203650 w 1473200"/>
                <a:gd name="connsiteY887" fmla="*/ 546926 h 904738"/>
                <a:gd name="connsiteX888" fmla="*/ 1187412 w 1473200"/>
                <a:gd name="connsiteY888" fmla="*/ 559898 h 904738"/>
                <a:gd name="connsiteX889" fmla="*/ 1167926 w 1473200"/>
                <a:gd name="connsiteY889" fmla="*/ 571249 h 904738"/>
                <a:gd name="connsiteX890" fmla="*/ 1164679 w 1473200"/>
                <a:gd name="connsiteY890" fmla="*/ 590708 h 904738"/>
                <a:gd name="connsiteX891" fmla="*/ 1158184 w 1473200"/>
                <a:gd name="connsiteY891" fmla="*/ 592330 h 904738"/>
                <a:gd name="connsiteX892" fmla="*/ 1148441 w 1473200"/>
                <a:gd name="connsiteY892" fmla="*/ 582601 h 904738"/>
                <a:gd name="connsiteX893" fmla="*/ 1140322 w 1473200"/>
                <a:gd name="connsiteY893" fmla="*/ 580979 h 904738"/>
                <a:gd name="connsiteX894" fmla="*/ 1137074 w 1473200"/>
                <a:gd name="connsiteY894" fmla="*/ 589087 h 904738"/>
                <a:gd name="connsiteX895" fmla="*/ 1130579 w 1473200"/>
                <a:gd name="connsiteY895" fmla="*/ 602059 h 904738"/>
                <a:gd name="connsiteX896" fmla="*/ 1132203 w 1473200"/>
                <a:gd name="connsiteY896" fmla="*/ 610167 h 904738"/>
                <a:gd name="connsiteX897" fmla="*/ 1127332 w 1473200"/>
                <a:gd name="connsiteY897" fmla="*/ 621518 h 904738"/>
                <a:gd name="connsiteX898" fmla="*/ 1127332 w 1473200"/>
                <a:gd name="connsiteY898" fmla="*/ 624762 h 904738"/>
                <a:gd name="connsiteX899" fmla="*/ 1132203 w 1473200"/>
                <a:gd name="connsiteY899" fmla="*/ 629626 h 904738"/>
                <a:gd name="connsiteX900" fmla="*/ 1133827 w 1473200"/>
                <a:gd name="connsiteY900" fmla="*/ 631248 h 904738"/>
                <a:gd name="connsiteX901" fmla="*/ 1135451 w 1473200"/>
                <a:gd name="connsiteY901" fmla="*/ 631248 h 904738"/>
                <a:gd name="connsiteX902" fmla="*/ 1138698 w 1473200"/>
                <a:gd name="connsiteY902" fmla="*/ 639356 h 904738"/>
                <a:gd name="connsiteX903" fmla="*/ 1154936 w 1473200"/>
                <a:gd name="connsiteY903" fmla="*/ 642599 h 904738"/>
                <a:gd name="connsiteX904" fmla="*/ 1158184 w 1473200"/>
                <a:gd name="connsiteY904" fmla="*/ 649085 h 904738"/>
                <a:gd name="connsiteX905" fmla="*/ 1161431 w 1473200"/>
                <a:gd name="connsiteY905" fmla="*/ 655572 h 904738"/>
                <a:gd name="connsiteX906" fmla="*/ 1166303 w 1473200"/>
                <a:gd name="connsiteY906" fmla="*/ 663679 h 904738"/>
                <a:gd name="connsiteX907" fmla="*/ 1163055 w 1473200"/>
                <a:gd name="connsiteY907" fmla="*/ 665301 h 904738"/>
                <a:gd name="connsiteX908" fmla="*/ 1161431 w 1473200"/>
                <a:gd name="connsiteY908" fmla="*/ 666923 h 904738"/>
                <a:gd name="connsiteX909" fmla="*/ 1161431 w 1473200"/>
                <a:gd name="connsiteY909" fmla="*/ 668544 h 904738"/>
                <a:gd name="connsiteX910" fmla="*/ 1163055 w 1473200"/>
                <a:gd name="connsiteY910" fmla="*/ 670166 h 904738"/>
                <a:gd name="connsiteX911" fmla="*/ 1163055 w 1473200"/>
                <a:gd name="connsiteY911" fmla="*/ 671787 h 904738"/>
                <a:gd name="connsiteX912" fmla="*/ 1164679 w 1473200"/>
                <a:gd name="connsiteY912" fmla="*/ 671787 h 904738"/>
                <a:gd name="connsiteX913" fmla="*/ 1164679 w 1473200"/>
                <a:gd name="connsiteY913" fmla="*/ 673409 h 904738"/>
                <a:gd name="connsiteX914" fmla="*/ 1166303 w 1473200"/>
                <a:gd name="connsiteY914" fmla="*/ 675031 h 904738"/>
                <a:gd name="connsiteX915" fmla="*/ 1171174 w 1473200"/>
                <a:gd name="connsiteY915" fmla="*/ 678274 h 904738"/>
                <a:gd name="connsiteX916" fmla="*/ 1158184 w 1473200"/>
                <a:gd name="connsiteY916" fmla="*/ 688003 h 904738"/>
                <a:gd name="connsiteX917" fmla="*/ 1143570 w 1473200"/>
                <a:gd name="connsiteY917" fmla="*/ 689625 h 904738"/>
                <a:gd name="connsiteX918" fmla="*/ 1137074 w 1473200"/>
                <a:gd name="connsiteY918" fmla="*/ 704219 h 904738"/>
                <a:gd name="connsiteX919" fmla="*/ 1128955 w 1473200"/>
                <a:gd name="connsiteY919" fmla="*/ 717192 h 904738"/>
                <a:gd name="connsiteX920" fmla="*/ 1143570 w 1473200"/>
                <a:gd name="connsiteY920" fmla="*/ 736651 h 904738"/>
                <a:gd name="connsiteX921" fmla="*/ 1145193 w 1473200"/>
                <a:gd name="connsiteY921" fmla="*/ 751245 h 904738"/>
                <a:gd name="connsiteX922" fmla="*/ 1151688 w 1473200"/>
                <a:gd name="connsiteY922" fmla="*/ 762596 h 904738"/>
                <a:gd name="connsiteX923" fmla="*/ 1163055 w 1473200"/>
                <a:gd name="connsiteY923" fmla="*/ 778812 h 904738"/>
                <a:gd name="connsiteX924" fmla="*/ 1148441 w 1473200"/>
                <a:gd name="connsiteY924" fmla="*/ 786920 h 904738"/>
                <a:gd name="connsiteX925" fmla="*/ 1130579 w 1473200"/>
                <a:gd name="connsiteY925" fmla="*/ 778812 h 904738"/>
                <a:gd name="connsiteX926" fmla="*/ 1127332 w 1473200"/>
                <a:gd name="connsiteY926" fmla="*/ 777190 h 904738"/>
                <a:gd name="connsiteX927" fmla="*/ 1124084 w 1473200"/>
                <a:gd name="connsiteY927" fmla="*/ 777190 h 904738"/>
                <a:gd name="connsiteX928" fmla="*/ 1120836 w 1473200"/>
                <a:gd name="connsiteY928" fmla="*/ 777190 h 904738"/>
                <a:gd name="connsiteX929" fmla="*/ 1120836 w 1473200"/>
                <a:gd name="connsiteY929" fmla="*/ 782055 h 904738"/>
                <a:gd name="connsiteX930" fmla="*/ 1124084 w 1473200"/>
                <a:gd name="connsiteY930" fmla="*/ 783676 h 904738"/>
                <a:gd name="connsiteX931" fmla="*/ 1127332 w 1473200"/>
                <a:gd name="connsiteY931" fmla="*/ 791784 h 904738"/>
                <a:gd name="connsiteX932" fmla="*/ 1124084 w 1473200"/>
                <a:gd name="connsiteY932" fmla="*/ 790163 h 904738"/>
                <a:gd name="connsiteX933" fmla="*/ 1122460 w 1473200"/>
                <a:gd name="connsiteY933" fmla="*/ 788541 h 904738"/>
                <a:gd name="connsiteX934" fmla="*/ 1120836 w 1473200"/>
                <a:gd name="connsiteY934" fmla="*/ 786920 h 904738"/>
                <a:gd name="connsiteX935" fmla="*/ 1117589 w 1473200"/>
                <a:gd name="connsiteY935" fmla="*/ 786920 h 904738"/>
                <a:gd name="connsiteX936" fmla="*/ 1115965 w 1473200"/>
                <a:gd name="connsiteY936" fmla="*/ 785298 h 904738"/>
                <a:gd name="connsiteX937" fmla="*/ 1114341 w 1473200"/>
                <a:gd name="connsiteY937" fmla="*/ 785298 h 904738"/>
                <a:gd name="connsiteX938" fmla="*/ 1101351 w 1473200"/>
                <a:gd name="connsiteY938" fmla="*/ 786920 h 904738"/>
                <a:gd name="connsiteX939" fmla="*/ 1101351 w 1473200"/>
                <a:gd name="connsiteY939" fmla="*/ 788541 h 904738"/>
                <a:gd name="connsiteX940" fmla="*/ 1099727 w 1473200"/>
                <a:gd name="connsiteY940" fmla="*/ 786920 h 904738"/>
                <a:gd name="connsiteX941" fmla="*/ 1099727 w 1473200"/>
                <a:gd name="connsiteY941" fmla="*/ 785298 h 904738"/>
                <a:gd name="connsiteX942" fmla="*/ 1098103 w 1473200"/>
                <a:gd name="connsiteY942" fmla="*/ 785298 h 904738"/>
                <a:gd name="connsiteX943" fmla="*/ 1096479 w 1473200"/>
                <a:gd name="connsiteY943" fmla="*/ 785298 h 904738"/>
                <a:gd name="connsiteX944" fmla="*/ 1099727 w 1473200"/>
                <a:gd name="connsiteY944" fmla="*/ 786920 h 904738"/>
                <a:gd name="connsiteX945" fmla="*/ 1099727 w 1473200"/>
                <a:gd name="connsiteY945" fmla="*/ 788541 h 904738"/>
                <a:gd name="connsiteX946" fmla="*/ 1102975 w 1473200"/>
                <a:gd name="connsiteY946" fmla="*/ 791784 h 904738"/>
                <a:gd name="connsiteX947" fmla="*/ 1106222 w 1473200"/>
                <a:gd name="connsiteY947" fmla="*/ 796649 h 904738"/>
                <a:gd name="connsiteX948" fmla="*/ 1107846 w 1473200"/>
                <a:gd name="connsiteY948" fmla="*/ 801514 h 904738"/>
                <a:gd name="connsiteX949" fmla="*/ 1111094 w 1473200"/>
                <a:gd name="connsiteY949" fmla="*/ 811243 h 904738"/>
                <a:gd name="connsiteX950" fmla="*/ 1114341 w 1473200"/>
                <a:gd name="connsiteY950" fmla="*/ 814486 h 904738"/>
                <a:gd name="connsiteX951" fmla="*/ 1114341 w 1473200"/>
                <a:gd name="connsiteY951" fmla="*/ 816108 h 904738"/>
                <a:gd name="connsiteX952" fmla="*/ 1112717 w 1473200"/>
                <a:gd name="connsiteY952" fmla="*/ 819351 h 904738"/>
                <a:gd name="connsiteX953" fmla="*/ 1119213 w 1473200"/>
                <a:gd name="connsiteY953" fmla="*/ 822594 h 904738"/>
                <a:gd name="connsiteX954" fmla="*/ 1120836 w 1473200"/>
                <a:gd name="connsiteY954" fmla="*/ 825837 h 904738"/>
                <a:gd name="connsiteX955" fmla="*/ 1122460 w 1473200"/>
                <a:gd name="connsiteY955" fmla="*/ 830702 h 904738"/>
                <a:gd name="connsiteX956" fmla="*/ 1125708 w 1473200"/>
                <a:gd name="connsiteY956" fmla="*/ 837189 h 904738"/>
                <a:gd name="connsiteX957" fmla="*/ 1120836 w 1473200"/>
                <a:gd name="connsiteY957" fmla="*/ 838810 h 904738"/>
                <a:gd name="connsiteX958" fmla="*/ 1117589 w 1473200"/>
                <a:gd name="connsiteY958" fmla="*/ 838810 h 904738"/>
                <a:gd name="connsiteX959" fmla="*/ 1107846 w 1473200"/>
                <a:gd name="connsiteY959" fmla="*/ 837189 h 904738"/>
                <a:gd name="connsiteX960" fmla="*/ 1091608 w 1473200"/>
                <a:gd name="connsiteY960" fmla="*/ 822594 h 904738"/>
                <a:gd name="connsiteX961" fmla="*/ 1081865 w 1473200"/>
                <a:gd name="connsiteY961" fmla="*/ 827459 h 904738"/>
                <a:gd name="connsiteX962" fmla="*/ 1083489 w 1473200"/>
                <a:gd name="connsiteY962" fmla="*/ 845296 h 904738"/>
                <a:gd name="connsiteX963" fmla="*/ 1086737 w 1473200"/>
                <a:gd name="connsiteY963" fmla="*/ 863134 h 904738"/>
                <a:gd name="connsiteX964" fmla="*/ 1093232 w 1473200"/>
                <a:gd name="connsiteY964" fmla="*/ 872864 h 904738"/>
                <a:gd name="connsiteX965" fmla="*/ 1094856 w 1473200"/>
                <a:gd name="connsiteY965" fmla="*/ 876107 h 904738"/>
                <a:gd name="connsiteX966" fmla="*/ 1094856 w 1473200"/>
                <a:gd name="connsiteY966" fmla="*/ 877728 h 904738"/>
                <a:gd name="connsiteX967" fmla="*/ 1086737 w 1473200"/>
                <a:gd name="connsiteY967" fmla="*/ 876107 h 904738"/>
                <a:gd name="connsiteX968" fmla="*/ 1073746 w 1473200"/>
                <a:gd name="connsiteY968" fmla="*/ 872864 h 904738"/>
                <a:gd name="connsiteX969" fmla="*/ 1070499 w 1473200"/>
                <a:gd name="connsiteY969" fmla="*/ 872864 h 904738"/>
                <a:gd name="connsiteX970" fmla="*/ 1054261 w 1473200"/>
                <a:gd name="connsiteY970" fmla="*/ 876107 h 904738"/>
                <a:gd name="connsiteX971" fmla="*/ 1051013 w 1473200"/>
                <a:gd name="connsiteY971" fmla="*/ 876107 h 904738"/>
                <a:gd name="connsiteX972" fmla="*/ 1042894 w 1473200"/>
                <a:gd name="connsiteY972" fmla="*/ 874485 h 904738"/>
                <a:gd name="connsiteX973" fmla="*/ 1036399 w 1473200"/>
                <a:gd name="connsiteY973" fmla="*/ 874485 h 904738"/>
                <a:gd name="connsiteX974" fmla="*/ 1018537 w 1473200"/>
                <a:gd name="connsiteY974" fmla="*/ 879350 h 904738"/>
                <a:gd name="connsiteX975" fmla="*/ 1003923 w 1473200"/>
                <a:gd name="connsiteY975" fmla="*/ 884215 h 904738"/>
                <a:gd name="connsiteX976" fmla="*/ 987685 w 1473200"/>
                <a:gd name="connsiteY976" fmla="*/ 882593 h 904738"/>
                <a:gd name="connsiteX977" fmla="*/ 973071 w 1473200"/>
                <a:gd name="connsiteY977" fmla="*/ 882593 h 904738"/>
                <a:gd name="connsiteX978" fmla="*/ 958457 w 1473200"/>
                <a:gd name="connsiteY978" fmla="*/ 884215 h 904738"/>
                <a:gd name="connsiteX979" fmla="*/ 950338 w 1473200"/>
                <a:gd name="connsiteY979" fmla="*/ 884215 h 904738"/>
                <a:gd name="connsiteX980" fmla="*/ 948714 w 1473200"/>
                <a:gd name="connsiteY980" fmla="*/ 884215 h 904738"/>
                <a:gd name="connsiteX981" fmla="*/ 948714 w 1473200"/>
                <a:gd name="connsiteY981" fmla="*/ 889079 h 904738"/>
                <a:gd name="connsiteX982" fmla="*/ 942219 w 1473200"/>
                <a:gd name="connsiteY982" fmla="*/ 902052 h 904738"/>
                <a:gd name="connsiteX983" fmla="*/ 934100 w 1473200"/>
                <a:gd name="connsiteY983" fmla="*/ 903674 h 904738"/>
                <a:gd name="connsiteX984" fmla="*/ 932476 w 1473200"/>
                <a:gd name="connsiteY984" fmla="*/ 903674 h 904738"/>
                <a:gd name="connsiteX985" fmla="*/ 932476 w 1473200"/>
                <a:gd name="connsiteY985" fmla="*/ 900430 h 904738"/>
                <a:gd name="connsiteX986" fmla="*/ 935724 w 1473200"/>
                <a:gd name="connsiteY986" fmla="*/ 893944 h 904738"/>
                <a:gd name="connsiteX987" fmla="*/ 935724 w 1473200"/>
                <a:gd name="connsiteY987" fmla="*/ 882593 h 904738"/>
                <a:gd name="connsiteX988" fmla="*/ 930852 w 1473200"/>
                <a:gd name="connsiteY988" fmla="*/ 884215 h 904738"/>
                <a:gd name="connsiteX989" fmla="*/ 922733 w 1473200"/>
                <a:gd name="connsiteY989" fmla="*/ 885836 h 904738"/>
                <a:gd name="connsiteX990" fmla="*/ 921109 w 1473200"/>
                <a:gd name="connsiteY990" fmla="*/ 885836 h 904738"/>
                <a:gd name="connsiteX991" fmla="*/ 914614 w 1473200"/>
                <a:gd name="connsiteY991" fmla="*/ 884215 h 904738"/>
                <a:gd name="connsiteX992" fmla="*/ 909743 w 1473200"/>
                <a:gd name="connsiteY992" fmla="*/ 882593 h 904738"/>
                <a:gd name="connsiteX993" fmla="*/ 906495 w 1473200"/>
                <a:gd name="connsiteY993" fmla="*/ 889079 h 904738"/>
                <a:gd name="connsiteX994" fmla="*/ 901624 w 1473200"/>
                <a:gd name="connsiteY994" fmla="*/ 890701 h 904738"/>
                <a:gd name="connsiteX995" fmla="*/ 896752 w 1473200"/>
                <a:gd name="connsiteY995" fmla="*/ 895566 h 904738"/>
                <a:gd name="connsiteX996" fmla="*/ 893505 w 1473200"/>
                <a:gd name="connsiteY996" fmla="*/ 895566 h 904738"/>
                <a:gd name="connsiteX997" fmla="*/ 890257 w 1473200"/>
                <a:gd name="connsiteY997" fmla="*/ 895566 h 904738"/>
                <a:gd name="connsiteX998" fmla="*/ 883762 w 1473200"/>
                <a:gd name="connsiteY998" fmla="*/ 898809 h 904738"/>
                <a:gd name="connsiteX999" fmla="*/ 878891 w 1473200"/>
                <a:gd name="connsiteY999" fmla="*/ 900430 h 904738"/>
                <a:gd name="connsiteX1000" fmla="*/ 874019 w 1473200"/>
                <a:gd name="connsiteY1000" fmla="*/ 897187 h 904738"/>
                <a:gd name="connsiteX1001" fmla="*/ 870772 w 1473200"/>
                <a:gd name="connsiteY1001" fmla="*/ 893944 h 904738"/>
                <a:gd name="connsiteX1002" fmla="*/ 867524 w 1473200"/>
                <a:gd name="connsiteY1002" fmla="*/ 890701 h 904738"/>
                <a:gd name="connsiteX1003" fmla="*/ 861029 w 1473200"/>
                <a:gd name="connsiteY1003" fmla="*/ 885836 h 904738"/>
                <a:gd name="connsiteX1004" fmla="*/ 859405 w 1473200"/>
                <a:gd name="connsiteY1004" fmla="*/ 882593 h 904738"/>
                <a:gd name="connsiteX1005" fmla="*/ 857781 w 1473200"/>
                <a:gd name="connsiteY1005" fmla="*/ 882593 h 904738"/>
                <a:gd name="connsiteX1006" fmla="*/ 852910 w 1473200"/>
                <a:gd name="connsiteY1006" fmla="*/ 882593 h 904738"/>
                <a:gd name="connsiteX1007" fmla="*/ 844791 w 1473200"/>
                <a:gd name="connsiteY1007" fmla="*/ 884215 h 904738"/>
                <a:gd name="connsiteX1008" fmla="*/ 843167 w 1473200"/>
                <a:gd name="connsiteY1008" fmla="*/ 890701 h 904738"/>
                <a:gd name="connsiteX1009" fmla="*/ 838296 w 1473200"/>
                <a:gd name="connsiteY1009" fmla="*/ 895566 h 904738"/>
                <a:gd name="connsiteX1010" fmla="*/ 836672 w 1473200"/>
                <a:gd name="connsiteY1010" fmla="*/ 895566 h 904738"/>
                <a:gd name="connsiteX1011" fmla="*/ 835048 w 1473200"/>
                <a:gd name="connsiteY1011" fmla="*/ 895566 h 904738"/>
                <a:gd name="connsiteX1012" fmla="*/ 831801 w 1473200"/>
                <a:gd name="connsiteY1012" fmla="*/ 895566 h 904738"/>
                <a:gd name="connsiteX1013" fmla="*/ 820434 w 1473200"/>
                <a:gd name="connsiteY1013" fmla="*/ 895566 h 904738"/>
                <a:gd name="connsiteX1014" fmla="*/ 817186 w 1473200"/>
                <a:gd name="connsiteY1014" fmla="*/ 892323 h 904738"/>
                <a:gd name="connsiteX1015" fmla="*/ 810691 w 1473200"/>
                <a:gd name="connsiteY1015" fmla="*/ 887458 h 904738"/>
                <a:gd name="connsiteX1016" fmla="*/ 802572 w 1473200"/>
                <a:gd name="connsiteY1016" fmla="*/ 884215 h 904738"/>
                <a:gd name="connsiteX1017" fmla="*/ 800948 w 1473200"/>
                <a:gd name="connsiteY1017" fmla="*/ 884215 h 904738"/>
                <a:gd name="connsiteX1018" fmla="*/ 799325 w 1473200"/>
                <a:gd name="connsiteY1018" fmla="*/ 885836 h 904738"/>
                <a:gd name="connsiteX1019" fmla="*/ 797701 w 1473200"/>
                <a:gd name="connsiteY1019" fmla="*/ 884215 h 904738"/>
                <a:gd name="connsiteX1020" fmla="*/ 792829 w 1473200"/>
                <a:gd name="connsiteY1020" fmla="*/ 879350 h 904738"/>
                <a:gd name="connsiteX1021" fmla="*/ 789582 w 1473200"/>
                <a:gd name="connsiteY1021" fmla="*/ 876107 h 904738"/>
                <a:gd name="connsiteX1022" fmla="*/ 783087 w 1473200"/>
                <a:gd name="connsiteY1022" fmla="*/ 874485 h 904738"/>
                <a:gd name="connsiteX1023" fmla="*/ 779839 w 1473200"/>
                <a:gd name="connsiteY1023" fmla="*/ 869620 h 904738"/>
                <a:gd name="connsiteX1024" fmla="*/ 778215 w 1473200"/>
                <a:gd name="connsiteY1024" fmla="*/ 867999 h 904738"/>
                <a:gd name="connsiteX1025" fmla="*/ 773344 w 1473200"/>
                <a:gd name="connsiteY1025" fmla="*/ 864756 h 904738"/>
                <a:gd name="connsiteX1026" fmla="*/ 779839 w 1473200"/>
                <a:gd name="connsiteY1026" fmla="*/ 861513 h 904738"/>
                <a:gd name="connsiteX1027" fmla="*/ 779839 w 1473200"/>
                <a:gd name="connsiteY1027" fmla="*/ 858269 h 904738"/>
                <a:gd name="connsiteX1028" fmla="*/ 774968 w 1473200"/>
                <a:gd name="connsiteY1028" fmla="*/ 855026 h 904738"/>
                <a:gd name="connsiteX1029" fmla="*/ 771720 w 1473200"/>
                <a:gd name="connsiteY1029" fmla="*/ 853405 h 904738"/>
                <a:gd name="connsiteX1030" fmla="*/ 774968 w 1473200"/>
                <a:gd name="connsiteY1030" fmla="*/ 850161 h 904738"/>
                <a:gd name="connsiteX1031" fmla="*/ 779839 w 1473200"/>
                <a:gd name="connsiteY1031" fmla="*/ 845296 h 904738"/>
                <a:gd name="connsiteX1032" fmla="*/ 778215 w 1473200"/>
                <a:gd name="connsiteY1032" fmla="*/ 843675 h 904738"/>
                <a:gd name="connsiteX1033" fmla="*/ 774968 w 1473200"/>
                <a:gd name="connsiteY1033" fmla="*/ 837189 h 904738"/>
                <a:gd name="connsiteX1034" fmla="*/ 773344 w 1473200"/>
                <a:gd name="connsiteY1034" fmla="*/ 827459 h 904738"/>
                <a:gd name="connsiteX1035" fmla="*/ 768472 w 1473200"/>
                <a:gd name="connsiteY1035" fmla="*/ 822594 h 904738"/>
                <a:gd name="connsiteX1036" fmla="*/ 763601 w 1473200"/>
                <a:gd name="connsiteY1036" fmla="*/ 824216 h 904738"/>
                <a:gd name="connsiteX1037" fmla="*/ 763601 w 1473200"/>
                <a:gd name="connsiteY1037" fmla="*/ 816108 h 904738"/>
                <a:gd name="connsiteX1038" fmla="*/ 766849 w 1473200"/>
                <a:gd name="connsiteY1038" fmla="*/ 811243 h 904738"/>
                <a:gd name="connsiteX1039" fmla="*/ 770096 w 1473200"/>
                <a:gd name="connsiteY1039" fmla="*/ 806378 h 904738"/>
                <a:gd name="connsiteX1040" fmla="*/ 773344 w 1473200"/>
                <a:gd name="connsiteY1040" fmla="*/ 804757 h 904738"/>
                <a:gd name="connsiteX1041" fmla="*/ 781463 w 1473200"/>
                <a:gd name="connsiteY1041" fmla="*/ 804757 h 904738"/>
                <a:gd name="connsiteX1042" fmla="*/ 800948 w 1473200"/>
                <a:gd name="connsiteY1042" fmla="*/ 808000 h 904738"/>
                <a:gd name="connsiteX1043" fmla="*/ 805820 w 1473200"/>
                <a:gd name="connsiteY1043" fmla="*/ 806378 h 904738"/>
                <a:gd name="connsiteX1044" fmla="*/ 809067 w 1473200"/>
                <a:gd name="connsiteY1044" fmla="*/ 804757 h 904738"/>
                <a:gd name="connsiteX1045" fmla="*/ 812315 w 1473200"/>
                <a:gd name="connsiteY1045" fmla="*/ 801514 h 904738"/>
                <a:gd name="connsiteX1046" fmla="*/ 813939 w 1473200"/>
                <a:gd name="connsiteY1046" fmla="*/ 799892 h 904738"/>
                <a:gd name="connsiteX1047" fmla="*/ 818810 w 1473200"/>
                <a:gd name="connsiteY1047" fmla="*/ 796649 h 904738"/>
                <a:gd name="connsiteX1048" fmla="*/ 825305 w 1473200"/>
                <a:gd name="connsiteY1048" fmla="*/ 793406 h 904738"/>
                <a:gd name="connsiteX1049" fmla="*/ 828553 w 1473200"/>
                <a:gd name="connsiteY1049" fmla="*/ 791784 h 904738"/>
                <a:gd name="connsiteX1050" fmla="*/ 838296 w 1473200"/>
                <a:gd name="connsiteY1050" fmla="*/ 790163 h 904738"/>
                <a:gd name="connsiteX1051" fmla="*/ 844791 w 1473200"/>
                <a:gd name="connsiteY1051" fmla="*/ 791784 h 904738"/>
                <a:gd name="connsiteX1052" fmla="*/ 848039 w 1473200"/>
                <a:gd name="connsiteY1052" fmla="*/ 791784 h 904738"/>
                <a:gd name="connsiteX1053" fmla="*/ 851286 w 1473200"/>
                <a:gd name="connsiteY1053" fmla="*/ 791784 h 904738"/>
                <a:gd name="connsiteX1054" fmla="*/ 852910 w 1473200"/>
                <a:gd name="connsiteY1054" fmla="*/ 790163 h 904738"/>
                <a:gd name="connsiteX1055" fmla="*/ 861029 w 1473200"/>
                <a:gd name="connsiteY1055" fmla="*/ 786920 h 904738"/>
                <a:gd name="connsiteX1056" fmla="*/ 882138 w 1473200"/>
                <a:gd name="connsiteY1056" fmla="*/ 772325 h 904738"/>
                <a:gd name="connsiteX1057" fmla="*/ 888633 w 1473200"/>
                <a:gd name="connsiteY1057" fmla="*/ 772325 h 904738"/>
                <a:gd name="connsiteX1058" fmla="*/ 893505 w 1473200"/>
                <a:gd name="connsiteY1058" fmla="*/ 770704 h 904738"/>
                <a:gd name="connsiteX1059" fmla="*/ 898376 w 1473200"/>
                <a:gd name="connsiteY1059" fmla="*/ 770704 h 904738"/>
                <a:gd name="connsiteX1060" fmla="*/ 903248 w 1473200"/>
                <a:gd name="connsiteY1060" fmla="*/ 770704 h 904738"/>
                <a:gd name="connsiteX1061" fmla="*/ 904871 w 1473200"/>
                <a:gd name="connsiteY1061" fmla="*/ 772325 h 904738"/>
                <a:gd name="connsiteX1062" fmla="*/ 909743 w 1473200"/>
                <a:gd name="connsiteY1062" fmla="*/ 772325 h 904738"/>
                <a:gd name="connsiteX1063" fmla="*/ 916238 w 1473200"/>
                <a:gd name="connsiteY1063" fmla="*/ 772325 h 904738"/>
                <a:gd name="connsiteX1064" fmla="*/ 925981 w 1473200"/>
                <a:gd name="connsiteY1064" fmla="*/ 772325 h 904738"/>
                <a:gd name="connsiteX1065" fmla="*/ 925981 w 1473200"/>
                <a:gd name="connsiteY1065" fmla="*/ 775568 h 904738"/>
                <a:gd name="connsiteX1066" fmla="*/ 930852 w 1473200"/>
                <a:gd name="connsiteY1066" fmla="*/ 778812 h 904738"/>
                <a:gd name="connsiteX1067" fmla="*/ 937347 w 1473200"/>
                <a:gd name="connsiteY1067" fmla="*/ 780433 h 904738"/>
                <a:gd name="connsiteX1068" fmla="*/ 940595 w 1473200"/>
                <a:gd name="connsiteY1068" fmla="*/ 782055 h 904738"/>
                <a:gd name="connsiteX1069" fmla="*/ 945466 w 1473200"/>
                <a:gd name="connsiteY1069" fmla="*/ 783676 h 904738"/>
                <a:gd name="connsiteX1070" fmla="*/ 947090 w 1473200"/>
                <a:gd name="connsiteY1070" fmla="*/ 786920 h 904738"/>
                <a:gd name="connsiteX1071" fmla="*/ 955209 w 1473200"/>
                <a:gd name="connsiteY1071" fmla="*/ 790163 h 904738"/>
                <a:gd name="connsiteX1072" fmla="*/ 977942 w 1473200"/>
                <a:gd name="connsiteY1072" fmla="*/ 793406 h 904738"/>
                <a:gd name="connsiteX1073" fmla="*/ 981190 w 1473200"/>
                <a:gd name="connsiteY1073" fmla="*/ 793406 h 904738"/>
                <a:gd name="connsiteX1074" fmla="*/ 986061 w 1473200"/>
                <a:gd name="connsiteY1074" fmla="*/ 791784 h 904738"/>
                <a:gd name="connsiteX1075" fmla="*/ 987685 w 1473200"/>
                <a:gd name="connsiteY1075" fmla="*/ 791784 h 904738"/>
                <a:gd name="connsiteX1076" fmla="*/ 990933 w 1473200"/>
                <a:gd name="connsiteY1076" fmla="*/ 791784 h 904738"/>
                <a:gd name="connsiteX1077" fmla="*/ 997428 w 1473200"/>
                <a:gd name="connsiteY1077" fmla="*/ 791784 h 904738"/>
                <a:gd name="connsiteX1078" fmla="*/ 1002299 w 1473200"/>
                <a:gd name="connsiteY1078" fmla="*/ 790163 h 904738"/>
                <a:gd name="connsiteX1079" fmla="*/ 1007171 w 1473200"/>
                <a:gd name="connsiteY1079" fmla="*/ 791784 h 904738"/>
                <a:gd name="connsiteX1080" fmla="*/ 1010418 w 1473200"/>
                <a:gd name="connsiteY1080" fmla="*/ 791784 h 904738"/>
                <a:gd name="connsiteX1081" fmla="*/ 1012042 w 1473200"/>
                <a:gd name="connsiteY1081" fmla="*/ 791784 h 904738"/>
                <a:gd name="connsiteX1082" fmla="*/ 1016913 w 1473200"/>
                <a:gd name="connsiteY1082" fmla="*/ 791784 h 904738"/>
                <a:gd name="connsiteX1083" fmla="*/ 1023409 w 1473200"/>
                <a:gd name="connsiteY1083" fmla="*/ 788541 h 904738"/>
                <a:gd name="connsiteX1084" fmla="*/ 1029904 w 1473200"/>
                <a:gd name="connsiteY1084" fmla="*/ 783676 h 904738"/>
                <a:gd name="connsiteX1085" fmla="*/ 1033151 w 1473200"/>
                <a:gd name="connsiteY1085" fmla="*/ 782055 h 904738"/>
                <a:gd name="connsiteX1086" fmla="*/ 1034775 w 1473200"/>
                <a:gd name="connsiteY1086" fmla="*/ 780433 h 904738"/>
                <a:gd name="connsiteX1087" fmla="*/ 1036399 w 1473200"/>
                <a:gd name="connsiteY1087" fmla="*/ 778812 h 904738"/>
                <a:gd name="connsiteX1088" fmla="*/ 1038023 w 1473200"/>
                <a:gd name="connsiteY1088" fmla="*/ 773947 h 904738"/>
                <a:gd name="connsiteX1089" fmla="*/ 1038023 w 1473200"/>
                <a:gd name="connsiteY1089" fmla="*/ 772325 h 904738"/>
                <a:gd name="connsiteX1090" fmla="*/ 1034775 w 1473200"/>
                <a:gd name="connsiteY1090" fmla="*/ 767461 h 904738"/>
                <a:gd name="connsiteX1091" fmla="*/ 1033151 w 1473200"/>
                <a:gd name="connsiteY1091" fmla="*/ 765839 h 904738"/>
                <a:gd name="connsiteX1092" fmla="*/ 1033151 w 1473200"/>
                <a:gd name="connsiteY1092" fmla="*/ 762596 h 904738"/>
                <a:gd name="connsiteX1093" fmla="*/ 1031528 w 1473200"/>
                <a:gd name="connsiteY1093" fmla="*/ 759353 h 904738"/>
                <a:gd name="connsiteX1094" fmla="*/ 1029904 w 1473200"/>
                <a:gd name="connsiteY1094" fmla="*/ 756110 h 904738"/>
                <a:gd name="connsiteX1095" fmla="*/ 1026656 w 1473200"/>
                <a:gd name="connsiteY1095" fmla="*/ 752866 h 904738"/>
                <a:gd name="connsiteX1096" fmla="*/ 1021785 w 1473200"/>
                <a:gd name="connsiteY1096" fmla="*/ 749623 h 904738"/>
                <a:gd name="connsiteX1097" fmla="*/ 1020161 w 1473200"/>
                <a:gd name="connsiteY1097" fmla="*/ 748002 h 904738"/>
                <a:gd name="connsiteX1098" fmla="*/ 1013666 w 1473200"/>
                <a:gd name="connsiteY1098" fmla="*/ 746380 h 904738"/>
                <a:gd name="connsiteX1099" fmla="*/ 1010418 w 1473200"/>
                <a:gd name="connsiteY1099" fmla="*/ 743137 h 904738"/>
                <a:gd name="connsiteX1100" fmla="*/ 1005547 w 1473200"/>
                <a:gd name="connsiteY1100" fmla="*/ 741515 h 904738"/>
                <a:gd name="connsiteX1101" fmla="*/ 1002299 w 1473200"/>
                <a:gd name="connsiteY1101" fmla="*/ 739894 h 904738"/>
                <a:gd name="connsiteX1102" fmla="*/ 997428 w 1473200"/>
                <a:gd name="connsiteY1102" fmla="*/ 731786 h 904738"/>
                <a:gd name="connsiteX1103" fmla="*/ 992556 w 1473200"/>
                <a:gd name="connsiteY1103" fmla="*/ 726921 h 904738"/>
                <a:gd name="connsiteX1104" fmla="*/ 986061 w 1473200"/>
                <a:gd name="connsiteY1104" fmla="*/ 722056 h 904738"/>
                <a:gd name="connsiteX1105" fmla="*/ 982814 w 1473200"/>
                <a:gd name="connsiteY1105" fmla="*/ 718813 h 904738"/>
                <a:gd name="connsiteX1106" fmla="*/ 976318 w 1473200"/>
                <a:gd name="connsiteY1106" fmla="*/ 717192 h 904738"/>
                <a:gd name="connsiteX1107" fmla="*/ 973071 w 1473200"/>
                <a:gd name="connsiteY1107" fmla="*/ 713948 h 904738"/>
                <a:gd name="connsiteX1108" fmla="*/ 964952 w 1473200"/>
                <a:gd name="connsiteY1108" fmla="*/ 712327 h 904738"/>
                <a:gd name="connsiteX1109" fmla="*/ 960080 w 1473200"/>
                <a:gd name="connsiteY1109" fmla="*/ 709084 h 904738"/>
                <a:gd name="connsiteX1110" fmla="*/ 953585 w 1473200"/>
                <a:gd name="connsiteY1110" fmla="*/ 702597 h 904738"/>
                <a:gd name="connsiteX1111" fmla="*/ 955209 w 1473200"/>
                <a:gd name="connsiteY1111" fmla="*/ 696111 h 904738"/>
                <a:gd name="connsiteX1112" fmla="*/ 961704 w 1473200"/>
                <a:gd name="connsiteY1112" fmla="*/ 694489 h 904738"/>
                <a:gd name="connsiteX1113" fmla="*/ 966576 w 1473200"/>
                <a:gd name="connsiteY1113" fmla="*/ 692868 h 904738"/>
                <a:gd name="connsiteX1114" fmla="*/ 969823 w 1473200"/>
                <a:gd name="connsiteY1114" fmla="*/ 688003 h 904738"/>
                <a:gd name="connsiteX1115" fmla="*/ 971447 w 1473200"/>
                <a:gd name="connsiteY1115" fmla="*/ 684760 h 904738"/>
                <a:gd name="connsiteX1116" fmla="*/ 974695 w 1473200"/>
                <a:gd name="connsiteY1116" fmla="*/ 679895 h 904738"/>
                <a:gd name="connsiteX1117" fmla="*/ 977942 w 1473200"/>
                <a:gd name="connsiteY1117" fmla="*/ 676652 h 904738"/>
                <a:gd name="connsiteX1118" fmla="*/ 969823 w 1473200"/>
                <a:gd name="connsiteY1118" fmla="*/ 670166 h 904738"/>
                <a:gd name="connsiteX1119" fmla="*/ 973071 w 1473200"/>
                <a:gd name="connsiteY1119" fmla="*/ 666923 h 904738"/>
                <a:gd name="connsiteX1120" fmla="*/ 982814 w 1473200"/>
                <a:gd name="connsiteY1120" fmla="*/ 662058 h 904738"/>
                <a:gd name="connsiteX1121" fmla="*/ 989309 w 1473200"/>
                <a:gd name="connsiteY1121" fmla="*/ 660436 h 904738"/>
                <a:gd name="connsiteX1122" fmla="*/ 990933 w 1473200"/>
                <a:gd name="connsiteY1122" fmla="*/ 657193 h 904738"/>
                <a:gd name="connsiteX1123" fmla="*/ 989309 w 1473200"/>
                <a:gd name="connsiteY1123" fmla="*/ 653950 h 904738"/>
                <a:gd name="connsiteX1124" fmla="*/ 979566 w 1473200"/>
                <a:gd name="connsiteY1124" fmla="*/ 657193 h 904738"/>
                <a:gd name="connsiteX1125" fmla="*/ 976318 w 1473200"/>
                <a:gd name="connsiteY1125" fmla="*/ 657193 h 904738"/>
                <a:gd name="connsiteX1126" fmla="*/ 974695 w 1473200"/>
                <a:gd name="connsiteY1126" fmla="*/ 657193 h 904738"/>
                <a:gd name="connsiteX1127" fmla="*/ 973071 w 1473200"/>
                <a:gd name="connsiteY1127" fmla="*/ 657193 h 904738"/>
                <a:gd name="connsiteX1128" fmla="*/ 969823 w 1473200"/>
                <a:gd name="connsiteY1128" fmla="*/ 658815 h 904738"/>
                <a:gd name="connsiteX1129" fmla="*/ 966576 w 1473200"/>
                <a:gd name="connsiteY1129" fmla="*/ 657193 h 904738"/>
                <a:gd name="connsiteX1130" fmla="*/ 961704 w 1473200"/>
                <a:gd name="connsiteY1130" fmla="*/ 660436 h 904738"/>
                <a:gd name="connsiteX1131" fmla="*/ 951962 w 1473200"/>
                <a:gd name="connsiteY1131" fmla="*/ 665301 h 904738"/>
                <a:gd name="connsiteX1132" fmla="*/ 950338 w 1473200"/>
                <a:gd name="connsiteY1132" fmla="*/ 665301 h 904738"/>
                <a:gd name="connsiteX1133" fmla="*/ 948714 w 1473200"/>
                <a:gd name="connsiteY1133" fmla="*/ 665301 h 904738"/>
                <a:gd name="connsiteX1134" fmla="*/ 938971 w 1473200"/>
                <a:gd name="connsiteY1134" fmla="*/ 668544 h 904738"/>
                <a:gd name="connsiteX1135" fmla="*/ 937347 w 1473200"/>
                <a:gd name="connsiteY1135" fmla="*/ 668544 h 904738"/>
                <a:gd name="connsiteX1136" fmla="*/ 934100 w 1473200"/>
                <a:gd name="connsiteY1136" fmla="*/ 670166 h 904738"/>
                <a:gd name="connsiteX1137" fmla="*/ 922733 w 1473200"/>
                <a:gd name="connsiteY1137" fmla="*/ 678274 h 904738"/>
                <a:gd name="connsiteX1138" fmla="*/ 912990 w 1473200"/>
                <a:gd name="connsiteY1138" fmla="*/ 681517 h 904738"/>
                <a:gd name="connsiteX1139" fmla="*/ 914614 w 1473200"/>
                <a:gd name="connsiteY1139" fmla="*/ 684760 h 904738"/>
                <a:gd name="connsiteX1140" fmla="*/ 917862 w 1473200"/>
                <a:gd name="connsiteY1140" fmla="*/ 691246 h 904738"/>
                <a:gd name="connsiteX1141" fmla="*/ 921109 w 1473200"/>
                <a:gd name="connsiteY1141" fmla="*/ 694489 h 904738"/>
                <a:gd name="connsiteX1142" fmla="*/ 929228 w 1473200"/>
                <a:gd name="connsiteY1142" fmla="*/ 694489 h 904738"/>
                <a:gd name="connsiteX1143" fmla="*/ 932476 w 1473200"/>
                <a:gd name="connsiteY1143" fmla="*/ 696111 h 904738"/>
                <a:gd name="connsiteX1144" fmla="*/ 935724 w 1473200"/>
                <a:gd name="connsiteY1144" fmla="*/ 697733 h 904738"/>
                <a:gd name="connsiteX1145" fmla="*/ 940595 w 1473200"/>
                <a:gd name="connsiteY1145" fmla="*/ 696111 h 904738"/>
                <a:gd name="connsiteX1146" fmla="*/ 943843 w 1473200"/>
                <a:gd name="connsiteY1146" fmla="*/ 696111 h 904738"/>
                <a:gd name="connsiteX1147" fmla="*/ 947090 w 1473200"/>
                <a:gd name="connsiteY1147" fmla="*/ 699354 h 904738"/>
                <a:gd name="connsiteX1148" fmla="*/ 948714 w 1473200"/>
                <a:gd name="connsiteY1148" fmla="*/ 700976 h 904738"/>
                <a:gd name="connsiteX1149" fmla="*/ 942219 w 1473200"/>
                <a:gd name="connsiteY1149" fmla="*/ 704219 h 904738"/>
                <a:gd name="connsiteX1150" fmla="*/ 934100 w 1473200"/>
                <a:gd name="connsiteY1150" fmla="*/ 705841 h 904738"/>
                <a:gd name="connsiteX1151" fmla="*/ 927605 w 1473200"/>
                <a:gd name="connsiteY1151" fmla="*/ 704219 h 904738"/>
                <a:gd name="connsiteX1152" fmla="*/ 924357 w 1473200"/>
                <a:gd name="connsiteY1152" fmla="*/ 704219 h 904738"/>
                <a:gd name="connsiteX1153" fmla="*/ 919486 w 1473200"/>
                <a:gd name="connsiteY1153" fmla="*/ 709084 h 904738"/>
                <a:gd name="connsiteX1154" fmla="*/ 916238 w 1473200"/>
                <a:gd name="connsiteY1154" fmla="*/ 712327 h 904738"/>
                <a:gd name="connsiteX1155" fmla="*/ 912990 w 1473200"/>
                <a:gd name="connsiteY1155" fmla="*/ 710705 h 904738"/>
                <a:gd name="connsiteX1156" fmla="*/ 911367 w 1473200"/>
                <a:gd name="connsiteY1156" fmla="*/ 710705 h 904738"/>
                <a:gd name="connsiteX1157" fmla="*/ 908119 w 1473200"/>
                <a:gd name="connsiteY1157" fmla="*/ 713948 h 904738"/>
                <a:gd name="connsiteX1158" fmla="*/ 903248 w 1473200"/>
                <a:gd name="connsiteY1158" fmla="*/ 717192 h 904738"/>
                <a:gd name="connsiteX1159" fmla="*/ 898376 w 1473200"/>
                <a:gd name="connsiteY1159" fmla="*/ 718813 h 904738"/>
                <a:gd name="connsiteX1160" fmla="*/ 890257 w 1473200"/>
                <a:gd name="connsiteY1160" fmla="*/ 717192 h 904738"/>
                <a:gd name="connsiteX1161" fmla="*/ 887010 w 1473200"/>
                <a:gd name="connsiteY1161" fmla="*/ 713948 h 904738"/>
                <a:gd name="connsiteX1162" fmla="*/ 890257 w 1473200"/>
                <a:gd name="connsiteY1162" fmla="*/ 712327 h 904738"/>
                <a:gd name="connsiteX1163" fmla="*/ 890257 w 1473200"/>
                <a:gd name="connsiteY1163" fmla="*/ 704219 h 904738"/>
                <a:gd name="connsiteX1164" fmla="*/ 885386 w 1473200"/>
                <a:gd name="connsiteY1164" fmla="*/ 700976 h 904738"/>
                <a:gd name="connsiteX1165" fmla="*/ 878891 w 1473200"/>
                <a:gd name="connsiteY1165" fmla="*/ 697733 h 904738"/>
                <a:gd name="connsiteX1166" fmla="*/ 875643 w 1473200"/>
                <a:gd name="connsiteY1166" fmla="*/ 694489 h 904738"/>
                <a:gd name="connsiteX1167" fmla="*/ 882138 w 1473200"/>
                <a:gd name="connsiteY1167" fmla="*/ 689625 h 904738"/>
                <a:gd name="connsiteX1168" fmla="*/ 887010 w 1473200"/>
                <a:gd name="connsiteY1168" fmla="*/ 686382 h 904738"/>
                <a:gd name="connsiteX1169" fmla="*/ 891881 w 1473200"/>
                <a:gd name="connsiteY1169" fmla="*/ 684760 h 904738"/>
                <a:gd name="connsiteX1170" fmla="*/ 891881 w 1473200"/>
                <a:gd name="connsiteY1170" fmla="*/ 681517 h 904738"/>
                <a:gd name="connsiteX1171" fmla="*/ 888633 w 1473200"/>
                <a:gd name="connsiteY1171" fmla="*/ 679895 h 904738"/>
                <a:gd name="connsiteX1172" fmla="*/ 880514 w 1473200"/>
                <a:gd name="connsiteY1172" fmla="*/ 684760 h 904738"/>
                <a:gd name="connsiteX1173" fmla="*/ 877267 w 1473200"/>
                <a:gd name="connsiteY1173" fmla="*/ 683138 h 904738"/>
                <a:gd name="connsiteX1174" fmla="*/ 870772 w 1473200"/>
                <a:gd name="connsiteY1174" fmla="*/ 679895 h 904738"/>
                <a:gd name="connsiteX1175" fmla="*/ 865900 w 1473200"/>
                <a:gd name="connsiteY1175" fmla="*/ 678274 h 904738"/>
                <a:gd name="connsiteX1176" fmla="*/ 862653 w 1473200"/>
                <a:gd name="connsiteY1176" fmla="*/ 676652 h 904738"/>
                <a:gd name="connsiteX1177" fmla="*/ 859405 w 1473200"/>
                <a:gd name="connsiteY1177" fmla="*/ 675031 h 904738"/>
                <a:gd name="connsiteX1178" fmla="*/ 864276 w 1473200"/>
                <a:gd name="connsiteY1178" fmla="*/ 670166 h 904738"/>
                <a:gd name="connsiteX1179" fmla="*/ 864276 w 1473200"/>
                <a:gd name="connsiteY1179" fmla="*/ 666923 h 904738"/>
                <a:gd name="connsiteX1180" fmla="*/ 857781 w 1473200"/>
                <a:gd name="connsiteY1180" fmla="*/ 666923 h 904738"/>
                <a:gd name="connsiteX1181" fmla="*/ 851286 w 1473200"/>
                <a:gd name="connsiteY1181" fmla="*/ 670166 h 904738"/>
                <a:gd name="connsiteX1182" fmla="*/ 848039 w 1473200"/>
                <a:gd name="connsiteY1182" fmla="*/ 673409 h 904738"/>
                <a:gd name="connsiteX1183" fmla="*/ 844791 w 1473200"/>
                <a:gd name="connsiteY1183" fmla="*/ 676652 h 904738"/>
                <a:gd name="connsiteX1184" fmla="*/ 843167 w 1473200"/>
                <a:gd name="connsiteY1184" fmla="*/ 681517 h 904738"/>
                <a:gd name="connsiteX1185" fmla="*/ 835048 w 1473200"/>
                <a:gd name="connsiteY1185" fmla="*/ 689625 h 904738"/>
                <a:gd name="connsiteX1186" fmla="*/ 828553 w 1473200"/>
                <a:gd name="connsiteY1186" fmla="*/ 689625 h 904738"/>
                <a:gd name="connsiteX1187" fmla="*/ 826929 w 1473200"/>
                <a:gd name="connsiteY1187" fmla="*/ 696111 h 904738"/>
                <a:gd name="connsiteX1188" fmla="*/ 826929 w 1473200"/>
                <a:gd name="connsiteY1188" fmla="*/ 697733 h 904738"/>
                <a:gd name="connsiteX1189" fmla="*/ 828553 w 1473200"/>
                <a:gd name="connsiteY1189" fmla="*/ 700976 h 904738"/>
                <a:gd name="connsiteX1190" fmla="*/ 826929 w 1473200"/>
                <a:gd name="connsiteY1190" fmla="*/ 707462 h 904738"/>
                <a:gd name="connsiteX1191" fmla="*/ 822058 w 1473200"/>
                <a:gd name="connsiteY1191" fmla="*/ 710705 h 904738"/>
                <a:gd name="connsiteX1192" fmla="*/ 820434 w 1473200"/>
                <a:gd name="connsiteY1192" fmla="*/ 710705 h 904738"/>
                <a:gd name="connsiteX1193" fmla="*/ 817186 w 1473200"/>
                <a:gd name="connsiteY1193" fmla="*/ 709084 h 904738"/>
                <a:gd name="connsiteX1194" fmla="*/ 815563 w 1473200"/>
                <a:gd name="connsiteY1194" fmla="*/ 712327 h 904738"/>
                <a:gd name="connsiteX1195" fmla="*/ 812315 w 1473200"/>
                <a:gd name="connsiteY1195" fmla="*/ 717192 h 904738"/>
                <a:gd name="connsiteX1196" fmla="*/ 810691 w 1473200"/>
                <a:gd name="connsiteY1196" fmla="*/ 718813 h 904738"/>
                <a:gd name="connsiteX1197" fmla="*/ 807444 w 1473200"/>
                <a:gd name="connsiteY1197" fmla="*/ 722056 h 904738"/>
                <a:gd name="connsiteX1198" fmla="*/ 807444 w 1473200"/>
                <a:gd name="connsiteY1198" fmla="*/ 735029 h 904738"/>
                <a:gd name="connsiteX1199" fmla="*/ 804196 w 1473200"/>
                <a:gd name="connsiteY1199" fmla="*/ 741515 h 904738"/>
                <a:gd name="connsiteX1200" fmla="*/ 796077 w 1473200"/>
                <a:gd name="connsiteY1200" fmla="*/ 744758 h 904738"/>
                <a:gd name="connsiteX1201" fmla="*/ 791206 w 1473200"/>
                <a:gd name="connsiteY1201" fmla="*/ 749623 h 904738"/>
                <a:gd name="connsiteX1202" fmla="*/ 789582 w 1473200"/>
                <a:gd name="connsiteY1202" fmla="*/ 757731 h 904738"/>
                <a:gd name="connsiteX1203" fmla="*/ 789582 w 1473200"/>
                <a:gd name="connsiteY1203" fmla="*/ 764217 h 904738"/>
                <a:gd name="connsiteX1204" fmla="*/ 796077 w 1473200"/>
                <a:gd name="connsiteY1204" fmla="*/ 770704 h 904738"/>
                <a:gd name="connsiteX1205" fmla="*/ 796077 w 1473200"/>
                <a:gd name="connsiteY1205" fmla="*/ 772325 h 904738"/>
                <a:gd name="connsiteX1206" fmla="*/ 797701 w 1473200"/>
                <a:gd name="connsiteY1206" fmla="*/ 777190 h 904738"/>
                <a:gd name="connsiteX1207" fmla="*/ 796077 w 1473200"/>
                <a:gd name="connsiteY1207" fmla="*/ 780433 h 904738"/>
                <a:gd name="connsiteX1208" fmla="*/ 800948 w 1473200"/>
                <a:gd name="connsiteY1208" fmla="*/ 782055 h 904738"/>
                <a:gd name="connsiteX1209" fmla="*/ 807444 w 1473200"/>
                <a:gd name="connsiteY1209" fmla="*/ 785298 h 904738"/>
                <a:gd name="connsiteX1210" fmla="*/ 810691 w 1473200"/>
                <a:gd name="connsiteY1210" fmla="*/ 785298 h 904738"/>
                <a:gd name="connsiteX1211" fmla="*/ 812315 w 1473200"/>
                <a:gd name="connsiteY1211" fmla="*/ 785298 h 904738"/>
                <a:gd name="connsiteX1212" fmla="*/ 815563 w 1473200"/>
                <a:gd name="connsiteY1212" fmla="*/ 786920 h 904738"/>
                <a:gd name="connsiteX1213" fmla="*/ 817186 w 1473200"/>
                <a:gd name="connsiteY1213" fmla="*/ 786920 h 904738"/>
                <a:gd name="connsiteX1214" fmla="*/ 817186 w 1473200"/>
                <a:gd name="connsiteY1214" fmla="*/ 788541 h 904738"/>
                <a:gd name="connsiteX1215" fmla="*/ 818810 w 1473200"/>
                <a:gd name="connsiteY1215" fmla="*/ 791784 h 904738"/>
                <a:gd name="connsiteX1216" fmla="*/ 810691 w 1473200"/>
                <a:gd name="connsiteY1216" fmla="*/ 795027 h 904738"/>
                <a:gd name="connsiteX1217" fmla="*/ 802572 w 1473200"/>
                <a:gd name="connsiteY1217" fmla="*/ 793406 h 904738"/>
                <a:gd name="connsiteX1218" fmla="*/ 794453 w 1473200"/>
                <a:gd name="connsiteY1218" fmla="*/ 793406 h 904738"/>
                <a:gd name="connsiteX1219" fmla="*/ 787958 w 1473200"/>
                <a:gd name="connsiteY1219" fmla="*/ 795027 h 904738"/>
                <a:gd name="connsiteX1220" fmla="*/ 786334 w 1473200"/>
                <a:gd name="connsiteY1220" fmla="*/ 798271 h 904738"/>
                <a:gd name="connsiteX1221" fmla="*/ 783087 w 1473200"/>
                <a:gd name="connsiteY1221" fmla="*/ 799892 h 904738"/>
                <a:gd name="connsiteX1222" fmla="*/ 781463 w 1473200"/>
                <a:gd name="connsiteY1222" fmla="*/ 801514 h 904738"/>
                <a:gd name="connsiteX1223" fmla="*/ 779839 w 1473200"/>
                <a:gd name="connsiteY1223" fmla="*/ 801514 h 904738"/>
                <a:gd name="connsiteX1224" fmla="*/ 774968 w 1473200"/>
                <a:gd name="connsiteY1224" fmla="*/ 803135 h 904738"/>
                <a:gd name="connsiteX1225" fmla="*/ 768472 w 1473200"/>
                <a:gd name="connsiteY1225" fmla="*/ 801514 h 904738"/>
                <a:gd name="connsiteX1226" fmla="*/ 763601 w 1473200"/>
                <a:gd name="connsiteY1226" fmla="*/ 801514 h 904738"/>
                <a:gd name="connsiteX1227" fmla="*/ 760353 w 1473200"/>
                <a:gd name="connsiteY1227" fmla="*/ 799892 h 904738"/>
                <a:gd name="connsiteX1228" fmla="*/ 752235 w 1473200"/>
                <a:gd name="connsiteY1228" fmla="*/ 798271 h 904738"/>
                <a:gd name="connsiteX1229" fmla="*/ 748987 w 1473200"/>
                <a:gd name="connsiteY1229" fmla="*/ 795027 h 904738"/>
                <a:gd name="connsiteX1230" fmla="*/ 742492 w 1473200"/>
                <a:gd name="connsiteY1230" fmla="*/ 796649 h 904738"/>
                <a:gd name="connsiteX1231" fmla="*/ 739244 w 1473200"/>
                <a:gd name="connsiteY1231" fmla="*/ 798271 h 904738"/>
                <a:gd name="connsiteX1232" fmla="*/ 735997 w 1473200"/>
                <a:gd name="connsiteY1232" fmla="*/ 804757 h 904738"/>
                <a:gd name="connsiteX1233" fmla="*/ 731125 w 1473200"/>
                <a:gd name="connsiteY1233" fmla="*/ 798271 h 904738"/>
                <a:gd name="connsiteX1234" fmla="*/ 727878 w 1473200"/>
                <a:gd name="connsiteY1234" fmla="*/ 798271 h 904738"/>
                <a:gd name="connsiteX1235" fmla="*/ 726254 w 1473200"/>
                <a:gd name="connsiteY1235" fmla="*/ 798271 h 904738"/>
                <a:gd name="connsiteX1236" fmla="*/ 724630 w 1473200"/>
                <a:gd name="connsiteY1236" fmla="*/ 798271 h 904738"/>
                <a:gd name="connsiteX1237" fmla="*/ 723006 w 1473200"/>
                <a:gd name="connsiteY1237" fmla="*/ 798271 h 904738"/>
                <a:gd name="connsiteX1238" fmla="*/ 721382 w 1473200"/>
                <a:gd name="connsiteY1238" fmla="*/ 798271 h 904738"/>
                <a:gd name="connsiteX1239" fmla="*/ 724630 w 1473200"/>
                <a:gd name="connsiteY1239" fmla="*/ 804757 h 904738"/>
                <a:gd name="connsiteX1240" fmla="*/ 729501 w 1473200"/>
                <a:gd name="connsiteY1240" fmla="*/ 808000 h 904738"/>
                <a:gd name="connsiteX1241" fmla="*/ 729501 w 1473200"/>
                <a:gd name="connsiteY1241" fmla="*/ 809622 h 904738"/>
                <a:gd name="connsiteX1242" fmla="*/ 724630 w 1473200"/>
                <a:gd name="connsiteY1242" fmla="*/ 812865 h 904738"/>
                <a:gd name="connsiteX1243" fmla="*/ 721382 w 1473200"/>
                <a:gd name="connsiteY1243" fmla="*/ 809622 h 904738"/>
                <a:gd name="connsiteX1244" fmla="*/ 718135 w 1473200"/>
                <a:gd name="connsiteY1244" fmla="*/ 814486 h 904738"/>
                <a:gd name="connsiteX1245" fmla="*/ 711640 w 1473200"/>
                <a:gd name="connsiteY1245" fmla="*/ 812865 h 904738"/>
                <a:gd name="connsiteX1246" fmla="*/ 706768 w 1473200"/>
                <a:gd name="connsiteY1246" fmla="*/ 808000 h 904738"/>
                <a:gd name="connsiteX1247" fmla="*/ 701897 w 1473200"/>
                <a:gd name="connsiteY1247" fmla="*/ 801514 h 904738"/>
                <a:gd name="connsiteX1248" fmla="*/ 698649 w 1473200"/>
                <a:gd name="connsiteY1248" fmla="*/ 809622 h 904738"/>
                <a:gd name="connsiteX1249" fmla="*/ 703521 w 1473200"/>
                <a:gd name="connsiteY1249" fmla="*/ 820973 h 904738"/>
                <a:gd name="connsiteX1250" fmla="*/ 710016 w 1473200"/>
                <a:gd name="connsiteY1250" fmla="*/ 827459 h 904738"/>
                <a:gd name="connsiteX1251" fmla="*/ 710016 w 1473200"/>
                <a:gd name="connsiteY1251" fmla="*/ 830702 h 904738"/>
                <a:gd name="connsiteX1252" fmla="*/ 718135 w 1473200"/>
                <a:gd name="connsiteY1252" fmla="*/ 840432 h 904738"/>
                <a:gd name="connsiteX1253" fmla="*/ 723006 w 1473200"/>
                <a:gd name="connsiteY1253" fmla="*/ 843675 h 904738"/>
                <a:gd name="connsiteX1254" fmla="*/ 726254 w 1473200"/>
                <a:gd name="connsiteY1254" fmla="*/ 845296 h 904738"/>
                <a:gd name="connsiteX1255" fmla="*/ 727878 w 1473200"/>
                <a:gd name="connsiteY1255" fmla="*/ 850161 h 904738"/>
                <a:gd name="connsiteX1256" fmla="*/ 724630 w 1473200"/>
                <a:gd name="connsiteY1256" fmla="*/ 851783 h 904738"/>
                <a:gd name="connsiteX1257" fmla="*/ 721382 w 1473200"/>
                <a:gd name="connsiteY1257" fmla="*/ 850161 h 904738"/>
                <a:gd name="connsiteX1258" fmla="*/ 718135 w 1473200"/>
                <a:gd name="connsiteY1258" fmla="*/ 850161 h 904738"/>
                <a:gd name="connsiteX1259" fmla="*/ 723006 w 1473200"/>
                <a:gd name="connsiteY1259" fmla="*/ 856648 h 904738"/>
                <a:gd name="connsiteX1260" fmla="*/ 724630 w 1473200"/>
                <a:gd name="connsiteY1260" fmla="*/ 861513 h 904738"/>
                <a:gd name="connsiteX1261" fmla="*/ 721382 w 1473200"/>
                <a:gd name="connsiteY1261" fmla="*/ 863134 h 904738"/>
                <a:gd name="connsiteX1262" fmla="*/ 713263 w 1473200"/>
                <a:gd name="connsiteY1262" fmla="*/ 858269 h 904738"/>
                <a:gd name="connsiteX1263" fmla="*/ 708392 w 1473200"/>
                <a:gd name="connsiteY1263" fmla="*/ 853405 h 904738"/>
                <a:gd name="connsiteX1264" fmla="*/ 703521 w 1473200"/>
                <a:gd name="connsiteY1264" fmla="*/ 851783 h 904738"/>
                <a:gd name="connsiteX1265" fmla="*/ 700273 w 1473200"/>
                <a:gd name="connsiteY1265" fmla="*/ 855026 h 904738"/>
                <a:gd name="connsiteX1266" fmla="*/ 700273 w 1473200"/>
                <a:gd name="connsiteY1266" fmla="*/ 858269 h 904738"/>
                <a:gd name="connsiteX1267" fmla="*/ 706768 w 1473200"/>
                <a:gd name="connsiteY1267" fmla="*/ 861513 h 904738"/>
                <a:gd name="connsiteX1268" fmla="*/ 713263 w 1473200"/>
                <a:gd name="connsiteY1268" fmla="*/ 866377 h 904738"/>
                <a:gd name="connsiteX1269" fmla="*/ 716511 w 1473200"/>
                <a:gd name="connsiteY1269" fmla="*/ 867999 h 904738"/>
                <a:gd name="connsiteX1270" fmla="*/ 705144 w 1473200"/>
                <a:gd name="connsiteY1270" fmla="*/ 872864 h 904738"/>
                <a:gd name="connsiteX1271" fmla="*/ 701897 w 1473200"/>
                <a:gd name="connsiteY1271" fmla="*/ 867999 h 904738"/>
                <a:gd name="connsiteX1272" fmla="*/ 705144 w 1473200"/>
                <a:gd name="connsiteY1272" fmla="*/ 877728 h 904738"/>
                <a:gd name="connsiteX1273" fmla="*/ 706768 w 1473200"/>
                <a:gd name="connsiteY1273" fmla="*/ 880971 h 904738"/>
                <a:gd name="connsiteX1274" fmla="*/ 710016 w 1473200"/>
                <a:gd name="connsiteY1274" fmla="*/ 884215 h 904738"/>
                <a:gd name="connsiteX1275" fmla="*/ 708392 w 1473200"/>
                <a:gd name="connsiteY1275" fmla="*/ 889079 h 904738"/>
                <a:gd name="connsiteX1276" fmla="*/ 701897 w 1473200"/>
                <a:gd name="connsiteY1276" fmla="*/ 885836 h 904738"/>
                <a:gd name="connsiteX1277" fmla="*/ 697025 w 1473200"/>
                <a:gd name="connsiteY1277" fmla="*/ 884215 h 904738"/>
                <a:gd name="connsiteX1278" fmla="*/ 690530 w 1473200"/>
                <a:gd name="connsiteY1278" fmla="*/ 884215 h 904738"/>
                <a:gd name="connsiteX1279" fmla="*/ 688906 w 1473200"/>
                <a:gd name="connsiteY1279" fmla="*/ 880971 h 904738"/>
                <a:gd name="connsiteX1280" fmla="*/ 685659 w 1473200"/>
                <a:gd name="connsiteY1280" fmla="*/ 880971 h 904738"/>
                <a:gd name="connsiteX1281" fmla="*/ 682411 w 1473200"/>
                <a:gd name="connsiteY1281" fmla="*/ 877728 h 904738"/>
                <a:gd name="connsiteX1282" fmla="*/ 682411 w 1473200"/>
                <a:gd name="connsiteY1282" fmla="*/ 872864 h 904738"/>
                <a:gd name="connsiteX1283" fmla="*/ 682411 w 1473200"/>
                <a:gd name="connsiteY1283" fmla="*/ 869620 h 904738"/>
                <a:gd name="connsiteX1284" fmla="*/ 672668 w 1473200"/>
                <a:gd name="connsiteY1284" fmla="*/ 863134 h 904738"/>
                <a:gd name="connsiteX1285" fmla="*/ 675916 w 1473200"/>
                <a:gd name="connsiteY1285" fmla="*/ 856648 h 904738"/>
                <a:gd name="connsiteX1286" fmla="*/ 677540 w 1473200"/>
                <a:gd name="connsiteY1286" fmla="*/ 851783 h 904738"/>
                <a:gd name="connsiteX1287" fmla="*/ 679164 w 1473200"/>
                <a:gd name="connsiteY1287" fmla="*/ 846918 h 904738"/>
                <a:gd name="connsiteX1288" fmla="*/ 675916 w 1473200"/>
                <a:gd name="connsiteY1288" fmla="*/ 843675 h 904738"/>
                <a:gd name="connsiteX1289" fmla="*/ 669421 w 1473200"/>
                <a:gd name="connsiteY1289" fmla="*/ 842053 h 904738"/>
                <a:gd name="connsiteX1290" fmla="*/ 666173 w 1473200"/>
                <a:gd name="connsiteY1290" fmla="*/ 837189 h 904738"/>
                <a:gd name="connsiteX1291" fmla="*/ 662926 w 1473200"/>
                <a:gd name="connsiteY1291" fmla="*/ 833945 h 904738"/>
                <a:gd name="connsiteX1292" fmla="*/ 656431 w 1473200"/>
                <a:gd name="connsiteY1292" fmla="*/ 829081 h 904738"/>
                <a:gd name="connsiteX1293" fmla="*/ 654807 w 1473200"/>
                <a:gd name="connsiteY1293" fmla="*/ 827459 h 904738"/>
                <a:gd name="connsiteX1294" fmla="*/ 653183 w 1473200"/>
                <a:gd name="connsiteY1294" fmla="*/ 825837 h 904738"/>
                <a:gd name="connsiteX1295" fmla="*/ 649935 w 1473200"/>
                <a:gd name="connsiteY1295" fmla="*/ 825837 h 904738"/>
                <a:gd name="connsiteX1296" fmla="*/ 646688 w 1473200"/>
                <a:gd name="connsiteY1296" fmla="*/ 825837 h 904738"/>
                <a:gd name="connsiteX1297" fmla="*/ 646688 w 1473200"/>
                <a:gd name="connsiteY1297" fmla="*/ 820973 h 904738"/>
                <a:gd name="connsiteX1298" fmla="*/ 648312 w 1473200"/>
                <a:gd name="connsiteY1298" fmla="*/ 816108 h 904738"/>
                <a:gd name="connsiteX1299" fmla="*/ 643440 w 1473200"/>
                <a:gd name="connsiteY1299" fmla="*/ 812865 h 904738"/>
                <a:gd name="connsiteX1300" fmla="*/ 640193 w 1473200"/>
                <a:gd name="connsiteY1300" fmla="*/ 809622 h 904738"/>
                <a:gd name="connsiteX1301" fmla="*/ 640193 w 1473200"/>
                <a:gd name="connsiteY1301" fmla="*/ 803135 h 904738"/>
                <a:gd name="connsiteX1302" fmla="*/ 640193 w 1473200"/>
                <a:gd name="connsiteY1302" fmla="*/ 795027 h 904738"/>
                <a:gd name="connsiteX1303" fmla="*/ 641816 w 1473200"/>
                <a:gd name="connsiteY1303" fmla="*/ 788541 h 904738"/>
                <a:gd name="connsiteX1304" fmla="*/ 641816 w 1473200"/>
                <a:gd name="connsiteY1304" fmla="*/ 783676 h 904738"/>
                <a:gd name="connsiteX1305" fmla="*/ 643440 w 1473200"/>
                <a:gd name="connsiteY1305" fmla="*/ 783676 h 904738"/>
                <a:gd name="connsiteX1306" fmla="*/ 641816 w 1473200"/>
                <a:gd name="connsiteY1306" fmla="*/ 780433 h 904738"/>
                <a:gd name="connsiteX1307" fmla="*/ 640193 w 1473200"/>
                <a:gd name="connsiteY1307" fmla="*/ 778812 h 904738"/>
                <a:gd name="connsiteX1308" fmla="*/ 635321 w 1473200"/>
                <a:gd name="connsiteY1308" fmla="*/ 773947 h 904738"/>
                <a:gd name="connsiteX1309" fmla="*/ 633697 w 1473200"/>
                <a:gd name="connsiteY1309" fmla="*/ 770704 h 904738"/>
                <a:gd name="connsiteX1310" fmla="*/ 632074 w 1473200"/>
                <a:gd name="connsiteY1310" fmla="*/ 767461 h 904738"/>
                <a:gd name="connsiteX1311" fmla="*/ 625578 w 1473200"/>
                <a:gd name="connsiteY1311" fmla="*/ 760974 h 904738"/>
                <a:gd name="connsiteX1312" fmla="*/ 623955 w 1473200"/>
                <a:gd name="connsiteY1312" fmla="*/ 762596 h 904738"/>
                <a:gd name="connsiteX1313" fmla="*/ 622331 w 1473200"/>
                <a:gd name="connsiteY1313" fmla="*/ 760974 h 904738"/>
                <a:gd name="connsiteX1314" fmla="*/ 615836 w 1473200"/>
                <a:gd name="connsiteY1314" fmla="*/ 756110 h 904738"/>
                <a:gd name="connsiteX1315" fmla="*/ 610964 w 1473200"/>
                <a:gd name="connsiteY1315" fmla="*/ 752866 h 904738"/>
                <a:gd name="connsiteX1316" fmla="*/ 607717 w 1473200"/>
                <a:gd name="connsiteY1316" fmla="*/ 749623 h 904738"/>
                <a:gd name="connsiteX1317" fmla="*/ 602845 w 1473200"/>
                <a:gd name="connsiteY1317" fmla="*/ 749623 h 904738"/>
                <a:gd name="connsiteX1318" fmla="*/ 601221 w 1473200"/>
                <a:gd name="connsiteY1318" fmla="*/ 748002 h 904738"/>
                <a:gd name="connsiteX1319" fmla="*/ 597974 w 1473200"/>
                <a:gd name="connsiteY1319" fmla="*/ 746380 h 904738"/>
                <a:gd name="connsiteX1320" fmla="*/ 594726 w 1473200"/>
                <a:gd name="connsiteY1320" fmla="*/ 743137 h 904738"/>
                <a:gd name="connsiteX1321" fmla="*/ 593102 w 1473200"/>
                <a:gd name="connsiteY1321" fmla="*/ 739894 h 904738"/>
                <a:gd name="connsiteX1322" fmla="*/ 588231 w 1473200"/>
                <a:gd name="connsiteY1322" fmla="*/ 736651 h 904738"/>
                <a:gd name="connsiteX1323" fmla="*/ 581736 w 1473200"/>
                <a:gd name="connsiteY1323" fmla="*/ 736651 h 904738"/>
                <a:gd name="connsiteX1324" fmla="*/ 578488 w 1473200"/>
                <a:gd name="connsiteY1324" fmla="*/ 735029 h 904738"/>
                <a:gd name="connsiteX1325" fmla="*/ 573617 w 1473200"/>
                <a:gd name="connsiteY1325" fmla="*/ 731786 h 904738"/>
                <a:gd name="connsiteX1326" fmla="*/ 570369 w 1473200"/>
                <a:gd name="connsiteY1326" fmla="*/ 728543 h 904738"/>
                <a:gd name="connsiteX1327" fmla="*/ 568746 w 1473200"/>
                <a:gd name="connsiteY1327" fmla="*/ 725300 h 904738"/>
                <a:gd name="connsiteX1328" fmla="*/ 568746 w 1473200"/>
                <a:gd name="connsiteY1328" fmla="*/ 720435 h 904738"/>
                <a:gd name="connsiteX1329" fmla="*/ 567122 w 1473200"/>
                <a:gd name="connsiteY1329" fmla="*/ 717192 h 904738"/>
                <a:gd name="connsiteX1330" fmla="*/ 562250 w 1473200"/>
                <a:gd name="connsiteY1330" fmla="*/ 712327 h 904738"/>
                <a:gd name="connsiteX1331" fmla="*/ 559003 w 1473200"/>
                <a:gd name="connsiteY1331" fmla="*/ 710705 h 904738"/>
                <a:gd name="connsiteX1332" fmla="*/ 559003 w 1473200"/>
                <a:gd name="connsiteY1332" fmla="*/ 704219 h 904738"/>
                <a:gd name="connsiteX1333" fmla="*/ 557379 w 1473200"/>
                <a:gd name="connsiteY1333" fmla="*/ 704219 h 904738"/>
                <a:gd name="connsiteX1334" fmla="*/ 554131 w 1473200"/>
                <a:gd name="connsiteY1334" fmla="*/ 702597 h 904738"/>
                <a:gd name="connsiteX1335" fmla="*/ 546012 w 1473200"/>
                <a:gd name="connsiteY1335" fmla="*/ 705841 h 904738"/>
                <a:gd name="connsiteX1336" fmla="*/ 544389 w 1473200"/>
                <a:gd name="connsiteY1336" fmla="*/ 707462 h 904738"/>
                <a:gd name="connsiteX1337" fmla="*/ 542765 w 1473200"/>
                <a:gd name="connsiteY1337" fmla="*/ 705841 h 904738"/>
                <a:gd name="connsiteX1338" fmla="*/ 539517 w 1473200"/>
                <a:gd name="connsiteY1338" fmla="*/ 700976 h 904738"/>
                <a:gd name="connsiteX1339" fmla="*/ 537893 w 1473200"/>
                <a:gd name="connsiteY1339" fmla="*/ 697733 h 904738"/>
                <a:gd name="connsiteX1340" fmla="*/ 537893 w 1473200"/>
                <a:gd name="connsiteY1340" fmla="*/ 694489 h 904738"/>
                <a:gd name="connsiteX1341" fmla="*/ 537893 w 1473200"/>
                <a:gd name="connsiteY1341" fmla="*/ 689625 h 904738"/>
                <a:gd name="connsiteX1342" fmla="*/ 533022 w 1473200"/>
                <a:gd name="connsiteY1342" fmla="*/ 688003 h 904738"/>
                <a:gd name="connsiteX1343" fmla="*/ 524903 w 1473200"/>
                <a:gd name="connsiteY1343" fmla="*/ 691246 h 904738"/>
                <a:gd name="connsiteX1344" fmla="*/ 521655 w 1473200"/>
                <a:gd name="connsiteY1344" fmla="*/ 694489 h 904738"/>
                <a:gd name="connsiteX1345" fmla="*/ 515160 w 1473200"/>
                <a:gd name="connsiteY1345" fmla="*/ 694489 h 904738"/>
                <a:gd name="connsiteX1346" fmla="*/ 513536 w 1473200"/>
                <a:gd name="connsiteY1346" fmla="*/ 700976 h 904738"/>
                <a:gd name="connsiteX1347" fmla="*/ 516784 w 1473200"/>
                <a:gd name="connsiteY1347" fmla="*/ 707462 h 904738"/>
                <a:gd name="connsiteX1348" fmla="*/ 515160 w 1473200"/>
                <a:gd name="connsiteY1348" fmla="*/ 710705 h 904738"/>
                <a:gd name="connsiteX1349" fmla="*/ 513536 w 1473200"/>
                <a:gd name="connsiteY1349" fmla="*/ 713948 h 904738"/>
                <a:gd name="connsiteX1350" fmla="*/ 515160 w 1473200"/>
                <a:gd name="connsiteY1350" fmla="*/ 718813 h 904738"/>
                <a:gd name="connsiteX1351" fmla="*/ 521655 w 1473200"/>
                <a:gd name="connsiteY1351" fmla="*/ 725300 h 904738"/>
                <a:gd name="connsiteX1352" fmla="*/ 523279 w 1473200"/>
                <a:gd name="connsiteY1352" fmla="*/ 726921 h 904738"/>
                <a:gd name="connsiteX1353" fmla="*/ 528151 w 1473200"/>
                <a:gd name="connsiteY1353" fmla="*/ 730164 h 904738"/>
                <a:gd name="connsiteX1354" fmla="*/ 536270 w 1473200"/>
                <a:gd name="connsiteY1354" fmla="*/ 736651 h 904738"/>
                <a:gd name="connsiteX1355" fmla="*/ 541141 w 1473200"/>
                <a:gd name="connsiteY1355" fmla="*/ 741515 h 904738"/>
                <a:gd name="connsiteX1356" fmla="*/ 542765 w 1473200"/>
                <a:gd name="connsiteY1356" fmla="*/ 746380 h 904738"/>
                <a:gd name="connsiteX1357" fmla="*/ 549260 w 1473200"/>
                <a:gd name="connsiteY1357" fmla="*/ 760974 h 904738"/>
                <a:gd name="connsiteX1358" fmla="*/ 555755 w 1473200"/>
                <a:gd name="connsiteY1358" fmla="*/ 765839 h 904738"/>
                <a:gd name="connsiteX1359" fmla="*/ 559003 w 1473200"/>
                <a:gd name="connsiteY1359" fmla="*/ 770704 h 904738"/>
                <a:gd name="connsiteX1360" fmla="*/ 562250 w 1473200"/>
                <a:gd name="connsiteY1360" fmla="*/ 770704 h 904738"/>
                <a:gd name="connsiteX1361" fmla="*/ 567122 w 1473200"/>
                <a:gd name="connsiteY1361" fmla="*/ 772325 h 904738"/>
                <a:gd name="connsiteX1362" fmla="*/ 578488 w 1473200"/>
                <a:gd name="connsiteY1362" fmla="*/ 772325 h 904738"/>
                <a:gd name="connsiteX1363" fmla="*/ 583360 w 1473200"/>
                <a:gd name="connsiteY1363" fmla="*/ 775568 h 904738"/>
                <a:gd name="connsiteX1364" fmla="*/ 581736 w 1473200"/>
                <a:gd name="connsiteY1364" fmla="*/ 778812 h 904738"/>
                <a:gd name="connsiteX1365" fmla="*/ 581736 w 1473200"/>
                <a:gd name="connsiteY1365" fmla="*/ 783676 h 904738"/>
                <a:gd name="connsiteX1366" fmla="*/ 591479 w 1473200"/>
                <a:gd name="connsiteY1366" fmla="*/ 788541 h 904738"/>
                <a:gd name="connsiteX1367" fmla="*/ 599598 w 1473200"/>
                <a:gd name="connsiteY1367" fmla="*/ 793406 h 904738"/>
                <a:gd name="connsiteX1368" fmla="*/ 604469 w 1473200"/>
                <a:gd name="connsiteY1368" fmla="*/ 795027 h 904738"/>
                <a:gd name="connsiteX1369" fmla="*/ 619083 w 1473200"/>
                <a:gd name="connsiteY1369" fmla="*/ 804757 h 904738"/>
                <a:gd name="connsiteX1370" fmla="*/ 620707 w 1473200"/>
                <a:gd name="connsiteY1370" fmla="*/ 808000 h 904738"/>
                <a:gd name="connsiteX1371" fmla="*/ 623955 w 1473200"/>
                <a:gd name="connsiteY1371" fmla="*/ 812865 h 904738"/>
                <a:gd name="connsiteX1372" fmla="*/ 623955 w 1473200"/>
                <a:gd name="connsiteY1372" fmla="*/ 816108 h 904738"/>
                <a:gd name="connsiteX1373" fmla="*/ 619083 w 1473200"/>
                <a:gd name="connsiteY1373" fmla="*/ 816108 h 904738"/>
                <a:gd name="connsiteX1374" fmla="*/ 612588 w 1473200"/>
                <a:gd name="connsiteY1374" fmla="*/ 811243 h 904738"/>
                <a:gd name="connsiteX1375" fmla="*/ 606093 w 1473200"/>
                <a:gd name="connsiteY1375" fmla="*/ 806378 h 904738"/>
                <a:gd name="connsiteX1376" fmla="*/ 601221 w 1473200"/>
                <a:gd name="connsiteY1376" fmla="*/ 806378 h 904738"/>
                <a:gd name="connsiteX1377" fmla="*/ 599598 w 1473200"/>
                <a:gd name="connsiteY1377" fmla="*/ 806378 h 904738"/>
                <a:gd name="connsiteX1378" fmla="*/ 596350 w 1473200"/>
                <a:gd name="connsiteY1378" fmla="*/ 806378 h 904738"/>
                <a:gd name="connsiteX1379" fmla="*/ 593102 w 1473200"/>
                <a:gd name="connsiteY1379" fmla="*/ 811243 h 904738"/>
                <a:gd name="connsiteX1380" fmla="*/ 591479 w 1473200"/>
                <a:gd name="connsiteY1380" fmla="*/ 816108 h 904738"/>
                <a:gd name="connsiteX1381" fmla="*/ 591479 w 1473200"/>
                <a:gd name="connsiteY1381" fmla="*/ 820973 h 904738"/>
                <a:gd name="connsiteX1382" fmla="*/ 597974 w 1473200"/>
                <a:gd name="connsiteY1382" fmla="*/ 824216 h 904738"/>
                <a:gd name="connsiteX1383" fmla="*/ 602845 w 1473200"/>
                <a:gd name="connsiteY1383" fmla="*/ 827459 h 904738"/>
                <a:gd name="connsiteX1384" fmla="*/ 599598 w 1473200"/>
                <a:gd name="connsiteY1384" fmla="*/ 832324 h 904738"/>
                <a:gd name="connsiteX1385" fmla="*/ 597974 w 1473200"/>
                <a:gd name="connsiteY1385" fmla="*/ 835567 h 904738"/>
                <a:gd name="connsiteX1386" fmla="*/ 591479 w 1473200"/>
                <a:gd name="connsiteY1386" fmla="*/ 843675 h 904738"/>
                <a:gd name="connsiteX1387" fmla="*/ 584983 w 1473200"/>
                <a:gd name="connsiteY1387" fmla="*/ 850161 h 904738"/>
                <a:gd name="connsiteX1388" fmla="*/ 581736 w 1473200"/>
                <a:gd name="connsiteY1388" fmla="*/ 855026 h 904738"/>
                <a:gd name="connsiteX1389" fmla="*/ 575241 w 1473200"/>
                <a:gd name="connsiteY1389" fmla="*/ 856648 h 904738"/>
                <a:gd name="connsiteX1390" fmla="*/ 583360 w 1473200"/>
                <a:gd name="connsiteY1390" fmla="*/ 838810 h 904738"/>
                <a:gd name="connsiteX1391" fmla="*/ 581736 w 1473200"/>
                <a:gd name="connsiteY1391" fmla="*/ 830702 h 904738"/>
                <a:gd name="connsiteX1392" fmla="*/ 576864 w 1473200"/>
                <a:gd name="connsiteY1392" fmla="*/ 822594 h 904738"/>
                <a:gd name="connsiteX1393" fmla="*/ 573617 w 1473200"/>
                <a:gd name="connsiteY1393" fmla="*/ 814486 h 904738"/>
                <a:gd name="connsiteX1394" fmla="*/ 567122 w 1473200"/>
                <a:gd name="connsiteY1394" fmla="*/ 812865 h 904738"/>
                <a:gd name="connsiteX1395" fmla="*/ 560627 w 1473200"/>
                <a:gd name="connsiteY1395" fmla="*/ 809622 h 904738"/>
                <a:gd name="connsiteX1396" fmla="*/ 557379 w 1473200"/>
                <a:gd name="connsiteY1396" fmla="*/ 803135 h 904738"/>
                <a:gd name="connsiteX1397" fmla="*/ 552508 w 1473200"/>
                <a:gd name="connsiteY1397" fmla="*/ 799892 h 904738"/>
                <a:gd name="connsiteX1398" fmla="*/ 544389 w 1473200"/>
                <a:gd name="connsiteY1398" fmla="*/ 798271 h 904738"/>
                <a:gd name="connsiteX1399" fmla="*/ 541141 w 1473200"/>
                <a:gd name="connsiteY1399" fmla="*/ 790163 h 904738"/>
                <a:gd name="connsiteX1400" fmla="*/ 528151 w 1473200"/>
                <a:gd name="connsiteY1400" fmla="*/ 785298 h 904738"/>
                <a:gd name="connsiteX1401" fmla="*/ 515160 w 1473200"/>
                <a:gd name="connsiteY1401" fmla="*/ 780433 h 904738"/>
                <a:gd name="connsiteX1402" fmla="*/ 513536 w 1473200"/>
                <a:gd name="connsiteY1402" fmla="*/ 775568 h 904738"/>
                <a:gd name="connsiteX1403" fmla="*/ 503793 w 1473200"/>
                <a:gd name="connsiteY1403" fmla="*/ 767461 h 904738"/>
                <a:gd name="connsiteX1404" fmla="*/ 495674 w 1473200"/>
                <a:gd name="connsiteY1404" fmla="*/ 760974 h 904738"/>
                <a:gd name="connsiteX1405" fmla="*/ 492427 w 1473200"/>
                <a:gd name="connsiteY1405" fmla="*/ 759353 h 904738"/>
                <a:gd name="connsiteX1406" fmla="*/ 484308 w 1473200"/>
                <a:gd name="connsiteY1406" fmla="*/ 751245 h 904738"/>
                <a:gd name="connsiteX1407" fmla="*/ 481060 w 1473200"/>
                <a:gd name="connsiteY1407" fmla="*/ 743137 h 904738"/>
                <a:gd name="connsiteX1408" fmla="*/ 477812 w 1473200"/>
                <a:gd name="connsiteY1408" fmla="*/ 735029 h 904738"/>
                <a:gd name="connsiteX1409" fmla="*/ 474565 w 1473200"/>
                <a:gd name="connsiteY1409" fmla="*/ 728543 h 904738"/>
                <a:gd name="connsiteX1410" fmla="*/ 466446 w 1473200"/>
                <a:gd name="connsiteY1410" fmla="*/ 725300 h 904738"/>
                <a:gd name="connsiteX1411" fmla="*/ 463198 w 1473200"/>
                <a:gd name="connsiteY1411" fmla="*/ 725300 h 904738"/>
                <a:gd name="connsiteX1412" fmla="*/ 459951 w 1473200"/>
                <a:gd name="connsiteY1412" fmla="*/ 725300 h 904738"/>
                <a:gd name="connsiteX1413" fmla="*/ 455079 w 1473200"/>
                <a:gd name="connsiteY1413" fmla="*/ 722056 h 904738"/>
                <a:gd name="connsiteX1414" fmla="*/ 451832 w 1473200"/>
                <a:gd name="connsiteY1414" fmla="*/ 722056 h 904738"/>
                <a:gd name="connsiteX1415" fmla="*/ 448584 w 1473200"/>
                <a:gd name="connsiteY1415" fmla="*/ 722056 h 904738"/>
                <a:gd name="connsiteX1416" fmla="*/ 445336 w 1473200"/>
                <a:gd name="connsiteY1416" fmla="*/ 722056 h 904738"/>
                <a:gd name="connsiteX1417" fmla="*/ 443713 w 1473200"/>
                <a:gd name="connsiteY1417" fmla="*/ 723678 h 904738"/>
                <a:gd name="connsiteX1418" fmla="*/ 438841 w 1473200"/>
                <a:gd name="connsiteY1418" fmla="*/ 728543 h 904738"/>
                <a:gd name="connsiteX1419" fmla="*/ 435594 w 1473200"/>
                <a:gd name="connsiteY1419" fmla="*/ 730164 h 904738"/>
                <a:gd name="connsiteX1420" fmla="*/ 433970 w 1473200"/>
                <a:gd name="connsiteY1420" fmla="*/ 728543 h 904738"/>
                <a:gd name="connsiteX1421" fmla="*/ 430722 w 1473200"/>
                <a:gd name="connsiteY1421" fmla="*/ 730164 h 904738"/>
                <a:gd name="connsiteX1422" fmla="*/ 424227 w 1473200"/>
                <a:gd name="connsiteY1422" fmla="*/ 736651 h 904738"/>
                <a:gd name="connsiteX1423" fmla="*/ 422603 w 1473200"/>
                <a:gd name="connsiteY1423" fmla="*/ 736651 h 904738"/>
                <a:gd name="connsiteX1424" fmla="*/ 419356 w 1473200"/>
                <a:gd name="connsiteY1424" fmla="*/ 738272 h 904738"/>
                <a:gd name="connsiteX1425" fmla="*/ 406365 w 1473200"/>
                <a:gd name="connsiteY1425" fmla="*/ 748002 h 904738"/>
                <a:gd name="connsiteX1426" fmla="*/ 394999 w 1473200"/>
                <a:gd name="connsiteY1426" fmla="*/ 746380 h 904738"/>
                <a:gd name="connsiteX1427" fmla="*/ 388504 w 1473200"/>
                <a:gd name="connsiteY1427" fmla="*/ 744758 h 904738"/>
                <a:gd name="connsiteX1428" fmla="*/ 382008 w 1473200"/>
                <a:gd name="connsiteY1428" fmla="*/ 739894 h 904738"/>
                <a:gd name="connsiteX1429" fmla="*/ 372266 w 1473200"/>
                <a:gd name="connsiteY1429" fmla="*/ 739894 h 904738"/>
                <a:gd name="connsiteX1430" fmla="*/ 365770 w 1473200"/>
                <a:gd name="connsiteY1430" fmla="*/ 738272 h 904738"/>
                <a:gd name="connsiteX1431" fmla="*/ 357651 w 1473200"/>
                <a:gd name="connsiteY1431" fmla="*/ 743137 h 904738"/>
                <a:gd name="connsiteX1432" fmla="*/ 349532 w 1473200"/>
                <a:gd name="connsiteY1432" fmla="*/ 751245 h 904738"/>
                <a:gd name="connsiteX1433" fmla="*/ 349532 w 1473200"/>
                <a:gd name="connsiteY1433" fmla="*/ 757731 h 904738"/>
                <a:gd name="connsiteX1434" fmla="*/ 349532 w 1473200"/>
                <a:gd name="connsiteY1434" fmla="*/ 762596 h 904738"/>
                <a:gd name="connsiteX1435" fmla="*/ 352780 w 1473200"/>
                <a:gd name="connsiteY1435" fmla="*/ 767461 h 904738"/>
                <a:gd name="connsiteX1436" fmla="*/ 352780 w 1473200"/>
                <a:gd name="connsiteY1436" fmla="*/ 772325 h 904738"/>
                <a:gd name="connsiteX1437" fmla="*/ 347909 w 1473200"/>
                <a:gd name="connsiteY1437" fmla="*/ 777190 h 904738"/>
                <a:gd name="connsiteX1438" fmla="*/ 346285 w 1473200"/>
                <a:gd name="connsiteY1438" fmla="*/ 777190 h 904738"/>
                <a:gd name="connsiteX1439" fmla="*/ 341414 w 1473200"/>
                <a:gd name="connsiteY1439" fmla="*/ 778812 h 904738"/>
                <a:gd name="connsiteX1440" fmla="*/ 333295 w 1473200"/>
                <a:gd name="connsiteY1440" fmla="*/ 786920 h 904738"/>
                <a:gd name="connsiteX1441" fmla="*/ 326799 w 1473200"/>
                <a:gd name="connsiteY1441" fmla="*/ 788541 h 904738"/>
                <a:gd name="connsiteX1442" fmla="*/ 320304 w 1473200"/>
                <a:gd name="connsiteY1442" fmla="*/ 790163 h 904738"/>
                <a:gd name="connsiteX1443" fmla="*/ 313809 w 1473200"/>
                <a:gd name="connsiteY1443" fmla="*/ 795027 h 904738"/>
                <a:gd name="connsiteX1444" fmla="*/ 307314 w 1473200"/>
                <a:gd name="connsiteY1444" fmla="*/ 796649 h 904738"/>
                <a:gd name="connsiteX1445" fmla="*/ 300819 w 1473200"/>
                <a:gd name="connsiteY1445" fmla="*/ 801514 h 904738"/>
                <a:gd name="connsiteX1446" fmla="*/ 297571 w 1473200"/>
                <a:gd name="connsiteY1446" fmla="*/ 806378 h 904738"/>
                <a:gd name="connsiteX1447" fmla="*/ 292700 w 1473200"/>
                <a:gd name="connsiteY1447" fmla="*/ 819351 h 904738"/>
                <a:gd name="connsiteX1448" fmla="*/ 289452 w 1473200"/>
                <a:gd name="connsiteY1448" fmla="*/ 824216 h 904738"/>
                <a:gd name="connsiteX1449" fmla="*/ 289452 w 1473200"/>
                <a:gd name="connsiteY1449" fmla="*/ 830702 h 904738"/>
                <a:gd name="connsiteX1450" fmla="*/ 292700 w 1473200"/>
                <a:gd name="connsiteY1450" fmla="*/ 837189 h 904738"/>
                <a:gd name="connsiteX1451" fmla="*/ 297571 w 1473200"/>
                <a:gd name="connsiteY1451" fmla="*/ 842053 h 904738"/>
                <a:gd name="connsiteX1452" fmla="*/ 295947 w 1473200"/>
                <a:gd name="connsiteY1452" fmla="*/ 846918 h 904738"/>
                <a:gd name="connsiteX1453" fmla="*/ 289452 w 1473200"/>
                <a:gd name="connsiteY1453" fmla="*/ 850161 h 904738"/>
                <a:gd name="connsiteX1454" fmla="*/ 286204 w 1473200"/>
                <a:gd name="connsiteY1454" fmla="*/ 853405 h 904738"/>
                <a:gd name="connsiteX1455" fmla="*/ 282957 w 1473200"/>
                <a:gd name="connsiteY1455" fmla="*/ 859891 h 904738"/>
                <a:gd name="connsiteX1456" fmla="*/ 278085 w 1473200"/>
                <a:gd name="connsiteY1456" fmla="*/ 863134 h 904738"/>
                <a:gd name="connsiteX1457" fmla="*/ 276462 w 1473200"/>
                <a:gd name="connsiteY1457" fmla="*/ 866377 h 904738"/>
                <a:gd name="connsiteX1458" fmla="*/ 266719 w 1473200"/>
                <a:gd name="connsiteY1458" fmla="*/ 871242 h 904738"/>
                <a:gd name="connsiteX1459" fmla="*/ 263471 w 1473200"/>
                <a:gd name="connsiteY1459" fmla="*/ 874485 h 904738"/>
                <a:gd name="connsiteX1460" fmla="*/ 256976 w 1473200"/>
                <a:gd name="connsiteY1460" fmla="*/ 882593 h 904738"/>
                <a:gd name="connsiteX1461" fmla="*/ 252105 w 1473200"/>
                <a:gd name="connsiteY1461" fmla="*/ 884215 h 904738"/>
                <a:gd name="connsiteX1462" fmla="*/ 248857 w 1473200"/>
                <a:gd name="connsiteY1462" fmla="*/ 885836 h 904738"/>
                <a:gd name="connsiteX1463" fmla="*/ 240738 w 1473200"/>
                <a:gd name="connsiteY1463" fmla="*/ 885836 h 904738"/>
                <a:gd name="connsiteX1464" fmla="*/ 235867 w 1473200"/>
                <a:gd name="connsiteY1464" fmla="*/ 887458 h 904738"/>
                <a:gd name="connsiteX1465" fmla="*/ 232619 w 1473200"/>
                <a:gd name="connsiteY1465" fmla="*/ 885836 h 904738"/>
                <a:gd name="connsiteX1466" fmla="*/ 224500 w 1473200"/>
                <a:gd name="connsiteY1466" fmla="*/ 885836 h 904738"/>
                <a:gd name="connsiteX1467" fmla="*/ 219629 w 1473200"/>
                <a:gd name="connsiteY1467" fmla="*/ 885836 h 904738"/>
                <a:gd name="connsiteX1468" fmla="*/ 214757 w 1473200"/>
                <a:gd name="connsiteY1468" fmla="*/ 887458 h 904738"/>
                <a:gd name="connsiteX1469" fmla="*/ 203391 w 1473200"/>
                <a:gd name="connsiteY1469" fmla="*/ 890701 h 904738"/>
                <a:gd name="connsiteX1470" fmla="*/ 200143 w 1473200"/>
                <a:gd name="connsiteY1470" fmla="*/ 895566 h 904738"/>
                <a:gd name="connsiteX1471" fmla="*/ 193648 w 1473200"/>
                <a:gd name="connsiteY1471" fmla="*/ 898809 h 904738"/>
                <a:gd name="connsiteX1472" fmla="*/ 187153 w 1473200"/>
                <a:gd name="connsiteY1472" fmla="*/ 895566 h 904738"/>
                <a:gd name="connsiteX1473" fmla="*/ 179034 w 1473200"/>
                <a:gd name="connsiteY1473" fmla="*/ 887458 h 904738"/>
                <a:gd name="connsiteX1474" fmla="*/ 177410 w 1473200"/>
                <a:gd name="connsiteY1474" fmla="*/ 879350 h 904738"/>
                <a:gd name="connsiteX1475" fmla="*/ 169291 w 1473200"/>
                <a:gd name="connsiteY1475" fmla="*/ 877728 h 904738"/>
                <a:gd name="connsiteX1476" fmla="*/ 166043 w 1473200"/>
                <a:gd name="connsiteY1476" fmla="*/ 876107 h 904738"/>
                <a:gd name="connsiteX1477" fmla="*/ 162796 w 1473200"/>
                <a:gd name="connsiteY1477" fmla="*/ 876107 h 904738"/>
                <a:gd name="connsiteX1478" fmla="*/ 159548 w 1473200"/>
                <a:gd name="connsiteY1478" fmla="*/ 877728 h 904738"/>
                <a:gd name="connsiteX1479" fmla="*/ 156301 w 1473200"/>
                <a:gd name="connsiteY1479" fmla="*/ 879350 h 904738"/>
                <a:gd name="connsiteX1480" fmla="*/ 151429 w 1473200"/>
                <a:gd name="connsiteY1480" fmla="*/ 879350 h 904738"/>
                <a:gd name="connsiteX1481" fmla="*/ 144934 w 1473200"/>
                <a:gd name="connsiteY1481" fmla="*/ 876107 h 904738"/>
                <a:gd name="connsiteX1482" fmla="*/ 140063 w 1473200"/>
                <a:gd name="connsiteY1482" fmla="*/ 876107 h 904738"/>
                <a:gd name="connsiteX1483" fmla="*/ 135191 w 1473200"/>
                <a:gd name="connsiteY1483" fmla="*/ 877728 h 904738"/>
                <a:gd name="connsiteX1484" fmla="*/ 131944 w 1473200"/>
                <a:gd name="connsiteY1484" fmla="*/ 876107 h 904738"/>
                <a:gd name="connsiteX1485" fmla="*/ 135191 w 1473200"/>
                <a:gd name="connsiteY1485" fmla="*/ 866377 h 904738"/>
                <a:gd name="connsiteX1486" fmla="*/ 136815 w 1473200"/>
                <a:gd name="connsiteY1486" fmla="*/ 858269 h 904738"/>
                <a:gd name="connsiteX1487" fmla="*/ 135191 w 1473200"/>
                <a:gd name="connsiteY1487" fmla="*/ 851783 h 904738"/>
                <a:gd name="connsiteX1488" fmla="*/ 133568 w 1473200"/>
                <a:gd name="connsiteY1488" fmla="*/ 846918 h 904738"/>
                <a:gd name="connsiteX1489" fmla="*/ 127072 w 1473200"/>
                <a:gd name="connsiteY1489" fmla="*/ 845296 h 904738"/>
                <a:gd name="connsiteX1490" fmla="*/ 127072 w 1473200"/>
                <a:gd name="connsiteY1490" fmla="*/ 838810 h 904738"/>
                <a:gd name="connsiteX1491" fmla="*/ 125449 w 1473200"/>
                <a:gd name="connsiteY1491" fmla="*/ 835567 h 904738"/>
                <a:gd name="connsiteX1492" fmla="*/ 127072 w 1473200"/>
                <a:gd name="connsiteY1492" fmla="*/ 829081 h 904738"/>
                <a:gd name="connsiteX1493" fmla="*/ 130320 w 1473200"/>
                <a:gd name="connsiteY1493" fmla="*/ 822594 h 904738"/>
                <a:gd name="connsiteX1494" fmla="*/ 138439 w 1473200"/>
                <a:gd name="connsiteY1494" fmla="*/ 798271 h 904738"/>
                <a:gd name="connsiteX1495" fmla="*/ 138439 w 1473200"/>
                <a:gd name="connsiteY1495" fmla="*/ 790163 h 904738"/>
                <a:gd name="connsiteX1496" fmla="*/ 136815 w 1473200"/>
                <a:gd name="connsiteY1496" fmla="*/ 782055 h 904738"/>
                <a:gd name="connsiteX1497" fmla="*/ 135191 w 1473200"/>
                <a:gd name="connsiteY1497" fmla="*/ 777190 h 904738"/>
                <a:gd name="connsiteX1498" fmla="*/ 135191 w 1473200"/>
                <a:gd name="connsiteY1498" fmla="*/ 770704 h 904738"/>
                <a:gd name="connsiteX1499" fmla="*/ 135191 w 1473200"/>
                <a:gd name="connsiteY1499" fmla="*/ 769082 h 904738"/>
                <a:gd name="connsiteX1500" fmla="*/ 135191 w 1473200"/>
                <a:gd name="connsiteY1500" fmla="*/ 762596 h 904738"/>
                <a:gd name="connsiteX1501" fmla="*/ 133568 w 1473200"/>
                <a:gd name="connsiteY1501" fmla="*/ 759353 h 904738"/>
                <a:gd name="connsiteX1502" fmla="*/ 130320 w 1473200"/>
                <a:gd name="connsiteY1502" fmla="*/ 752866 h 904738"/>
                <a:gd name="connsiteX1503" fmla="*/ 127072 w 1473200"/>
                <a:gd name="connsiteY1503" fmla="*/ 749623 h 904738"/>
                <a:gd name="connsiteX1504" fmla="*/ 131944 w 1473200"/>
                <a:gd name="connsiteY1504" fmla="*/ 744758 h 904738"/>
                <a:gd name="connsiteX1505" fmla="*/ 140063 w 1473200"/>
                <a:gd name="connsiteY1505" fmla="*/ 741515 h 904738"/>
                <a:gd name="connsiteX1506" fmla="*/ 144934 w 1473200"/>
                <a:gd name="connsiteY1506" fmla="*/ 741515 h 904738"/>
                <a:gd name="connsiteX1507" fmla="*/ 149805 w 1473200"/>
                <a:gd name="connsiteY1507" fmla="*/ 735029 h 904738"/>
                <a:gd name="connsiteX1508" fmla="*/ 154677 w 1473200"/>
                <a:gd name="connsiteY1508" fmla="*/ 731786 h 904738"/>
                <a:gd name="connsiteX1509" fmla="*/ 161172 w 1473200"/>
                <a:gd name="connsiteY1509" fmla="*/ 735029 h 904738"/>
                <a:gd name="connsiteX1510" fmla="*/ 164420 w 1473200"/>
                <a:gd name="connsiteY1510" fmla="*/ 738272 h 904738"/>
                <a:gd name="connsiteX1511" fmla="*/ 169291 w 1473200"/>
                <a:gd name="connsiteY1511" fmla="*/ 738272 h 904738"/>
                <a:gd name="connsiteX1512" fmla="*/ 175786 w 1473200"/>
                <a:gd name="connsiteY1512" fmla="*/ 736651 h 904738"/>
                <a:gd name="connsiteX1513" fmla="*/ 187153 w 1473200"/>
                <a:gd name="connsiteY1513" fmla="*/ 735029 h 904738"/>
                <a:gd name="connsiteX1514" fmla="*/ 193648 w 1473200"/>
                <a:gd name="connsiteY1514" fmla="*/ 738272 h 904738"/>
                <a:gd name="connsiteX1515" fmla="*/ 195272 w 1473200"/>
                <a:gd name="connsiteY1515" fmla="*/ 738272 h 904738"/>
                <a:gd name="connsiteX1516" fmla="*/ 198519 w 1473200"/>
                <a:gd name="connsiteY1516" fmla="*/ 738272 h 904738"/>
                <a:gd name="connsiteX1517" fmla="*/ 208262 w 1473200"/>
                <a:gd name="connsiteY1517" fmla="*/ 739894 h 904738"/>
                <a:gd name="connsiteX1518" fmla="*/ 213134 w 1473200"/>
                <a:gd name="connsiteY1518" fmla="*/ 739894 h 904738"/>
                <a:gd name="connsiteX1519" fmla="*/ 221253 w 1473200"/>
                <a:gd name="connsiteY1519" fmla="*/ 736651 h 904738"/>
                <a:gd name="connsiteX1520" fmla="*/ 224500 w 1473200"/>
                <a:gd name="connsiteY1520" fmla="*/ 736651 h 904738"/>
                <a:gd name="connsiteX1521" fmla="*/ 232619 w 1473200"/>
                <a:gd name="connsiteY1521" fmla="*/ 739894 h 904738"/>
                <a:gd name="connsiteX1522" fmla="*/ 237491 w 1473200"/>
                <a:gd name="connsiteY1522" fmla="*/ 739894 h 904738"/>
                <a:gd name="connsiteX1523" fmla="*/ 242362 w 1473200"/>
                <a:gd name="connsiteY1523" fmla="*/ 738272 h 904738"/>
                <a:gd name="connsiteX1524" fmla="*/ 243986 w 1473200"/>
                <a:gd name="connsiteY1524" fmla="*/ 739894 h 904738"/>
                <a:gd name="connsiteX1525" fmla="*/ 247233 w 1473200"/>
                <a:gd name="connsiteY1525" fmla="*/ 739894 h 904738"/>
                <a:gd name="connsiteX1526" fmla="*/ 253728 w 1473200"/>
                <a:gd name="connsiteY1526" fmla="*/ 739894 h 904738"/>
                <a:gd name="connsiteX1527" fmla="*/ 255352 w 1473200"/>
                <a:gd name="connsiteY1527" fmla="*/ 739894 h 904738"/>
                <a:gd name="connsiteX1528" fmla="*/ 258600 w 1473200"/>
                <a:gd name="connsiteY1528" fmla="*/ 739894 h 904738"/>
                <a:gd name="connsiteX1529" fmla="*/ 263471 w 1473200"/>
                <a:gd name="connsiteY1529" fmla="*/ 738272 h 904738"/>
                <a:gd name="connsiteX1530" fmla="*/ 265095 w 1473200"/>
                <a:gd name="connsiteY1530" fmla="*/ 738272 h 904738"/>
                <a:gd name="connsiteX1531" fmla="*/ 269966 w 1473200"/>
                <a:gd name="connsiteY1531" fmla="*/ 733407 h 904738"/>
                <a:gd name="connsiteX1532" fmla="*/ 273214 w 1473200"/>
                <a:gd name="connsiteY1532" fmla="*/ 712327 h 904738"/>
                <a:gd name="connsiteX1533" fmla="*/ 271590 w 1473200"/>
                <a:gd name="connsiteY1533" fmla="*/ 699354 h 904738"/>
                <a:gd name="connsiteX1534" fmla="*/ 273214 w 1473200"/>
                <a:gd name="connsiteY1534" fmla="*/ 694489 h 904738"/>
                <a:gd name="connsiteX1535" fmla="*/ 273214 w 1473200"/>
                <a:gd name="connsiteY1535" fmla="*/ 688003 h 904738"/>
                <a:gd name="connsiteX1536" fmla="*/ 271590 w 1473200"/>
                <a:gd name="connsiteY1536" fmla="*/ 681517 h 904738"/>
                <a:gd name="connsiteX1537" fmla="*/ 269966 w 1473200"/>
                <a:gd name="connsiteY1537" fmla="*/ 678274 h 904738"/>
                <a:gd name="connsiteX1538" fmla="*/ 263471 w 1473200"/>
                <a:gd name="connsiteY1538" fmla="*/ 673409 h 904738"/>
                <a:gd name="connsiteX1539" fmla="*/ 258600 w 1473200"/>
                <a:gd name="connsiteY1539" fmla="*/ 668544 h 904738"/>
                <a:gd name="connsiteX1540" fmla="*/ 255352 w 1473200"/>
                <a:gd name="connsiteY1540" fmla="*/ 662058 h 904738"/>
                <a:gd name="connsiteX1541" fmla="*/ 255352 w 1473200"/>
                <a:gd name="connsiteY1541" fmla="*/ 657193 h 904738"/>
                <a:gd name="connsiteX1542" fmla="*/ 252105 w 1473200"/>
                <a:gd name="connsiteY1542" fmla="*/ 653950 h 904738"/>
                <a:gd name="connsiteX1543" fmla="*/ 248857 w 1473200"/>
                <a:gd name="connsiteY1543" fmla="*/ 650707 h 904738"/>
                <a:gd name="connsiteX1544" fmla="*/ 243986 w 1473200"/>
                <a:gd name="connsiteY1544" fmla="*/ 649085 h 904738"/>
                <a:gd name="connsiteX1545" fmla="*/ 239114 w 1473200"/>
                <a:gd name="connsiteY1545" fmla="*/ 647464 h 904738"/>
                <a:gd name="connsiteX1546" fmla="*/ 232619 w 1473200"/>
                <a:gd name="connsiteY1546" fmla="*/ 644221 h 904738"/>
                <a:gd name="connsiteX1547" fmla="*/ 227748 w 1473200"/>
                <a:gd name="connsiteY1547" fmla="*/ 640977 h 904738"/>
                <a:gd name="connsiteX1548" fmla="*/ 224500 w 1473200"/>
                <a:gd name="connsiteY1548" fmla="*/ 639356 h 904738"/>
                <a:gd name="connsiteX1549" fmla="*/ 214757 w 1473200"/>
                <a:gd name="connsiteY1549" fmla="*/ 639356 h 904738"/>
                <a:gd name="connsiteX1550" fmla="*/ 211510 w 1473200"/>
                <a:gd name="connsiteY1550" fmla="*/ 632869 h 904738"/>
                <a:gd name="connsiteX1551" fmla="*/ 209886 w 1473200"/>
                <a:gd name="connsiteY1551" fmla="*/ 624762 h 904738"/>
                <a:gd name="connsiteX1552" fmla="*/ 218005 w 1473200"/>
                <a:gd name="connsiteY1552" fmla="*/ 618275 h 904738"/>
                <a:gd name="connsiteX1553" fmla="*/ 219629 w 1473200"/>
                <a:gd name="connsiteY1553" fmla="*/ 618275 h 904738"/>
                <a:gd name="connsiteX1554" fmla="*/ 222876 w 1473200"/>
                <a:gd name="connsiteY1554" fmla="*/ 618275 h 904738"/>
                <a:gd name="connsiteX1555" fmla="*/ 227748 w 1473200"/>
                <a:gd name="connsiteY1555" fmla="*/ 618275 h 904738"/>
                <a:gd name="connsiteX1556" fmla="*/ 229372 w 1473200"/>
                <a:gd name="connsiteY1556" fmla="*/ 618275 h 904738"/>
                <a:gd name="connsiteX1557" fmla="*/ 234243 w 1473200"/>
                <a:gd name="connsiteY1557" fmla="*/ 615032 h 904738"/>
                <a:gd name="connsiteX1558" fmla="*/ 237491 w 1473200"/>
                <a:gd name="connsiteY1558" fmla="*/ 616654 h 904738"/>
                <a:gd name="connsiteX1559" fmla="*/ 239114 w 1473200"/>
                <a:gd name="connsiteY1559" fmla="*/ 616654 h 904738"/>
                <a:gd name="connsiteX1560" fmla="*/ 242362 w 1473200"/>
                <a:gd name="connsiteY1560" fmla="*/ 616654 h 904738"/>
                <a:gd name="connsiteX1561" fmla="*/ 247233 w 1473200"/>
                <a:gd name="connsiteY1561" fmla="*/ 619897 h 904738"/>
                <a:gd name="connsiteX1562" fmla="*/ 252105 w 1473200"/>
                <a:gd name="connsiteY1562" fmla="*/ 619897 h 904738"/>
                <a:gd name="connsiteX1563" fmla="*/ 256976 w 1473200"/>
                <a:gd name="connsiteY1563" fmla="*/ 619897 h 904738"/>
                <a:gd name="connsiteX1564" fmla="*/ 260224 w 1473200"/>
                <a:gd name="connsiteY1564" fmla="*/ 619897 h 904738"/>
                <a:gd name="connsiteX1565" fmla="*/ 263471 w 1473200"/>
                <a:gd name="connsiteY1565" fmla="*/ 621518 h 904738"/>
                <a:gd name="connsiteX1566" fmla="*/ 266719 w 1473200"/>
                <a:gd name="connsiteY1566" fmla="*/ 621518 h 904738"/>
                <a:gd name="connsiteX1567" fmla="*/ 265095 w 1473200"/>
                <a:gd name="connsiteY1567" fmla="*/ 611789 h 904738"/>
                <a:gd name="connsiteX1568" fmla="*/ 261847 w 1473200"/>
                <a:gd name="connsiteY1568" fmla="*/ 605303 h 904738"/>
                <a:gd name="connsiteX1569" fmla="*/ 258600 w 1473200"/>
                <a:gd name="connsiteY1569" fmla="*/ 600438 h 904738"/>
                <a:gd name="connsiteX1570" fmla="*/ 258600 w 1473200"/>
                <a:gd name="connsiteY1570" fmla="*/ 597195 h 904738"/>
                <a:gd name="connsiteX1571" fmla="*/ 269966 w 1473200"/>
                <a:gd name="connsiteY1571" fmla="*/ 598816 h 904738"/>
                <a:gd name="connsiteX1572" fmla="*/ 278085 w 1473200"/>
                <a:gd name="connsiteY1572" fmla="*/ 602059 h 904738"/>
                <a:gd name="connsiteX1573" fmla="*/ 282957 w 1473200"/>
                <a:gd name="connsiteY1573" fmla="*/ 605303 h 904738"/>
                <a:gd name="connsiteX1574" fmla="*/ 289452 w 1473200"/>
                <a:gd name="connsiteY1574" fmla="*/ 603681 h 904738"/>
                <a:gd name="connsiteX1575" fmla="*/ 294323 w 1473200"/>
                <a:gd name="connsiteY1575" fmla="*/ 603681 h 904738"/>
                <a:gd name="connsiteX1576" fmla="*/ 300819 w 1473200"/>
                <a:gd name="connsiteY1576" fmla="*/ 602059 h 904738"/>
                <a:gd name="connsiteX1577" fmla="*/ 302442 w 1473200"/>
                <a:gd name="connsiteY1577" fmla="*/ 597195 h 904738"/>
                <a:gd name="connsiteX1578" fmla="*/ 304066 w 1473200"/>
                <a:gd name="connsiteY1578" fmla="*/ 592330 h 904738"/>
                <a:gd name="connsiteX1579" fmla="*/ 308938 w 1473200"/>
                <a:gd name="connsiteY1579" fmla="*/ 590708 h 904738"/>
                <a:gd name="connsiteX1580" fmla="*/ 317057 w 1473200"/>
                <a:gd name="connsiteY1580" fmla="*/ 589087 h 904738"/>
                <a:gd name="connsiteX1581" fmla="*/ 325176 w 1473200"/>
                <a:gd name="connsiteY1581" fmla="*/ 582601 h 904738"/>
                <a:gd name="connsiteX1582" fmla="*/ 323552 w 1473200"/>
                <a:gd name="connsiteY1582" fmla="*/ 574493 h 904738"/>
                <a:gd name="connsiteX1583" fmla="*/ 325176 w 1473200"/>
                <a:gd name="connsiteY1583" fmla="*/ 569628 h 904738"/>
                <a:gd name="connsiteX1584" fmla="*/ 333295 w 1473200"/>
                <a:gd name="connsiteY1584" fmla="*/ 563142 h 904738"/>
                <a:gd name="connsiteX1585" fmla="*/ 334918 w 1473200"/>
                <a:gd name="connsiteY1585" fmla="*/ 563142 h 904738"/>
                <a:gd name="connsiteX1586" fmla="*/ 336542 w 1473200"/>
                <a:gd name="connsiteY1586" fmla="*/ 563142 h 904738"/>
                <a:gd name="connsiteX1587" fmla="*/ 339790 w 1473200"/>
                <a:gd name="connsiteY1587" fmla="*/ 561520 h 904738"/>
                <a:gd name="connsiteX1588" fmla="*/ 344661 w 1473200"/>
                <a:gd name="connsiteY1588" fmla="*/ 559898 h 904738"/>
                <a:gd name="connsiteX1589" fmla="*/ 351156 w 1473200"/>
                <a:gd name="connsiteY1589" fmla="*/ 555034 h 904738"/>
                <a:gd name="connsiteX1590" fmla="*/ 356028 w 1473200"/>
                <a:gd name="connsiteY1590" fmla="*/ 550169 h 904738"/>
                <a:gd name="connsiteX1591" fmla="*/ 364147 w 1473200"/>
                <a:gd name="connsiteY1591" fmla="*/ 546926 h 904738"/>
                <a:gd name="connsiteX1592" fmla="*/ 370642 w 1473200"/>
                <a:gd name="connsiteY1592" fmla="*/ 538818 h 904738"/>
                <a:gd name="connsiteX1593" fmla="*/ 373889 w 1473200"/>
                <a:gd name="connsiteY1593" fmla="*/ 533953 h 904738"/>
                <a:gd name="connsiteX1594" fmla="*/ 375513 w 1473200"/>
                <a:gd name="connsiteY1594" fmla="*/ 529088 h 904738"/>
                <a:gd name="connsiteX1595" fmla="*/ 380385 w 1473200"/>
                <a:gd name="connsiteY1595" fmla="*/ 522602 h 904738"/>
                <a:gd name="connsiteX1596" fmla="*/ 386880 w 1473200"/>
                <a:gd name="connsiteY1596" fmla="*/ 516116 h 904738"/>
                <a:gd name="connsiteX1597" fmla="*/ 388504 w 1473200"/>
                <a:gd name="connsiteY1597" fmla="*/ 511251 h 904738"/>
                <a:gd name="connsiteX1598" fmla="*/ 394999 w 1473200"/>
                <a:gd name="connsiteY1598" fmla="*/ 506386 h 904738"/>
                <a:gd name="connsiteX1599" fmla="*/ 401494 w 1473200"/>
                <a:gd name="connsiteY1599" fmla="*/ 503143 h 904738"/>
                <a:gd name="connsiteX1600" fmla="*/ 404742 w 1473200"/>
                <a:gd name="connsiteY1600" fmla="*/ 503143 h 904738"/>
                <a:gd name="connsiteX1601" fmla="*/ 409613 w 1473200"/>
                <a:gd name="connsiteY1601" fmla="*/ 504765 h 904738"/>
                <a:gd name="connsiteX1602" fmla="*/ 417732 w 1473200"/>
                <a:gd name="connsiteY1602" fmla="*/ 503143 h 904738"/>
                <a:gd name="connsiteX1603" fmla="*/ 419356 w 1473200"/>
                <a:gd name="connsiteY1603" fmla="*/ 501522 h 904738"/>
                <a:gd name="connsiteX1604" fmla="*/ 420980 w 1473200"/>
                <a:gd name="connsiteY1604" fmla="*/ 499900 h 904738"/>
                <a:gd name="connsiteX1605" fmla="*/ 425851 w 1473200"/>
                <a:gd name="connsiteY1605" fmla="*/ 498278 h 904738"/>
                <a:gd name="connsiteX1606" fmla="*/ 429099 w 1473200"/>
                <a:gd name="connsiteY1606" fmla="*/ 496657 h 904738"/>
                <a:gd name="connsiteX1607" fmla="*/ 433970 w 1473200"/>
                <a:gd name="connsiteY1607" fmla="*/ 498278 h 904738"/>
                <a:gd name="connsiteX1608" fmla="*/ 443713 w 1473200"/>
                <a:gd name="connsiteY1608" fmla="*/ 501522 h 904738"/>
                <a:gd name="connsiteX1609" fmla="*/ 446960 w 1473200"/>
                <a:gd name="connsiteY1609" fmla="*/ 499900 h 904738"/>
                <a:gd name="connsiteX1610" fmla="*/ 448584 w 1473200"/>
                <a:gd name="connsiteY1610" fmla="*/ 493414 h 904738"/>
                <a:gd name="connsiteX1611" fmla="*/ 453455 w 1473200"/>
                <a:gd name="connsiteY1611" fmla="*/ 491792 h 904738"/>
                <a:gd name="connsiteX1612" fmla="*/ 453455 w 1473200"/>
                <a:gd name="connsiteY1612" fmla="*/ 485306 h 904738"/>
                <a:gd name="connsiteX1613" fmla="*/ 451832 w 1473200"/>
                <a:gd name="connsiteY1613" fmla="*/ 478819 h 904738"/>
                <a:gd name="connsiteX1614" fmla="*/ 446960 w 1473200"/>
                <a:gd name="connsiteY1614" fmla="*/ 477198 h 904738"/>
                <a:gd name="connsiteX1615" fmla="*/ 446960 w 1473200"/>
                <a:gd name="connsiteY1615" fmla="*/ 472333 h 904738"/>
                <a:gd name="connsiteX1616" fmla="*/ 445336 w 1473200"/>
                <a:gd name="connsiteY1616" fmla="*/ 469090 h 904738"/>
                <a:gd name="connsiteX1617" fmla="*/ 443713 w 1473200"/>
                <a:gd name="connsiteY1617" fmla="*/ 462604 h 904738"/>
                <a:gd name="connsiteX1618" fmla="*/ 450208 w 1473200"/>
                <a:gd name="connsiteY1618" fmla="*/ 459361 h 904738"/>
                <a:gd name="connsiteX1619" fmla="*/ 443713 w 1473200"/>
                <a:gd name="connsiteY1619" fmla="*/ 454496 h 904738"/>
                <a:gd name="connsiteX1620" fmla="*/ 438841 w 1473200"/>
                <a:gd name="connsiteY1620" fmla="*/ 452874 h 904738"/>
                <a:gd name="connsiteX1621" fmla="*/ 438841 w 1473200"/>
                <a:gd name="connsiteY1621" fmla="*/ 436658 h 904738"/>
                <a:gd name="connsiteX1622" fmla="*/ 437218 w 1473200"/>
                <a:gd name="connsiteY1622" fmla="*/ 430172 h 904738"/>
                <a:gd name="connsiteX1623" fmla="*/ 438841 w 1473200"/>
                <a:gd name="connsiteY1623" fmla="*/ 420443 h 904738"/>
                <a:gd name="connsiteX1624" fmla="*/ 443713 w 1473200"/>
                <a:gd name="connsiteY1624" fmla="*/ 415578 h 904738"/>
                <a:gd name="connsiteX1625" fmla="*/ 448584 w 1473200"/>
                <a:gd name="connsiteY1625" fmla="*/ 412335 h 904738"/>
                <a:gd name="connsiteX1626" fmla="*/ 451832 w 1473200"/>
                <a:gd name="connsiteY1626" fmla="*/ 410713 h 904738"/>
                <a:gd name="connsiteX1627" fmla="*/ 455079 w 1473200"/>
                <a:gd name="connsiteY1627" fmla="*/ 410713 h 904738"/>
                <a:gd name="connsiteX1628" fmla="*/ 461574 w 1473200"/>
                <a:gd name="connsiteY1628" fmla="*/ 409092 h 904738"/>
                <a:gd name="connsiteX1629" fmla="*/ 469693 w 1473200"/>
                <a:gd name="connsiteY1629" fmla="*/ 404227 h 904738"/>
                <a:gd name="connsiteX1630" fmla="*/ 474565 w 1473200"/>
                <a:gd name="connsiteY1630" fmla="*/ 397741 h 904738"/>
                <a:gd name="connsiteX1631" fmla="*/ 482684 w 1473200"/>
                <a:gd name="connsiteY1631" fmla="*/ 392876 h 904738"/>
                <a:gd name="connsiteX1632" fmla="*/ 485931 w 1473200"/>
                <a:gd name="connsiteY1632" fmla="*/ 397741 h 904738"/>
                <a:gd name="connsiteX1633" fmla="*/ 484308 w 1473200"/>
                <a:gd name="connsiteY1633" fmla="*/ 405848 h 904738"/>
                <a:gd name="connsiteX1634" fmla="*/ 485931 w 1473200"/>
                <a:gd name="connsiteY1634" fmla="*/ 413956 h 904738"/>
                <a:gd name="connsiteX1635" fmla="*/ 479436 w 1473200"/>
                <a:gd name="connsiteY1635" fmla="*/ 418821 h 904738"/>
                <a:gd name="connsiteX1636" fmla="*/ 479436 w 1473200"/>
                <a:gd name="connsiteY1636" fmla="*/ 426929 h 904738"/>
                <a:gd name="connsiteX1637" fmla="*/ 485931 w 1473200"/>
                <a:gd name="connsiteY1637" fmla="*/ 428551 h 904738"/>
                <a:gd name="connsiteX1638" fmla="*/ 490803 w 1473200"/>
                <a:gd name="connsiteY1638" fmla="*/ 431794 h 904738"/>
                <a:gd name="connsiteX1639" fmla="*/ 489179 w 1473200"/>
                <a:gd name="connsiteY1639" fmla="*/ 438280 h 904738"/>
                <a:gd name="connsiteX1640" fmla="*/ 481060 w 1473200"/>
                <a:gd name="connsiteY1640" fmla="*/ 439902 h 904738"/>
                <a:gd name="connsiteX1641" fmla="*/ 474565 w 1473200"/>
                <a:gd name="connsiteY1641" fmla="*/ 443145 h 904738"/>
                <a:gd name="connsiteX1642" fmla="*/ 474565 w 1473200"/>
                <a:gd name="connsiteY1642" fmla="*/ 448009 h 904738"/>
                <a:gd name="connsiteX1643" fmla="*/ 469693 w 1473200"/>
                <a:gd name="connsiteY1643" fmla="*/ 451253 h 904738"/>
                <a:gd name="connsiteX1644" fmla="*/ 464822 w 1473200"/>
                <a:gd name="connsiteY1644" fmla="*/ 456117 h 904738"/>
                <a:gd name="connsiteX1645" fmla="*/ 466446 w 1473200"/>
                <a:gd name="connsiteY1645" fmla="*/ 464225 h 904738"/>
                <a:gd name="connsiteX1646" fmla="*/ 471317 w 1473200"/>
                <a:gd name="connsiteY1646" fmla="*/ 465847 h 904738"/>
                <a:gd name="connsiteX1647" fmla="*/ 476189 w 1473200"/>
                <a:gd name="connsiteY1647" fmla="*/ 470712 h 904738"/>
                <a:gd name="connsiteX1648" fmla="*/ 474565 w 1473200"/>
                <a:gd name="connsiteY1648" fmla="*/ 473955 h 904738"/>
                <a:gd name="connsiteX1649" fmla="*/ 481060 w 1473200"/>
                <a:gd name="connsiteY1649" fmla="*/ 480441 h 904738"/>
                <a:gd name="connsiteX1650" fmla="*/ 490803 w 1473200"/>
                <a:gd name="connsiteY1650" fmla="*/ 482063 h 904738"/>
                <a:gd name="connsiteX1651" fmla="*/ 494050 w 1473200"/>
                <a:gd name="connsiteY1651" fmla="*/ 483684 h 904738"/>
                <a:gd name="connsiteX1652" fmla="*/ 492427 w 1473200"/>
                <a:gd name="connsiteY1652" fmla="*/ 490170 h 904738"/>
                <a:gd name="connsiteX1653" fmla="*/ 495674 w 1473200"/>
                <a:gd name="connsiteY1653" fmla="*/ 490170 h 904738"/>
                <a:gd name="connsiteX1654" fmla="*/ 502169 w 1473200"/>
                <a:gd name="connsiteY1654" fmla="*/ 488549 h 904738"/>
                <a:gd name="connsiteX1655" fmla="*/ 511912 w 1473200"/>
                <a:gd name="connsiteY1655" fmla="*/ 482063 h 904738"/>
                <a:gd name="connsiteX1656" fmla="*/ 518408 w 1473200"/>
                <a:gd name="connsiteY1656" fmla="*/ 478819 h 904738"/>
                <a:gd name="connsiteX1657" fmla="*/ 520032 w 1473200"/>
                <a:gd name="connsiteY1657" fmla="*/ 477198 h 904738"/>
                <a:gd name="connsiteX1658" fmla="*/ 524903 w 1473200"/>
                <a:gd name="connsiteY1658" fmla="*/ 477198 h 904738"/>
                <a:gd name="connsiteX1659" fmla="*/ 541141 w 1473200"/>
                <a:gd name="connsiteY1659" fmla="*/ 488549 h 904738"/>
                <a:gd name="connsiteX1660" fmla="*/ 547636 w 1473200"/>
                <a:gd name="connsiteY1660" fmla="*/ 491792 h 904738"/>
                <a:gd name="connsiteX1661" fmla="*/ 549260 w 1473200"/>
                <a:gd name="connsiteY1661" fmla="*/ 493414 h 904738"/>
                <a:gd name="connsiteX1662" fmla="*/ 550884 w 1473200"/>
                <a:gd name="connsiteY1662" fmla="*/ 493414 h 904738"/>
                <a:gd name="connsiteX1663" fmla="*/ 560627 w 1473200"/>
                <a:gd name="connsiteY1663" fmla="*/ 488549 h 904738"/>
                <a:gd name="connsiteX1664" fmla="*/ 565498 w 1473200"/>
                <a:gd name="connsiteY1664" fmla="*/ 485306 h 904738"/>
                <a:gd name="connsiteX1665" fmla="*/ 573617 w 1473200"/>
                <a:gd name="connsiteY1665" fmla="*/ 485306 h 904738"/>
                <a:gd name="connsiteX1666" fmla="*/ 576864 w 1473200"/>
                <a:gd name="connsiteY1666" fmla="*/ 483684 h 904738"/>
                <a:gd name="connsiteX1667" fmla="*/ 589855 w 1473200"/>
                <a:gd name="connsiteY1667" fmla="*/ 477198 h 904738"/>
                <a:gd name="connsiteX1668" fmla="*/ 601221 w 1473200"/>
                <a:gd name="connsiteY1668" fmla="*/ 472333 h 904738"/>
                <a:gd name="connsiteX1669" fmla="*/ 607717 w 1473200"/>
                <a:gd name="connsiteY1669" fmla="*/ 472333 h 904738"/>
                <a:gd name="connsiteX1670" fmla="*/ 615836 w 1473200"/>
                <a:gd name="connsiteY1670" fmla="*/ 469090 h 904738"/>
                <a:gd name="connsiteX1671" fmla="*/ 623955 w 1473200"/>
                <a:gd name="connsiteY1671" fmla="*/ 473955 h 904738"/>
                <a:gd name="connsiteX1672" fmla="*/ 627202 w 1473200"/>
                <a:gd name="connsiteY1672" fmla="*/ 480441 h 904738"/>
                <a:gd name="connsiteX1673" fmla="*/ 632074 w 1473200"/>
                <a:gd name="connsiteY1673" fmla="*/ 482063 h 904738"/>
                <a:gd name="connsiteX1674" fmla="*/ 641816 w 1473200"/>
                <a:gd name="connsiteY1674" fmla="*/ 480441 h 904738"/>
                <a:gd name="connsiteX1675" fmla="*/ 645064 w 1473200"/>
                <a:gd name="connsiteY1675" fmla="*/ 478819 h 904738"/>
                <a:gd name="connsiteX1676" fmla="*/ 653183 w 1473200"/>
                <a:gd name="connsiteY1676" fmla="*/ 472333 h 904738"/>
                <a:gd name="connsiteX1677" fmla="*/ 656431 w 1473200"/>
                <a:gd name="connsiteY1677" fmla="*/ 470712 h 904738"/>
                <a:gd name="connsiteX1678" fmla="*/ 658054 w 1473200"/>
                <a:gd name="connsiteY1678" fmla="*/ 470712 h 904738"/>
                <a:gd name="connsiteX1679" fmla="*/ 664549 w 1473200"/>
                <a:gd name="connsiteY1679" fmla="*/ 465847 h 904738"/>
                <a:gd name="connsiteX1680" fmla="*/ 667797 w 1473200"/>
                <a:gd name="connsiteY1680" fmla="*/ 459361 h 904738"/>
                <a:gd name="connsiteX1681" fmla="*/ 671045 w 1473200"/>
                <a:gd name="connsiteY1681" fmla="*/ 456117 h 904738"/>
                <a:gd name="connsiteX1682" fmla="*/ 671045 w 1473200"/>
                <a:gd name="connsiteY1682" fmla="*/ 451253 h 904738"/>
                <a:gd name="connsiteX1683" fmla="*/ 667797 w 1473200"/>
                <a:gd name="connsiteY1683" fmla="*/ 446388 h 904738"/>
                <a:gd name="connsiteX1684" fmla="*/ 671045 w 1473200"/>
                <a:gd name="connsiteY1684" fmla="*/ 438280 h 904738"/>
                <a:gd name="connsiteX1685" fmla="*/ 671045 w 1473200"/>
                <a:gd name="connsiteY1685" fmla="*/ 435037 h 904738"/>
                <a:gd name="connsiteX1686" fmla="*/ 667797 w 1473200"/>
                <a:gd name="connsiteY1686" fmla="*/ 431794 h 904738"/>
                <a:gd name="connsiteX1687" fmla="*/ 669421 w 1473200"/>
                <a:gd name="connsiteY1687" fmla="*/ 428551 h 904738"/>
                <a:gd name="connsiteX1688" fmla="*/ 671045 w 1473200"/>
                <a:gd name="connsiteY1688" fmla="*/ 425307 h 904738"/>
                <a:gd name="connsiteX1689" fmla="*/ 669421 w 1473200"/>
                <a:gd name="connsiteY1689" fmla="*/ 418821 h 904738"/>
                <a:gd name="connsiteX1690" fmla="*/ 674292 w 1473200"/>
                <a:gd name="connsiteY1690" fmla="*/ 415578 h 904738"/>
                <a:gd name="connsiteX1691" fmla="*/ 675916 w 1473200"/>
                <a:gd name="connsiteY1691" fmla="*/ 413956 h 904738"/>
                <a:gd name="connsiteX1692" fmla="*/ 677540 w 1473200"/>
                <a:gd name="connsiteY1692" fmla="*/ 407470 h 904738"/>
                <a:gd name="connsiteX1693" fmla="*/ 680787 w 1473200"/>
                <a:gd name="connsiteY1693" fmla="*/ 402605 h 904738"/>
                <a:gd name="connsiteX1694" fmla="*/ 687283 w 1473200"/>
                <a:gd name="connsiteY1694" fmla="*/ 397741 h 904738"/>
                <a:gd name="connsiteX1695" fmla="*/ 692154 w 1473200"/>
                <a:gd name="connsiteY1695" fmla="*/ 396119 h 904738"/>
                <a:gd name="connsiteX1696" fmla="*/ 695402 w 1473200"/>
                <a:gd name="connsiteY1696" fmla="*/ 399362 h 904738"/>
                <a:gd name="connsiteX1697" fmla="*/ 701897 w 1473200"/>
                <a:gd name="connsiteY1697" fmla="*/ 400984 h 904738"/>
                <a:gd name="connsiteX1698" fmla="*/ 703521 w 1473200"/>
                <a:gd name="connsiteY1698" fmla="*/ 400984 h 904738"/>
                <a:gd name="connsiteX1699" fmla="*/ 705144 w 1473200"/>
                <a:gd name="connsiteY1699" fmla="*/ 402605 h 904738"/>
                <a:gd name="connsiteX1700" fmla="*/ 710016 w 1473200"/>
                <a:gd name="connsiteY1700" fmla="*/ 407470 h 904738"/>
                <a:gd name="connsiteX1701" fmla="*/ 719759 w 1473200"/>
                <a:gd name="connsiteY1701" fmla="*/ 412335 h 904738"/>
                <a:gd name="connsiteX1702" fmla="*/ 724630 w 1473200"/>
                <a:gd name="connsiteY1702" fmla="*/ 410713 h 904738"/>
                <a:gd name="connsiteX1703" fmla="*/ 729501 w 1473200"/>
                <a:gd name="connsiteY1703" fmla="*/ 404227 h 904738"/>
                <a:gd name="connsiteX1704" fmla="*/ 729501 w 1473200"/>
                <a:gd name="connsiteY1704" fmla="*/ 397741 h 904738"/>
                <a:gd name="connsiteX1705" fmla="*/ 731125 w 1473200"/>
                <a:gd name="connsiteY1705" fmla="*/ 392876 h 904738"/>
                <a:gd name="connsiteX1706" fmla="*/ 731125 w 1473200"/>
                <a:gd name="connsiteY1706" fmla="*/ 389633 h 904738"/>
                <a:gd name="connsiteX1707" fmla="*/ 726254 w 1473200"/>
                <a:gd name="connsiteY1707" fmla="*/ 383146 h 904738"/>
                <a:gd name="connsiteX1708" fmla="*/ 719759 w 1473200"/>
                <a:gd name="connsiteY1708" fmla="*/ 379903 h 904738"/>
                <a:gd name="connsiteX1709" fmla="*/ 716511 w 1473200"/>
                <a:gd name="connsiteY1709" fmla="*/ 373417 h 904738"/>
                <a:gd name="connsiteX1710" fmla="*/ 714887 w 1473200"/>
                <a:gd name="connsiteY1710" fmla="*/ 366930 h 904738"/>
                <a:gd name="connsiteX1711" fmla="*/ 713263 w 1473200"/>
                <a:gd name="connsiteY1711" fmla="*/ 360444 h 904738"/>
                <a:gd name="connsiteX1712" fmla="*/ 721382 w 1473200"/>
                <a:gd name="connsiteY1712" fmla="*/ 355579 h 904738"/>
                <a:gd name="connsiteX1713" fmla="*/ 726254 w 1473200"/>
                <a:gd name="connsiteY1713" fmla="*/ 349093 h 904738"/>
                <a:gd name="connsiteX1714" fmla="*/ 735997 w 1473200"/>
                <a:gd name="connsiteY1714" fmla="*/ 349093 h 904738"/>
                <a:gd name="connsiteX1715" fmla="*/ 745739 w 1473200"/>
                <a:gd name="connsiteY1715" fmla="*/ 345850 h 904738"/>
                <a:gd name="connsiteX1716" fmla="*/ 750611 w 1473200"/>
                <a:gd name="connsiteY1716" fmla="*/ 345850 h 904738"/>
                <a:gd name="connsiteX1717" fmla="*/ 753858 w 1473200"/>
                <a:gd name="connsiteY1717" fmla="*/ 344228 h 904738"/>
                <a:gd name="connsiteX1718" fmla="*/ 757106 w 1473200"/>
                <a:gd name="connsiteY1718" fmla="*/ 344228 h 904738"/>
                <a:gd name="connsiteX1719" fmla="*/ 761977 w 1473200"/>
                <a:gd name="connsiteY1719" fmla="*/ 344228 h 904738"/>
                <a:gd name="connsiteX1720" fmla="*/ 765225 w 1473200"/>
                <a:gd name="connsiteY1720" fmla="*/ 344228 h 904738"/>
                <a:gd name="connsiteX1721" fmla="*/ 770096 w 1473200"/>
                <a:gd name="connsiteY1721" fmla="*/ 345850 h 904738"/>
                <a:gd name="connsiteX1722" fmla="*/ 773344 w 1473200"/>
                <a:gd name="connsiteY1722" fmla="*/ 345850 h 904738"/>
                <a:gd name="connsiteX1723" fmla="*/ 776591 w 1473200"/>
                <a:gd name="connsiteY1723" fmla="*/ 345850 h 904738"/>
                <a:gd name="connsiteX1724" fmla="*/ 779839 w 1473200"/>
                <a:gd name="connsiteY1724" fmla="*/ 347472 h 904738"/>
                <a:gd name="connsiteX1725" fmla="*/ 784710 w 1473200"/>
                <a:gd name="connsiteY1725" fmla="*/ 347472 h 904738"/>
                <a:gd name="connsiteX1726" fmla="*/ 786334 w 1473200"/>
                <a:gd name="connsiteY1726" fmla="*/ 349093 h 904738"/>
                <a:gd name="connsiteX1727" fmla="*/ 789582 w 1473200"/>
                <a:gd name="connsiteY1727" fmla="*/ 349093 h 904738"/>
                <a:gd name="connsiteX1728" fmla="*/ 792829 w 1473200"/>
                <a:gd name="connsiteY1728" fmla="*/ 349093 h 904738"/>
                <a:gd name="connsiteX1729" fmla="*/ 796077 w 1473200"/>
                <a:gd name="connsiteY1729" fmla="*/ 345850 h 904738"/>
                <a:gd name="connsiteX1730" fmla="*/ 800948 w 1473200"/>
                <a:gd name="connsiteY1730" fmla="*/ 340985 h 904738"/>
                <a:gd name="connsiteX1731" fmla="*/ 804196 w 1473200"/>
                <a:gd name="connsiteY1731" fmla="*/ 340985 h 904738"/>
                <a:gd name="connsiteX1732" fmla="*/ 807444 w 1473200"/>
                <a:gd name="connsiteY1732" fmla="*/ 339364 h 904738"/>
                <a:gd name="connsiteX1733" fmla="*/ 810691 w 1473200"/>
                <a:gd name="connsiteY1733" fmla="*/ 337742 h 904738"/>
                <a:gd name="connsiteX1734" fmla="*/ 815563 w 1473200"/>
                <a:gd name="connsiteY1734" fmla="*/ 336120 h 904738"/>
                <a:gd name="connsiteX1735" fmla="*/ 817186 w 1473200"/>
                <a:gd name="connsiteY1735" fmla="*/ 336120 h 904738"/>
                <a:gd name="connsiteX1736" fmla="*/ 820434 w 1473200"/>
                <a:gd name="connsiteY1736" fmla="*/ 334499 h 904738"/>
                <a:gd name="connsiteX1737" fmla="*/ 822058 w 1473200"/>
                <a:gd name="connsiteY1737" fmla="*/ 334499 h 904738"/>
                <a:gd name="connsiteX1738" fmla="*/ 825305 w 1473200"/>
                <a:gd name="connsiteY1738" fmla="*/ 334499 h 904738"/>
                <a:gd name="connsiteX1739" fmla="*/ 828553 w 1473200"/>
                <a:gd name="connsiteY1739" fmla="*/ 334499 h 904738"/>
                <a:gd name="connsiteX1740" fmla="*/ 831801 w 1473200"/>
                <a:gd name="connsiteY1740" fmla="*/ 334499 h 904738"/>
                <a:gd name="connsiteX1741" fmla="*/ 830177 w 1473200"/>
                <a:gd name="connsiteY1741" fmla="*/ 331256 h 904738"/>
                <a:gd name="connsiteX1742" fmla="*/ 826929 w 1473200"/>
                <a:gd name="connsiteY1742" fmla="*/ 329634 h 904738"/>
                <a:gd name="connsiteX1743" fmla="*/ 823682 w 1473200"/>
                <a:gd name="connsiteY1743" fmla="*/ 329634 h 904738"/>
                <a:gd name="connsiteX1744" fmla="*/ 820434 w 1473200"/>
                <a:gd name="connsiteY1744" fmla="*/ 331256 h 904738"/>
                <a:gd name="connsiteX1745" fmla="*/ 812315 w 1473200"/>
                <a:gd name="connsiteY1745" fmla="*/ 329634 h 904738"/>
                <a:gd name="connsiteX1746" fmla="*/ 807444 w 1473200"/>
                <a:gd name="connsiteY1746" fmla="*/ 326391 h 904738"/>
                <a:gd name="connsiteX1747" fmla="*/ 805820 w 1473200"/>
                <a:gd name="connsiteY1747" fmla="*/ 321526 h 904738"/>
                <a:gd name="connsiteX1748" fmla="*/ 800948 w 1473200"/>
                <a:gd name="connsiteY1748" fmla="*/ 318283 h 904738"/>
                <a:gd name="connsiteX1749" fmla="*/ 797701 w 1473200"/>
                <a:gd name="connsiteY1749" fmla="*/ 319905 h 904738"/>
                <a:gd name="connsiteX1750" fmla="*/ 794453 w 1473200"/>
                <a:gd name="connsiteY1750" fmla="*/ 319905 h 904738"/>
                <a:gd name="connsiteX1751" fmla="*/ 786334 w 1473200"/>
                <a:gd name="connsiteY1751" fmla="*/ 323148 h 904738"/>
                <a:gd name="connsiteX1752" fmla="*/ 774968 w 1473200"/>
                <a:gd name="connsiteY1752" fmla="*/ 321526 h 904738"/>
                <a:gd name="connsiteX1753" fmla="*/ 770096 w 1473200"/>
                <a:gd name="connsiteY1753" fmla="*/ 319905 h 904738"/>
                <a:gd name="connsiteX1754" fmla="*/ 760353 w 1473200"/>
                <a:gd name="connsiteY1754" fmla="*/ 324769 h 904738"/>
                <a:gd name="connsiteX1755" fmla="*/ 758730 w 1473200"/>
                <a:gd name="connsiteY1755" fmla="*/ 324769 h 904738"/>
                <a:gd name="connsiteX1756" fmla="*/ 755482 w 1473200"/>
                <a:gd name="connsiteY1756" fmla="*/ 324769 h 904738"/>
                <a:gd name="connsiteX1757" fmla="*/ 752235 w 1473200"/>
                <a:gd name="connsiteY1757" fmla="*/ 324769 h 904738"/>
                <a:gd name="connsiteX1758" fmla="*/ 748987 w 1473200"/>
                <a:gd name="connsiteY1758" fmla="*/ 324769 h 904738"/>
                <a:gd name="connsiteX1759" fmla="*/ 744116 w 1473200"/>
                <a:gd name="connsiteY1759" fmla="*/ 329634 h 904738"/>
                <a:gd name="connsiteX1760" fmla="*/ 735997 w 1473200"/>
                <a:gd name="connsiteY1760" fmla="*/ 332877 h 904738"/>
                <a:gd name="connsiteX1761" fmla="*/ 734373 w 1473200"/>
                <a:gd name="connsiteY1761" fmla="*/ 332877 h 904738"/>
                <a:gd name="connsiteX1762" fmla="*/ 732749 w 1473200"/>
                <a:gd name="connsiteY1762" fmla="*/ 332877 h 904738"/>
                <a:gd name="connsiteX1763" fmla="*/ 729501 w 1473200"/>
                <a:gd name="connsiteY1763" fmla="*/ 334499 h 904738"/>
                <a:gd name="connsiteX1764" fmla="*/ 723006 w 1473200"/>
                <a:gd name="connsiteY1764" fmla="*/ 337742 h 904738"/>
                <a:gd name="connsiteX1765" fmla="*/ 711640 w 1473200"/>
                <a:gd name="connsiteY1765" fmla="*/ 336120 h 904738"/>
                <a:gd name="connsiteX1766" fmla="*/ 706768 w 1473200"/>
                <a:gd name="connsiteY1766" fmla="*/ 332877 h 904738"/>
                <a:gd name="connsiteX1767" fmla="*/ 703521 w 1473200"/>
                <a:gd name="connsiteY1767" fmla="*/ 326391 h 904738"/>
                <a:gd name="connsiteX1768" fmla="*/ 697025 w 1473200"/>
                <a:gd name="connsiteY1768" fmla="*/ 323148 h 904738"/>
                <a:gd name="connsiteX1769" fmla="*/ 687283 w 1473200"/>
                <a:gd name="connsiteY1769" fmla="*/ 323148 h 904738"/>
                <a:gd name="connsiteX1770" fmla="*/ 682411 w 1473200"/>
                <a:gd name="connsiteY1770" fmla="*/ 319905 h 904738"/>
                <a:gd name="connsiteX1771" fmla="*/ 680787 w 1473200"/>
                <a:gd name="connsiteY1771" fmla="*/ 319905 h 904738"/>
                <a:gd name="connsiteX1772" fmla="*/ 679164 w 1473200"/>
                <a:gd name="connsiteY1772" fmla="*/ 316662 h 904738"/>
                <a:gd name="connsiteX1773" fmla="*/ 682411 w 1473200"/>
                <a:gd name="connsiteY1773" fmla="*/ 292338 h 904738"/>
                <a:gd name="connsiteX1774" fmla="*/ 680787 w 1473200"/>
                <a:gd name="connsiteY1774" fmla="*/ 284230 h 904738"/>
                <a:gd name="connsiteX1775" fmla="*/ 674292 w 1473200"/>
                <a:gd name="connsiteY1775" fmla="*/ 274500 h 904738"/>
                <a:gd name="connsiteX1776" fmla="*/ 671045 w 1473200"/>
                <a:gd name="connsiteY1776" fmla="*/ 266393 h 904738"/>
                <a:gd name="connsiteX1777" fmla="*/ 672668 w 1473200"/>
                <a:gd name="connsiteY1777" fmla="*/ 258285 h 904738"/>
                <a:gd name="connsiteX1778" fmla="*/ 674292 w 1473200"/>
                <a:gd name="connsiteY1778" fmla="*/ 253420 h 904738"/>
                <a:gd name="connsiteX1779" fmla="*/ 679164 w 1473200"/>
                <a:gd name="connsiteY1779" fmla="*/ 246934 h 904738"/>
                <a:gd name="connsiteX1780" fmla="*/ 684035 w 1473200"/>
                <a:gd name="connsiteY1780" fmla="*/ 243690 h 904738"/>
                <a:gd name="connsiteX1781" fmla="*/ 692154 w 1473200"/>
                <a:gd name="connsiteY1781" fmla="*/ 242069 h 904738"/>
                <a:gd name="connsiteX1782" fmla="*/ 698649 w 1473200"/>
                <a:gd name="connsiteY1782" fmla="*/ 238826 h 904738"/>
                <a:gd name="connsiteX1783" fmla="*/ 698649 w 1473200"/>
                <a:gd name="connsiteY1783" fmla="*/ 233961 h 904738"/>
                <a:gd name="connsiteX1784" fmla="*/ 705144 w 1473200"/>
                <a:gd name="connsiteY1784" fmla="*/ 229096 h 904738"/>
                <a:gd name="connsiteX1785" fmla="*/ 711640 w 1473200"/>
                <a:gd name="connsiteY1785" fmla="*/ 225853 h 904738"/>
                <a:gd name="connsiteX1786" fmla="*/ 716511 w 1473200"/>
                <a:gd name="connsiteY1786" fmla="*/ 220988 h 904738"/>
                <a:gd name="connsiteX1787" fmla="*/ 723006 w 1473200"/>
                <a:gd name="connsiteY1787" fmla="*/ 216124 h 904738"/>
                <a:gd name="connsiteX1788" fmla="*/ 726254 w 1473200"/>
                <a:gd name="connsiteY1788" fmla="*/ 211259 h 904738"/>
                <a:gd name="connsiteX1789" fmla="*/ 729501 w 1473200"/>
                <a:gd name="connsiteY1789" fmla="*/ 208016 h 904738"/>
                <a:gd name="connsiteX1790" fmla="*/ 735997 w 1473200"/>
                <a:gd name="connsiteY1790" fmla="*/ 203151 h 904738"/>
                <a:gd name="connsiteX1791" fmla="*/ 737620 w 1473200"/>
                <a:gd name="connsiteY1791" fmla="*/ 195043 h 904738"/>
                <a:gd name="connsiteX1792" fmla="*/ 742492 w 1473200"/>
                <a:gd name="connsiteY1792" fmla="*/ 195043 h 904738"/>
                <a:gd name="connsiteX1793" fmla="*/ 747363 w 1473200"/>
                <a:gd name="connsiteY1793" fmla="*/ 198286 h 904738"/>
                <a:gd name="connsiteX1794" fmla="*/ 747363 w 1473200"/>
                <a:gd name="connsiteY1794" fmla="*/ 188557 h 904738"/>
                <a:gd name="connsiteX1795" fmla="*/ 744116 w 1473200"/>
                <a:gd name="connsiteY1795" fmla="*/ 182070 h 904738"/>
                <a:gd name="connsiteX1796" fmla="*/ 742492 w 1473200"/>
                <a:gd name="connsiteY1796" fmla="*/ 177206 h 904738"/>
                <a:gd name="connsiteX1797" fmla="*/ 735997 w 1473200"/>
                <a:gd name="connsiteY1797" fmla="*/ 173963 h 904738"/>
                <a:gd name="connsiteX1798" fmla="*/ 729501 w 1473200"/>
                <a:gd name="connsiteY1798" fmla="*/ 170719 h 904738"/>
                <a:gd name="connsiteX1799" fmla="*/ 727878 w 1473200"/>
                <a:gd name="connsiteY1799" fmla="*/ 172341 h 904738"/>
                <a:gd name="connsiteX1800" fmla="*/ 724630 w 1473200"/>
                <a:gd name="connsiteY1800" fmla="*/ 173963 h 904738"/>
                <a:gd name="connsiteX1801" fmla="*/ 723006 w 1473200"/>
                <a:gd name="connsiteY1801" fmla="*/ 172341 h 904738"/>
                <a:gd name="connsiteX1802" fmla="*/ 721382 w 1473200"/>
                <a:gd name="connsiteY1802" fmla="*/ 170719 h 904738"/>
                <a:gd name="connsiteX1803" fmla="*/ 718135 w 1473200"/>
                <a:gd name="connsiteY1803" fmla="*/ 170719 h 904738"/>
                <a:gd name="connsiteX1804" fmla="*/ 716511 w 1473200"/>
                <a:gd name="connsiteY1804" fmla="*/ 170719 h 904738"/>
                <a:gd name="connsiteX1805" fmla="*/ 714887 w 1473200"/>
                <a:gd name="connsiteY1805" fmla="*/ 170719 h 904738"/>
                <a:gd name="connsiteX1806" fmla="*/ 713263 w 1473200"/>
                <a:gd name="connsiteY1806" fmla="*/ 170719 h 904738"/>
                <a:gd name="connsiteX1807" fmla="*/ 710016 w 1473200"/>
                <a:gd name="connsiteY1807" fmla="*/ 170719 h 904738"/>
                <a:gd name="connsiteX1808" fmla="*/ 708392 w 1473200"/>
                <a:gd name="connsiteY1808" fmla="*/ 170719 h 904738"/>
                <a:gd name="connsiteX1809" fmla="*/ 705144 w 1473200"/>
                <a:gd name="connsiteY1809" fmla="*/ 169098 h 904738"/>
                <a:gd name="connsiteX1810" fmla="*/ 703521 w 1473200"/>
                <a:gd name="connsiteY1810" fmla="*/ 169098 h 904738"/>
                <a:gd name="connsiteX1811" fmla="*/ 701897 w 1473200"/>
                <a:gd name="connsiteY1811" fmla="*/ 169098 h 904738"/>
                <a:gd name="connsiteX1812" fmla="*/ 698649 w 1473200"/>
                <a:gd name="connsiteY1812" fmla="*/ 170719 h 904738"/>
                <a:gd name="connsiteX1813" fmla="*/ 695402 w 1473200"/>
                <a:gd name="connsiteY1813" fmla="*/ 175584 h 904738"/>
                <a:gd name="connsiteX1814" fmla="*/ 690530 w 1473200"/>
                <a:gd name="connsiteY1814" fmla="*/ 178827 h 904738"/>
                <a:gd name="connsiteX1815" fmla="*/ 685659 w 1473200"/>
                <a:gd name="connsiteY1815" fmla="*/ 182070 h 904738"/>
                <a:gd name="connsiteX1816" fmla="*/ 682411 w 1473200"/>
                <a:gd name="connsiteY1816" fmla="*/ 186935 h 904738"/>
                <a:gd name="connsiteX1817" fmla="*/ 679164 w 1473200"/>
                <a:gd name="connsiteY1817" fmla="*/ 191800 h 904738"/>
                <a:gd name="connsiteX1818" fmla="*/ 674292 w 1473200"/>
                <a:gd name="connsiteY1818" fmla="*/ 198286 h 904738"/>
                <a:gd name="connsiteX1819" fmla="*/ 677540 w 1473200"/>
                <a:gd name="connsiteY1819" fmla="*/ 203151 h 904738"/>
                <a:gd name="connsiteX1820" fmla="*/ 680787 w 1473200"/>
                <a:gd name="connsiteY1820" fmla="*/ 206394 h 904738"/>
                <a:gd name="connsiteX1821" fmla="*/ 679164 w 1473200"/>
                <a:gd name="connsiteY1821" fmla="*/ 212880 h 904738"/>
                <a:gd name="connsiteX1822" fmla="*/ 677540 w 1473200"/>
                <a:gd name="connsiteY1822" fmla="*/ 216124 h 904738"/>
                <a:gd name="connsiteX1823" fmla="*/ 671045 w 1473200"/>
                <a:gd name="connsiteY1823" fmla="*/ 220988 h 904738"/>
                <a:gd name="connsiteX1824" fmla="*/ 666173 w 1473200"/>
                <a:gd name="connsiteY1824" fmla="*/ 227475 h 904738"/>
                <a:gd name="connsiteX1825" fmla="*/ 661302 w 1473200"/>
                <a:gd name="connsiteY1825" fmla="*/ 230718 h 904738"/>
                <a:gd name="connsiteX1826" fmla="*/ 658054 w 1473200"/>
                <a:gd name="connsiteY1826" fmla="*/ 230718 h 904738"/>
                <a:gd name="connsiteX1827" fmla="*/ 656431 w 1473200"/>
                <a:gd name="connsiteY1827" fmla="*/ 232339 h 904738"/>
                <a:gd name="connsiteX1828" fmla="*/ 651559 w 1473200"/>
                <a:gd name="connsiteY1828" fmla="*/ 235583 h 904738"/>
                <a:gd name="connsiteX1829" fmla="*/ 645064 w 1473200"/>
                <a:gd name="connsiteY1829" fmla="*/ 238826 h 904738"/>
                <a:gd name="connsiteX1830" fmla="*/ 636945 w 1473200"/>
                <a:gd name="connsiteY1830" fmla="*/ 243690 h 904738"/>
                <a:gd name="connsiteX1831" fmla="*/ 628826 w 1473200"/>
                <a:gd name="connsiteY1831" fmla="*/ 246934 h 904738"/>
                <a:gd name="connsiteX1832" fmla="*/ 622331 w 1473200"/>
                <a:gd name="connsiteY1832" fmla="*/ 253420 h 904738"/>
                <a:gd name="connsiteX1833" fmla="*/ 619083 w 1473200"/>
                <a:gd name="connsiteY1833" fmla="*/ 251798 h 904738"/>
                <a:gd name="connsiteX1834" fmla="*/ 615836 w 1473200"/>
                <a:gd name="connsiteY1834" fmla="*/ 251798 h 904738"/>
                <a:gd name="connsiteX1835" fmla="*/ 615836 w 1473200"/>
                <a:gd name="connsiteY1835" fmla="*/ 258285 h 904738"/>
                <a:gd name="connsiteX1836" fmla="*/ 617459 w 1473200"/>
                <a:gd name="connsiteY1836" fmla="*/ 261528 h 904738"/>
                <a:gd name="connsiteX1837" fmla="*/ 614212 w 1473200"/>
                <a:gd name="connsiteY1837" fmla="*/ 264771 h 904738"/>
                <a:gd name="connsiteX1838" fmla="*/ 610964 w 1473200"/>
                <a:gd name="connsiteY1838" fmla="*/ 264771 h 904738"/>
                <a:gd name="connsiteX1839" fmla="*/ 609340 w 1473200"/>
                <a:gd name="connsiteY1839" fmla="*/ 264771 h 904738"/>
                <a:gd name="connsiteX1840" fmla="*/ 607717 w 1473200"/>
                <a:gd name="connsiteY1840" fmla="*/ 264771 h 904738"/>
                <a:gd name="connsiteX1841" fmla="*/ 606093 w 1473200"/>
                <a:gd name="connsiteY1841" fmla="*/ 266393 h 904738"/>
                <a:gd name="connsiteX1842" fmla="*/ 609340 w 1473200"/>
                <a:gd name="connsiteY1842" fmla="*/ 271257 h 904738"/>
                <a:gd name="connsiteX1843" fmla="*/ 609340 w 1473200"/>
                <a:gd name="connsiteY1843" fmla="*/ 276122 h 904738"/>
                <a:gd name="connsiteX1844" fmla="*/ 606093 w 1473200"/>
                <a:gd name="connsiteY1844" fmla="*/ 279365 h 904738"/>
                <a:gd name="connsiteX1845" fmla="*/ 606093 w 1473200"/>
                <a:gd name="connsiteY1845" fmla="*/ 282608 h 904738"/>
                <a:gd name="connsiteX1846" fmla="*/ 606093 w 1473200"/>
                <a:gd name="connsiteY1846" fmla="*/ 289095 h 904738"/>
                <a:gd name="connsiteX1847" fmla="*/ 602845 w 1473200"/>
                <a:gd name="connsiteY1847" fmla="*/ 290716 h 904738"/>
                <a:gd name="connsiteX1848" fmla="*/ 602845 w 1473200"/>
                <a:gd name="connsiteY1848" fmla="*/ 293959 h 904738"/>
                <a:gd name="connsiteX1849" fmla="*/ 602845 w 1473200"/>
                <a:gd name="connsiteY1849" fmla="*/ 302067 h 904738"/>
                <a:gd name="connsiteX1850" fmla="*/ 604469 w 1473200"/>
                <a:gd name="connsiteY1850" fmla="*/ 310175 h 904738"/>
                <a:gd name="connsiteX1851" fmla="*/ 602845 w 1473200"/>
                <a:gd name="connsiteY1851" fmla="*/ 315040 h 904738"/>
                <a:gd name="connsiteX1852" fmla="*/ 606093 w 1473200"/>
                <a:gd name="connsiteY1852" fmla="*/ 316662 h 904738"/>
                <a:gd name="connsiteX1853" fmla="*/ 612588 w 1473200"/>
                <a:gd name="connsiteY1853" fmla="*/ 318283 h 904738"/>
                <a:gd name="connsiteX1854" fmla="*/ 617459 w 1473200"/>
                <a:gd name="connsiteY1854" fmla="*/ 321526 h 904738"/>
                <a:gd name="connsiteX1855" fmla="*/ 625578 w 1473200"/>
                <a:gd name="connsiteY1855" fmla="*/ 328013 h 904738"/>
                <a:gd name="connsiteX1856" fmla="*/ 627202 w 1473200"/>
                <a:gd name="connsiteY1856" fmla="*/ 328013 h 904738"/>
                <a:gd name="connsiteX1857" fmla="*/ 630450 w 1473200"/>
                <a:gd name="connsiteY1857" fmla="*/ 329634 h 904738"/>
                <a:gd name="connsiteX1858" fmla="*/ 632074 w 1473200"/>
                <a:gd name="connsiteY1858" fmla="*/ 334499 h 904738"/>
                <a:gd name="connsiteX1859" fmla="*/ 635321 w 1473200"/>
                <a:gd name="connsiteY1859" fmla="*/ 339364 h 904738"/>
                <a:gd name="connsiteX1860" fmla="*/ 633697 w 1473200"/>
                <a:gd name="connsiteY1860" fmla="*/ 342607 h 904738"/>
                <a:gd name="connsiteX1861" fmla="*/ 628826 w 1473200"/>
                <a:gd name="connsiteY1861" fmla="*/ 347472 h 904738"/>
                <a:gd name="connsiteX1862" fmla="*/ 627202 w 1473200"/>
                <a:gd name="connsiteY1862" fmla="*/ 350715 h 904738"/>
                <a:gd name="connsiteX1863" fmla="*/ 628826 w 1473200"/>
                <a:gd name="connsiteY1863" fmla="*/ 352336 h 904738"/>
                <a:gd name="connsiteX1864" fmla="*/ 627202 w 1473200"/>
                <a:gd name="connsiteY1864" fmla="*/ 357201 h 904738"/>
                <a:gd name="connsiteX1865" fmla="*/ 623955 w 1473200"/>
                <a:gd name="connsiteY1865" fmla="*/ 362066 h 904738"/>
                <a:gd name="connsiteX1866" fmla="*/ 619083 w 1473200"/>
                <a:gd name="connsiteY1866" fmla="*/ 363687 h 904738"/>
                <a:gd name="connsiteX1867" fmla="*/ 615836 w 1473200"/>
                <a:gd name="connsiteY1867" fmla="*/ 365309 h 904738"/>
                <a:gd name="connsiteX1868" fmla="*/ 612588 w 1473200"/>
                <a:gd name="connsiteY1868" fmla="*/ 368552 h 904738"/>
                <a:gd name="connsiteX1869" fmla="*/ 607717 w 1473200"/>
                <a:gd name="connsiteY1869" fmla="*/ 368552 h 904738"/>
                <a:gd name="connsiteX1870" fmla="*/ 601221 w 1473200"/>
                <a:gd name="connsiteY1870" fmla="*/ 371795 h 904738"/>
                <a:gd name="connsiteX1871" fmla="*/ 597974 w 1473200"/>
                <a:gd name="connsiteY1871" fmla="*/ 371795 h 904738"/>
                <a:gd name="connsiteX1872" fmla="*/ 594726 w 1473200"/>
                <a:gd name="connsiteY1872" fmla="*/ 376660 h 904738"/>
                <a:gd name="connsiteX1873" fmla="*/ 593102 w 1473200"/>
                <a:gd name="connsiteY1873" fmla="*/ 381525 h 904738"/>
                <a:gd name="connsiteX1874" fmla="*/ 594726 w 1473200"/>
                <a:gd name="connsiteY1874" fmla="*/ 391254 h 904738"/>
                <a:gd name="connsiteX1875" fmla="*/ 593102 w 1473200"/>
                <a:gd name="connsiteY1875" fmla="*/ 396119 h 904738"/>
                <a:gd name="connsiteX1876" fmla="*/ 593102 w 1473200"/>
                <a:gd name="connsiteY1876" fmla="*/ 400984 h 904738"/>
                <a:gd name="connsiteX1877" fmla="*/ 591479 w 1473200"/>
                <a:gd name="connsiteY1877" fmla="*/ 405848 h 904738"/>
                <a:gd name="connsiteX1878" fmla="*/ 591479 w 1473200"/>
                <a:gd name="connsiteY1878" fmla="*/ 410713 h 904738"/>
                <a:gd name="connsiteX1879" fmla="*/ 591479 w 1473200"/>
                <a:gd name="connsiteY1879" fmla="*/ 413956 h 904738"/>
                <a:gd name="connsiteX1880" fmla="*/ 589855 w 1473200"/>
                <a:gd name="connsiteY1880" fmla="*/ 417199 h 904738"/>
                <a:gd name="connsiteX1881" fmla="*/ 589855 w 1473200"/>
                <a:gd name="connsiteY1881" fmla="*/ 418821 h 904738"/>
                <a:gd name="connsiteX1882" fmla="*/ 591479 w 1473200"/>
                <a:gd name="connsiteY1882" fmla="*/ 415578 h 904738"/>
                <a:gd name="connsiteX1883" fmla="*/ 594726 w 1473200"/>
                <a:gd name="connsiteY1883" fmla="*/ 410713 h 904738"/>
                <a:gd name="connsiteX1884" fmla="*/ 597974 w 1473200"/>
                <a:gd name="connsiteY1884" fmla="*/ 409092 h 904738"/>
                <a:gd name="connsiteX1885" fmla="*/ 594726 w 1473200"/>
                <a:gd name="connsiteY1885" fmla="*/ 422064 h 904738"/>
                <a:gd name="connsiteX1886" fmla="*/ 591479 w 1473200"/>
                <a:gd name="connsiteY1886" fmla="*/ 428551 h 904738"/>
                <a:gd name="connsiteX1887" fmla="*/ 588231 w 1473200"/>
                <a:gd name="connsiteY1887" fmla="*/ 436658 h 904738"/>
                <a:gd name="connsiteX1888" fmla="*/ 586607 w 1473200"/>
                <a:gd name="connsiteY1888" fmla="*/ 428551 h 904738"/>
                <a:gd name="connsiteX1889" fmla="*/ 581736 w 1473200"/>
                <a:gd name="connsiteY1889" fmla="*/ 431794 h 904738"/>
                <a:gd name="connsiteX1890" fmla="*/ 578488 w 1473200"/>
                <a:gd name="connsiteY1890" fmla="*/ 436658 h 904738"/>
                <a:gd name="connsiteX1891" fmla="*/ 575241 w 1473200"/>
                <a:gd name="connsiteY1891" fmla="*/ 439902 h 904738"/>
                <a:gd name="connsiteX1892" fmla="*/ 570369 w 1473200"/>
                <a:gd name="connsiteY1892" fmla="*/ 438280 h 904738"/>
                <a:gd name="connsiteX1893" fmla="*/ 567122 w 1473200"/>
                <a:gd name="connsiteY1893" fmla="*/ 438280 h 904738"/>
                <a:gd name="connsiteX1894" fmla="*/ 565498 w 1473200"/>
                <a:gd name="connsiteY1894" fmla="*/ 438280 h 904738"/>
                <a:gd name="connsiteX1895" fmla="*/ 562250 w 1473200"/>
                <a:gd name="connsiteY1895" fmla="*/ 438280 h 904738"/>
                <a:gd name="connsiteX1896" fmla="*/ 560627 w 1473200"/>
                <a:gd name="connsiteY1896" fmla="*/ 438280 h 904738"/>
                <a:gd name="connsiteX1897" fmla="*/ 557379 w 1473200"/>
                <a:gd name="connsiteY1897" fmla="*/ 439902 h 904738"/>
                <a:gd name="connsiteX1898" fmla="*/ 549260 w 1473200"/>
                <a:gd name="connsiteY1898" fmla="*/ 443145 h 904738"/>
                <a:gd name="connsiteX1899" fmla="*/ 550884 w 1473200"/>
                <a:gd name="connsiteY1899" fmla="*/ 449631 h 904738"/>
                <a:gd name="connsiteX1900" fmla="*/ 546012 w 1473200"/>
                <a:gd name="connsiteY1900" fmla="*/ 456117 h 904738"/>
                <a:gd name="connsiteX1901" fmla="*/ 536270 w 1473200"/>
                <a:gd name="connsiteY1901" fmla="*/ 456117 h 904738"/>
                <a:gd name="connsiteX1902" fmla="*/ 528151 w 1473200"/>
                <a:gd name="connsiteY1902" fmla="*/ 457739 h 904738"/>
                <a:gd name="connsiteX1903" fmla="*/ 524903 w 1473200"/>
                <a:gd name="connsiteY1903" fmla="*/ 451253 h 904738"/>
                <a:gd name="connsiteX1904" fmla="*/ 523279 w 1473200"/>
                <a:gd name="connsiteY1904" fmla="*/ 446388 h 904738"/>
                <a:gd name="connsiteX1905" fmla="*/ 520032 w 1473200"/>
                <a:gd name="connsiteY1905" fmla="*/ 443145 h 904738"/>
                <a:gd name="connsiteX1906" fmla="*/ 518408 w 1473200"/>
                <a:gd name="connsiteY1906" fmla="*/ 436658 h 904738"/>
                <a:gd name="connsiteX1907" fmla="*/ 523279 w 1473200"/>
                <a:gd name="connsiteY1907" fmla="*/ 430172 h 904738"/>
                <a:gd name="connsiteX1908" fmla="*/ 523279 w 1473200"/>
                <a:gd name="connsiteY1908" fmla="*/ 425307 h 904738"/>
                <a:gd name="connsiteX1909" fmla="*/ 520032 w 1473200"/>
                <a:gd name="connsiteY1909" fmla="*/ 420443 h 904738"/>
                <a:gd name="connsiteX1910" fmla="*/ 515160 w 1473200"/>
                <a:gd name="connsiteY1910" fmla="*/ 412335 h 904738"/>
                <a:gd name="connsiteX1911" fmla="*/ 508665 w 1473200"/>
                <a:gd name="connsiteY1911" fmla="*/ 405848 h 904738"/>
                <a:gd name="connsiteX1912" fmla="*/ 505417 w 1473200"/>
                <a:gd name="connsiteY1912" fmla="*/ 394497 h 904738"/>
                <a:gd name="connsiteX1913" fmla="*/ 505417 w 1473200"/>
                <a:gd name="connsiteY1913" fmla="*/ 383146 h 904738"/>
                <a:gd name="connsiteX1914" fmla="*/ 500546 w 1473200"/>
                <a:gd name="connsiteY1914" fmla="*/ 379903 h 904738"/>
                <a:gd name="connsiteX1915" fmla="*/ 494050 w 1473200"/>
                <a:gd name="connsiteY1915" fmla="*/ 375038 h 904738"/>
                <a:gd name="connsiteX1916" fmla="*/ 494050 w 1473200"/>
                <a:gd name="connsiteY1916" fmla="*/ 368552 h 904738"/>
                <a:gd name="connsiteX1917" fmla="*/ 495674 w 1473200"/>
                <a:gd name="connsiteY1917" fmla="*/ 363687 h 904738"/>
                <a:gd name="connsiteX1918" fmla="*/ 495674 w 1473200"/>
                <a:gd name="connsiteY1918" fmla="*/ 362066 h 904738"/>
                <a:gd name="connsiteX1919" fmla="*/ 492427 w 1473200"/>
                <a:gd name="connsiteY1919" fmla="*/ 357201 h 904738"/>
                <a:gd name="connsiteX1920" fmla="*/ 485931 w 1473200"/>
                <a:gd name="connsiteY1920" fmla="*/ 353958 h 904738"/>
                <a:gd name="connsiteX1921" fmla="*/ 482684 w 1473200"/>
                <a:gd name="connsiteY1921" fmla="*/ 347472 h 904738"/>
                <a:gd name="connsiteX1922" fmla="*/ 484308 w 1473200"/>
                <a:gd name="connsiteY1922" fmla="*/ 340985 h 904738"/>
                <a:gd name="connsiteX1923" fmla="*/ 479436 w 1473200"/>
                <a:gd name="connsiteY1923" fmla="*/ 353958 h 904738"/>
                <a:gd name="connsiteX1924" fmla="*/ 474565 w 1473200"/>
                <a:gd name="connsiteY1924" fmla="*/ 362066 h 904738"/>
                <a:gd name="connsiteX1925" fmla="*/ 468070 w 1473200"/>
                <a:gd name="connsiteY1925" fmla="*/ 365309 h 904738"/>
                <a:gd name="connsiteX1926" fmla="*/ 463198 w 1473200"/>
                <a:gd name="connsiteY1926" fmla="*/ 366930 h 904738"/>
                <a:gd name="connsiteX1927" fmla="*/ 456703 w 1473200"/>
                <a:gd name="connsiteY1927" fmla="*/ 371795 h 904738"/>
                <a:gd name="connsiteX1928" fmla="*/ 450208 w 1473200"/>
                <a:gd name="connsiteY1928" fmla="*/ 376660 h 904738"/>
                <a:gd name="connsiteX1929" fmla="*/ 445336 w 1473200"/>
                <a:gd name="connsiteY1929" fmla="*/ 381525 h 904738"/>
                <a:gd name="connsiteX1930" fmla="*/ 427475 w 1473200"/>
                <a:gd name="connsiteY1930" fmla="*/ 388011 h 904738"/>
                <a:gd name="connsiteX1931" fmla="*/ 414484 w 1473200"/>
                <a:gd name="connsiteY1931" fmla="*/ 383146 h 904738"/>
                <a:gd name="connsiteX1932" fmla="*/ 406365 w 1473200"/>
                <a:gd name="connsiteY1932" fmla="*/ 379903 h 904738"/>
                <a:gd name="connsiteX1933" fmla="*/ 399870 w 1473200"/>
                <a:gd name="connsiteY1933" fmla="*/ 376660 h 904738"/>
                <a:gd name="connsiteX1934" fmla="*/ 393375 w 1473200"/>
                <a:gd name="connsiteY1934" fmla="*/ 371795 h 904738"/>
                <a:gd name="connsiteX1935" fmla="*/ 394999 w 1473200"/>
                <a:gd name="connsiteY1935" fmla="*/ 365309 h 904738"/>
                <a:gd name="connsiteX1936" fmla="*/ 401494 w 1473200"/>
                <a:gd name="connsiteY1936" fmla="*/ 358823 h 904738"/>
                <a:gd name="connsiteX1937" fmla="*/ 403118 w 1473200"/>
                <a:gd name="connsiteY1937" fmla="*/ 352336 h 904738"/>
                <a:gd name="connsiteX1938" fmla="*/ 398246 w 1473200"/>
                <a:gd name="connsiteY1938" fmla="*/ 350715 h 904738"/>
                <a:gd name="connsiteX1939" fmla="*/ 391751 w 1473200"/>
                <a:gd name="connsiteY1939" fmla="*/ 353958 h 904738"/>
                <a:gd name="connsiteX1940" fmla="*/ 388504 w 1473200"/>
                <a:gd name="connsiteY1940" fmla="*/ 353958 h 904738"/>
                <a:gd name="connsiteX1941" fmla="*/ 390127 w 1473200"/>
                <a:gd name="connsiteY1941" fmla="*/ 347472 h 904738"/>
                <a:gd name="connsiteX1942" fmla="*/ 393375 w 1473200"/>
                <a:gd name="connsiteY1942" fmla="*/ 339364 h 904738"/>
                <a:gd name="connsiteX1943" fmla="*/ 396623 w 1473200"/>
                <a:gd name="connsiteY1943" fmla="*/ 332877 h 904738"/>
                <a:gd name="connsiteX1944" fmla="*/ 393375 w 1473200"/>
                <a:gd name="connsiteY1944" fmla="*/ 328013 h 904738"/>
                <a:gd name="connsiteX1945" fmla="*/ 385256 w 1473200"/>
                <a:gd name="connsiteY1945" fmla="*/ 326391 h 904738"/>
                <a:gd name="connsiteX1946" fmla="*/ 382008 w 1473200"/>
                <a:gd name="connsiteY1946" fmla="*/ 319905 h 904738"/>
                <a:gd name="connsiteX1947" fmla="*/ 385256 w 1473200"/>
                <a:gd name="connsiteY1947" fmla="*/ 310175 h 904738"/>
                <a:gd name="connsiteX1948" fmla="*/ 388504 w 1473200"/>
                <a:gd name="connsiteY1948" fmla="*/ 303689 h 904738"/>
                <a:gd name="connsiteX1949" fmla="*/ 386880 w 1473200"/>
                <a:gd name="connsiteY1949" fmla="*/ 298824 h 904738"/>
                <a:gd name="connsiteX1950" fmla="*/ 383632 w 1473200"/>
                <a:gd name="connsiteY1950" fmla="*/ 295581 h 904738"/>
                <a:gd name="connsiteX1951" fmla="*/ 383632 w 1473200"/>
                <a:gd name="connsiteY1951" fmla="*/ 287473 h 904738"/>
                <a:gd name="connsiteX1952" fmla="*/ 386880 w 1473200"/>
                <a:gd name="connsiteY1952" fmla="*/ 280987 h 904738"/>
                <a:gd name="connsiteX1953" fmla="*/ 388504 w 1473200"/>
                <a:gd name="connsiteY1953" fmla="*/ 276122 h 904738"/>
                <a:gd name="connsiteX1954" fmla="*/ 394999 w 1473200"/>
                <a:gd name="connsiteY1954" fmla="*/ 272879 h 904738"/>
                <a:gd name="connsiteX1955" fmla="*/ 403118 w 1473200"/>
                <a:gd name="connsiteY1955" fmla="*/ 268014 h 904738"/>
                <a:gd name="connsiteX1956" fmla="*/ 409613 w 1473200"/>
                <a:gd name="connsiteY1956" fmla="*/ 263149 h 904738"/>
                <a:gd name="connsiteX1957" fmla="*/ 409613 w 1473200"/>
                <a:gd name="connsiteY1957" fmla="*/ 259906 h 904738"/>
                <a:gd name="connsiteX1958" fmla="*/ 412861 w 1473200"/>
                <a:gd name="connsiteY1958" fmla="*/ 258285 h 904738"/>
                <a:gd name="connsiteX1959" fmla="*/ 419356 w 1473200"/>
                <a:gd name="connsiteY1959" fmla="*/ 258285 h 904738"/>
                <a:gd name="connsiteX1960" fmla="*/ 422603 w 1473200"/>
                <a:gd name="connsiteY1960" fmla="*/ 255042 h 904738"/>
                <a:gd name="connsiteX1961" fmla="*/ 422603 w 1473200"/>
                <a:gd name="connsiteY1961" fmla="*/ 251798 h 904738"/>
                <a:gd name="connsiteX1962" fmla="*/ 427475 w 1473200"/>
                <a:gd name="connsiteY1962" fmla="*/ 248555 h 904738"/>
                <a:gd name="connsiteX1963" fmla="*/ 433970 w 1473200"/>
                <a:gd name="connsiteY1963" fmla="*/ 248555 h 904738"/>
                <a:gd name="connsiteX1964" fmla="*/ 437218 w 1473200"/>
                <a:gd name="connsiteY1964" fmla="*/ 246934 h 904738"/>
                <a:gd name="connsiteX1965" fmla="*/ 443713 w 1473200"/>
                <a:gd name="connsiteY1965" fmla="*/ 246934 h 904738"/>
                <a:gd name="connsiteX1966" fmla="*/ 446960 w 1473200"/>
                <a:gd name="connsiteY1966" fmla="*/ 240447 h 904738"/>
                <a:gd name="connsiteX1967" fmla="*/ 448584 w 1473200"/>
                <a:gd name="connsiteY1967" fmla="*/ 233961 h 904738"/>
                <a:gd name="connsiteX1968" fmla="*/ 451832 w 1473200"/>
                <a:gd name="connsiteY1968" fmla="*/ 230718 h 904738"/>
                <a:gd name="connsiteX1969" fmla="*/ 456703 w 1473200"/>
                <a:gd name="connsiteY1969" fmla="*/ 232339 h 904738"/>
                <a:gd name="connsiteX1970" fmla="*/ 455079 w 1473200"/>
                <a:gd name="connsiteY1970" fmla="*/ 238826 h 904738"/>
                <a:gd name="connsiteX1971" fmla="*/ 458327 w 1473200"/>
                <a:gd name="connsiteY1971" fmla="*/ 237204 h 904738"/>
                <a:gd name="connsiteX1972" fmla="*/ 463198 w 1473200"/>
                <a:gd name="connsiteY1972" fmla="*/ 232339 h 904738"/>
                <a:gd name="connsiteX1973" fmla="*/ 468070 w 1473200"/>
                <a:gd name="connsiteY1973" fmla="*/ 227475 h 904738"/>
                <a:gd name="connsiteX1974" fmla="*/ 469693 w 1473200"/>
                <a:gd name="connsiteY1974" fmla="*/ 219367 h 904738"/>
                <a:gd name="connsiteX1975" fmla="*/ 476189 w 1473200"/>
                <a:gd name="connsiteY1975" fmla="*/ 217745 h 904738"/>
                <a:gd name="connsiteX1976" fmla="*/ 484308 w 1473200"/>
                <a:gd name="connsiteY1976" fmla="*/ 211259 h 904738"/>
                <a:gd name="connsiteX1977" fmla="*/ 487555 w 1473200"/>
                <a:gd name="connsiteY1977" fmla="*/ 206394 h 904738"/>
                <a:gd name="connsiteX1978" fmla="*/ 490803 w 1473200"/>
                <a:gd name="connsiteY1978" fmla="*/ 203151 h 904738"/>
                <a:gd name="connsiteX1979" fmla="*/ 494050 w 1473200"/>
                <a:gd name="connsiteY1979" fmla="*/ 203151 h 904738"/>
                <a:gd name="connsiteX1980" fmla="*/ 498922 w 1473200"/>
                <a:gd name="connsiteY1980" fmla="*/ 203151 h 904738"/>
                <a:gd name="connsiteX1981" fmla="*/ 502169 w 1473200"/>
                <a:gd name="connsiteY1981" fmla="*/ 199908 h 904738"/>
                <a:gd name="connsiteX1982" fmla="*/ 503793 w 1473200"/>
                <a:gd name="connsiteY1982" fmla="*/ 196665 h 904738"/>
                <a:gd name="connsiteX1983" fmla="*/ 505417 w 1473200"/>
                <a:gd name="connsiteY1983" fmla="*/ 188557 h 904738"/>
                <a:gd name="connsiteX1984" fmla="*/ 507041 w 1473200"/>
                <a:gd name="connsiteY1984" fmla="*/ 186935 h 904738"/>
                <a:gd name="connsiteX1985" fmla="*/ 510288 w 1473200"/>
                <a:gd name="connsiteY1985" fmla="*/ 185314 h 904738"/>
                <a:gd name="connsiteX1986" fmla="*/ 515160 w 1473200"/>
                <a:gd name="connsiteY1986" fmla="*/ 183692 h 904738"/>
                <a:gd name="connsiteX1987" fmla="*/ 516784 w 1473200"/>
                <a:gd name="connsiteY1987" fmla="*/ 178827 h 904738"/>
                <a:gd name="connsiteX1988" fmla="*/ 516784 w 1473200"/>
                <a:gd name="connsiteY1988" fmla="*/ 173963 h 904738"/>
                <a:gd name="connsiteX1989" fmla="*/ 518408 w 1473200"/>
                <a:gd name="connsiteY1989" fmla="*/ 169098 h 904738"/>
                <a:gd name="connsiteX1990" fmla="*/ 521655 w 1473200"/>
                <a:gd name="connsiteY1990" fmla="*/ 165855 h 904738"/>
                <a:gd name="connsiteX1991" fmla="*/ 516784 w 1473200"/>
                <a:gd name="connsiteY1991" fmla="*/ 164233 h 904738"/>
                <a:gd name="connsiteX1992" fmla="*/ 520032 w 1473200"/>
                <a:gd name="connsiteY1992" fmla="*/ 156125 h 904738"/>
                <a:gd name="connsiteX1993" fmla="*/ 526527 w 1473200"/>
                <a:gd name="connsiteY1993" fmla="*/ 157747 h 904738"/>
                <a:gd name="connsiteX1994" fmla="*/ 533022 w 1473200"/>
                <a:gd name="connsiteY1994" fmla="*/ 154504 h 904738"/>
                <a:gd name="connsiteX1995" fmla="*/ 531398 w 1473200"/>
                <a:gd name="connsiteY1995" fmla="*/ 151260 h 904738"/>
                <a:gd name="connsiteX1996" fmla="*/ 544389 w 1473200"/>
                <a:gd name="connsiteY1996" fmla="*/ 135045 h 904738"/>
                <a:gd name="connsiteX1997" fmla="*/ 546012 w 1473200"/>
                <a:gd name="connsiteY1997" fmla="*/ 131801 h 904738"/>
                <a:gd name="connsiteX1998" fmla="*/ 550884 w 1473200"/>
                <a:gd name="connsiteY1998" fmla="*/ 125315 h 904738"/>
                <a:gd name="connsiteX1999" fmla="*/ 557379 w 1473200"/>
                <a:gd name="connsiteY1999" fmla="*/ 118829 h 904738"/>
                <a:gd name="connsiteX2000" fmla="*/ 555755 w 1473200"/>
                <a:gd name="connsiteY2000" fmla="*/ 115586 h 904738"/>
                <a:gd name="connsiteX2001" fmla="*/ 560627 w 1473200"/>
                <a:gd name="connsiteY2001" fmla="*/ 109099 h 904738"/>
                <a:gd name="connsiteX2002" fmla="*/ 563874 w 1473200"/>
                <a:gd name="connsiteY2002" fmla="*/ 107478 h 904738"/>
                <a:gd name="connsiteX2003" fmla="*/ 567122 w 1473200"/>
                <a:gd name="connsiteY2003" fmla="*/ 104235 h 904738"/>
                <a:gd name="connsiteX2004" fmla="*/ 567122 w 1473200"/>
                <a:gd name="connsiteY2004" fmla="*/ 99370 h 904738"/>
                <a:gd name="connsiteX2005" fmla="*/ 568746 w 1473200"/>
                <a:gd name="connsiteY2005" fmla="*/ 97748 h 904738"/>
                <a:gd name="connsiteX2006" fmla="*/ 571993 w 1473200"/>
                <a:gd name="connsiteY2006" fmla="*/ 97748 h 904738"/>
                <a:gd name="connsiteX2007" fmla="*/ 575241 w 1473200"/>
                <a:gd name="connsiteY2007" fmla="*/ 97748 h 904738"/>
                <a:gd name="connsiteX2008" fmla="*/ 580112 w 1473200"/>
                <a:gd name="connsiteY2008" fmla="*/ 94505 h 904738"/>
                <a:gd name="connsiteX2009" fmla="*/ 583360 w 1473200"/>
                <a:gd name="connsiteY2009" fmla="*/ 97748 h 904738"/>
                <a:gd name="connsiteX2010" fmla="*/ 588231 w 1473200"/>
                <a:gd name="connsiteY2010" fmla="*/ 99370 h 904738"/>
                <a:gd name="connsiteX2011" fmla="*/ 591479 w 1473200"/>
                <a:gd name="connsiteY2011" fmla="*/ 92884 h 904738"/>
                <a:gd name="connsiteX2012" fmla="*/ 588231 w 1473200"/>
                <a:gd name="connsiteY2012" fmla="*/ 88019 h 904738"/>
                <a:gd name="connsiteX2013" fmla="*/ 584983 w 1473200"/>
                <a:gd name="connsiteY2013" fmla="*/ 88019 h 904738"/>
                <a:gd name="connsiteX2014" fmla="*/ 581736 w 1473200"/>
                <a:gd name="connsiteY2014" fmla="*/ 88019 h 904738"/>
                <a:gd name="connsiteX2015" fmla="*/ 580112 w 1473200"/>
                <a:gd name="connsiteY2015" fmla="*/ 88019 h 904738"/>
                <a:gd name="connsiteX2016" fmla="*/ 576864 w 1473200"/>
                <a:gd name="connsiteY2016" fmla="*/ 89640 h 904738"/>
                <a:gd name="connsiteX2017" fmla="*/ 573617 w 1473200"/>
                <a:gd name="connsiteY2017" fmla="*/ 91262 h 904738"/>
                <a:gd name="connsiteX2018" fmla="*/ 571993 w 1473200"/>
                <a:gd name="connsiteY2018" fmla="*/ 91262 h 904738"/>
                <a:gd name="connsiteX2019" fmla="*/ 570369 w 1473200"/>
                <a:gd name="connsiteY2019" fmla="*/ 89640 h 904738"/>
                <a:gd name="connsiteX2020" fmla="*/ 568746 w 1473200"/>
                <a:gd name="connsiteY2020" fmla="*/ 88019 h 904738"/>
                <a:gd name="connsiteX2021" fmla="*/ 562250 w 1473200"/>
                <a:gd name="connsiteY2021" fmla="*/ 91262 h 904738"/>
                <a:gd name="connsiteX2022" fmla="*/ 567122 w 1473200"/>
                <a:gd name="connsiteY2022" fmla="*/ 83154 h 904738"/>
                <a:gd name="connsiteX2023" fmla="*/ 573617 w 1473200"/>
                <a:gd name="connsiteY2023" fmla="*/ 76668 h 904738"/>
                <a:gd name="connsiteX2024" fmla="*/ 576864 w 1473200"/>
                <a:gd name="connsiteY2024" fmla="*/ 68560 h 904738"/>
                <a:gd name="connsiteX2025" fmla="*/ 583360 w 1473200"/>
                <a:gd name="connsiteY2025" fmla="*/ 63695 h 904738"/>
                <a:gd name="connsiteX2026" fmla="*/ 583360 w 1473200"/>
                <a:gd name="connsiteY2026" fmla="*/ 73425 h 904738"/>
                <a:gd name="connsiteX2027" fmla="*/ 584983 w 1473200"/>
                <a:gd name="connsiteY2027" fmla="*/ 75046 h 904738"/>
                <a:gd name="connsiteX2028" fmla="*/ 591479 w 1473200"/>
                <a:gd name="connsiteY2028" fmla="*/ 71803 h 904738"/>
                <a:gd name="connsiteX2029" fmla="*/ 593102 w 1473200"/>
                <a:gd name="connsiteY2029" fmla="*/ 76668 h 904738"/>
                <a:gd name="connsiteX2030" fmla="*/ 599598 w 1473200"/>
                <a:gd name="connsiteY2030" fmla="*/ 76668 h 904738"/>
                <a:gd name="connsiteX2031" fmla="*/ 602845 w 1473200"/>
                <a:gd name="connsiteY2031" fmla="*/ 73425 h 904738"/>
                <a:gd name="connsiteX2032" fmla="*/ 602845 w 1473200"/>
                <a:gd name="connsiteY2032" fmla="*/ 70181 h 904738"/>
                <a:gd name="connsiteX2033" fmla="*/ 601221 w 1473200"/>
                <a:gd name="connsiteY2033" fmla="*/ 66938 h 904738"/>
                <a:gd name="connsiteX2034" fmla="*/ 609340 w 1473200"/>
                <a:gd name="connsiteY2034" fmla="*/ 68560 h 904738"/>
                <a:gd name="connsiteX2035" fmla="*/ 612588 w 1473200"/>
                <a:gd name="connsiteY2035" fmla="*/ 66938 h 904738"/>
                <a:gd name="connsiteX2036" fmla="*/ 610964 w 1473200"/>
                <a:gd name="connsiteY2036" fmla="*/ 63695 h 904738"/>
                <a:gd name="connsiteX2037" fmla="*/ 609340 w 1473200"/>
                <a:gd name="connsiteY2037" fmla="*/ 55587 h 904738"/>
                <a:gd name="connsiteX2038" fmla="*/ 615836 w 1473200"/>
                <a:gd name="connsiteY2038" fmla="*/ 49101 h 904738"/>
                <a:gd name="connsiteX2039" fmla="*/ 622331 w 1473200"/>
                <a:gd name="connsiteY2039" fmla="*/ 53966 h 904738"/>
                <a:gd name="connsiteX2040" fmla="*/ 625578 w 1473200"/>
                <a:gd name="connsiteY2040" fmla="*/ 58830 h 904738"/>
                <a:gd name="connsiteX2041" fmla="*/ 630450 w 1473200"/>
                <a:gd name="connsiteY2041" fmla="*/ 57209 h 904738"/>
                <a:gd name="connsiteX2042" fmla="*/ 636945 w 1473200"/>
                <a:gd name="connsiteY2042" fmla="*/ 53966 h 904738"/>
                <a:gd name="connsiteX2043" fmla="*/ 636945 w 1473200"/>
                <a:gd name="connsiteY2043" fmla="*/ 49101 h 904738"/>
                <a:gd name="connsiteX2044" fmla="*/ 638569 w 1473200"/>
                <a:gd name="connsiteY2044" fmla="*/ 45858 h 904738"/>
                <a:gd name="connsiteX2045" fmla="*/ 643440 w 1473200"/>
                <a:gd name="connsiteY2045" fmla="*/ 42615 h 904738"/>
                <a:gd name="connsiteX2046" fmla="*/ 648312 w 1473200"/>
                <a:gd name="connsiteY2046" fmla="*/ 45858 h 904738"/>
                <a:gd name="connsiteX2047" fmla="*/ 651559 w 1473200"/>
                <a:gd name="connsiteY2047" fmla="*/ 50722 h 904738"/>
                <a:gd name="connsiteX2048" fmla="*/ 659678 w 1473200"/>
                <a:gd name="connsiteY2048" fmla="*/ 49101 h 904738"/>
                <a:gd name="connsiteX2049" fmla="*/ 672668 w 1473200"/>
                <a:gd name="connsiteY2049" fmla="*/ 40993 h 904738"/>
                <a:gd name="connsiteX2050" fmla="*/ 672668 w 1473200"/>
                <a:gd name="connsiteY2050" fmla="*/ 37750 h 904738"/>
                <a:gd name="connsiteX2051" fmla="*/ 680787 w 1473200"/>
                <a:gd name="connsiteY2051" fmla="*/ 37750 h 904738"/>
                <a:gd name="connsiteX2052" fmla="*/ 684035 w 1473200"/>
                <a:gd name="connsiteY2052" fmla="*/ 39371 h 904738"/>
                <a:gd name="connsiteX2053" fmla="*/ 690530 w 1473200"/>
                <a:gd name="connsiteY2053" fmla="*/ 36128 h 904738"/>
                <a:gd name="connsiteX2054" fmla="*/ 687283 w 1473200"/>
                <a:gd name="connsiteY2054" fmla="*/ 31264 h 904738"/>
                <a:gd name="connsiteX2055" fmla="*/ 687283 w 1473200"/>
                <a:gd name="connsiteY2055" fmla="*/ 29642 h 904738"/>
                <a:gd name="connsiteX2056" fmla="*/ 690530 w 1473200"/>
                <a:gd name="connsiteY2056" fmla="*/ 29642 h 904738"/>
                <a:gd name="connsiteX2057" fmla="*/ 693778 w 1473200"/>
                <a:gd name="connsiteY2057" fmla="*/ 29642 h 904738"/>
                <a:gd name="connsiteX2058" fmla="*/ 700273 w 1473200"/>
                <a:gd name="connsiteY2058" fmla="*/ 32885 h 904738"/>
                <a:gd name="connsiteX2059" fmla="*/ 705144 w 1473200"/>
                <a:gd name="connsiteY2059" fmla="*/ 32885 h 904738"/>
                <a:gd name="connsiteX2060" fmla="*/ 708392 w 1473200"/>
                <a:gd name="connsiteY2060" fmla="*/ 31264 h 904738"/>
                <a:gd name="connsiteX2061" fmla="*/ 711640 w 1473200"/>
                <a:gd name="connsiteY2061" fmla="*/ 29642 h 904738"/>
                <a:gd name="connsiteX2062" fmla="*/ 716511 w 1473200"/>
                <a:gd name="connsiteY2062" fmla="*/ 26399 h 904738"/>
                <a:gd name="connsiteX2063" fmla="*/ 724630 w 1473200"/>
                <a:gd name="connsiteY2063" fmla="*/ 23156 h 904738"/>
                <a:gd name="connsiteX2064" fmla="*/ 727878 w 1473200"/>
                <a:gd name="connsiteY2064" fmla="*/ 18291 h 904738"/>
                <a:gd name="connsiteX2065" fmla="*/ 732749 w 1473200"/>
                <a:gd name="connsiteY2065" fmla="*/ 18291 h 904738"/>
                <a:gd name="connsiteX2066" fmla="*/ 740868 w 1473200"/>
                <a:gd name="connsiteY2066" fmla="*/ 13426 h 904738"/>
                <a:gd name="connsiteX2067" fmla="*/ 742492 w 1473200"/>
                <a:gd name="connsiteY2067" fmla="*/ 6940 h 904738"/>
                <a:gd name="connsiteX2068" fmla="*/ 750611 w 1473200"/>
                <a:gd name="connsiteY2068" fmla="*/ 5318 h 904738"/>
                <a:gd name="connsiteX2069" fmla="*/ 758730 w 1473200"/>
                <a:gd name="connsiteY2069" fmla="*/ 2075 h 904738"/>
                <a:gd name="connsiteX2070" fmla="*/ 753858 w 1473200"/>
                <a:gd name="connsiteY2070" fmla="*/ 11805 h 904738"/>
                <a:gd name="connsiteX2071" fmla="*/ 744116 w 1473200"/>
                <a:gd name="connsiteY2071" fmla="*/ 23156 h 904738"/>
                <a:gd name="connsiteX2072" fmla="*/ 742492 w 1473200"/>
                <a:gd name="connsiteY2072" fmla="*/ 28020 h 904738"/>
                <a:gd name="connsiteX2073" fmla="*/ 753858 w 1473200"/>
                <a:gd name="connsiteY2073" fmla="*/ 26399 h 904738"/>
                <a:gd name="connsiteX2074" fmla="*/ 761977 w 1473200"/>
                <a:gd name="connsiteY2074" fmla="*/ 18291 h 904738"/>
                <a:gd name="connsiteX2075" fmla="*/ 766849 w 1473200"/>
                <a:gd name="connsiteY2075" fmla="*/ 10183 h 904738"/>
                <a:gd name="connsiteX2076" fmla="*/ 770096 w 1473200"/>
                <a:gd name="connsiteY2076" fmla="*/ 6940 h 904738"/>
                <a:gd name="connsiteX2077" fmla="*/ 771720 w 1473200"/>
                <a:gd name="connsiteY2077" fmla="*/ 18291 h 904738"/>
                <a:gd name="connsiteX2078" fmla="*/ 771720 w 1473200"/>
                <a:gd name="connsiteY2078" fmla="*/ 21534 h 904738"/>
                <a:gd name="connsiteX2079" fmla="*/ 774968 w 1473200"/>
                <a:gd name="connsiteY2079" fmla="*/ 19912 h 904738"/>
                <a:gd name="connsiteX2080" fmla="*/ 778215 w 1473200"/>
                <a:gd name="connsiteY2080" fmla="*/ 19912 h 904738"/>
                <a:gd name="connsiteX2081" fmla="*/ 781463 w 1473200"/>
                <a:gd name="connsiteY2081" fmla="*/ 16669 h 904738"/>
                <a:gd name="connsiteX2082" fmla="*/ 784710 w 1473200"/>
                <a:gd name="connsiteY2082" fmla="*/ 6940 h 904738"/>
                <a:gd name="connsiteX2083" fmla="*/ 787958 w 1473200"/>
                <a:gd name="connsiteY2083" fmla="*/ 2075 h 904738"/>
                <a:gd name="connsiteX2084" fmla="*/ 797701 w 1473200"/>
                <a:gd name="connsiteY2084" fmla="*/ 454 h 9047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 ang="0">
                  <a:pos x="connsiteX535" y="connsiteY535"/>
                </a:cxn>
                <a:cxn ang="0">
                  <a:pos x="connsiteX536" y="connsiteY536"/>
                </a:cxn>
                <a:cxn ang="0">
                  <a:pos x="connsiteX537" y="connsiteY537"/>
                </a:cxn>
                <a:cxn ang="0">
                  <a:pos x="connsiteX538" y="connsiteY538"/>
                </a:cxn>
                <a:cxn ang="0">
                  <a:pos x="connsiteX539" y="connsiteY539"/>
                </a:cxn>
                <a:cxn ang="0">
                  <a:pos x="connsiteX540" y="connsiteY540"/>
                </a:cxn>
                <a:cxn ang="0">
                  <a:pos x="connsiteX541" y="connsiteY541"/>
                </a:cxn>
                <a:cxn ang="0">
                  <a:pos x="connsiteX542" y="connsiteY542"/>
                </a:cxn>
                <a:cxn ang="0">
                  <a:pos x="connsiteX543" y="connsiteY543"/>
                </a:cxn>
                <a:cxn ang="0">
                  <a:pos x="connsiteX544" y="connsiteY544"/>
                </a:cxn>
                <a:cxn ang="0">
                  <a:pos x="connsiteX545" y="connsiteY545"/>
                </a:cxn>
                <a:cxn ang="0">
                  <a:pos x="connsiteX546" y="connsiteY546"/>
                </a:cxn>
                <a:cxn ang="0">
                  <a:pos x="connsiteX547" y="connsiteY547"/>
                </a:cxn>
                <a:cxn ang="0">
                  <a:pos x="connsiteX548" y="connsiteY548"/>
                </a:cxn>
                <a:cxn ang="0">
                  <a:pos x="connsiteX549" y="connsiteY549"/>
                </a:cxn>
                <a:cxn ang="0">
                  <a:pos x="connsiteX550" y="connsiteY550"/>
                </a:cxn>
                <a:cxn ang="0">
                  <a:pos x="connsiteX551" y="connsiteY551"/>
                </a:cxn>
                <a:cxn ang="0">
                  <a:pos x="connsiteX552" y="connsiteY552"/>
                </a:cxn>
                <a:cxn ang="0">
                  <a:pos x="connsiteX553" y="connsiteY553"/>
                </a:cxn>
                <a:cxn ang="0">
                  <a:pos x="connsiteX554" y="connsiteY554"/>
                </a:cxn>
                <a:cxn ang="0">
                  <a:pos x="connsiteX555" y="connsiteY555"/>
                </a:cxn>
                <a:cxn ang="0">
                  <a:pos x="connsiteX556" y="connsiteY556"/>
                </a:cxn>
                <a:cxn ang="0">
                  <a:pos x="connsiteX557" y="connsiteY557"/>
                </a:cxn>
                <a:cxn ang="0">
                  <a:pos x="connsiteX558" y="connsiteY558"/>
                </a:cxn>
                <a:cxn ang="0">
                  <a:pos x="connsiteX559" y="connsiteY559"/>
                </a:cxn>
                <a:cxn ang="0">
                  <a:pos x="connsiteX560" y="connsiteY560"/>
                </a:cxn>
                <a:cxn ang="0">
                  <a:pos x="connsiteX561" y="connsiteY561"/>
                </a:cxn>
                <a:cxn ang="0">
                  <a:pos x="connsiteX562" y="connsiteY562"/>
                </a:cxn>
                <a:cxn ang="0">
                  <a:pos x="connsiteX563" y="connsiteY563"/>
                </a:cxn>
                <a:cxn ang="0">
                  <a:pos x="connsiteX564" y="connsiteY564"/>
                </a:cxn>
                <a:cxn ang="0">
                  <a:pos x="connsiteX565" y="connsiteY565"/>
                </a:cxn>
                <a:cxn ang="0">
                  <a:pos x="connsiteX566" y="connsiteY566"/>
                </a:cxn>
                <a:cxn ang="0">
                  <a:pos x="connsiteX567" y="connsiteY567"/>
                </a:cxn>
                <a:cxn ang="0">
                  <a:pos x="connsiteX568" y="connsiteY568"/>
                </a:cxn>
                <a:cxn ang="0">
                  <a:pos x="connsiteX569" y="connsiteY569"/>
                </a:cxn>
                <a:cxn ang="0">
                  <a:pos x="connsiteX570" y="connsiteY570"/>
                </a:cxn>
                <a:cxn ang="0">
                  <a:pos x="connsiteX571" y="connsiteY571"/>
                </a:cxn>
                <a:cxn ang="0">
                  <a:pos x="connsiteX572" y="connsiteY572"/>
                </a:cxn>
                <a:cxn ang="0">
                  <a:pos x="connsiteX573" y="connsiteY573"/>
                </a:cxn>
                <a:cxn ang="0">
                  <a:pos x="connsiteX574" y="connsiteY574"/>
                </a:cxn>
                <a:cxn ang="0">
                  <a:pos x="connsiteX575" y="connsiteY575"/>
                </a:cxn>
                <a:cxn ang="0">
                  <a:pos x="connsiteX576" y="connsiteY576"/>
                </a:cxn>
                <a:cxn ang="0">
                  <a:pos x="connsiteX577" y="connsiteY577"/>
                </a:cxn>
                <a:cxn ang="0">
                  <a:pos x="connsiteX578" y="connsiteY578"/>
                </a:cxn>
                <a:cxn ang="0">
                  <a:pos x="connsiteX579" y="connsiteY579"/>
                </a:cxn>
                <a:cxn ang="0">
                  <a:pos x="connsiteX580" y="connsiteY580"/>
                </a:cxn>
                <a:cxn ang="0">
                  <a:pos x="connsiteX581" y="connsiteY581"/>
                </a:cxn>
                <a:cxn ang="0">
                  <a:pos x="connsiteX582" y="connsiteY582"/>
                </a:cxn>
                <a:cxn ang="0">
                  <a:pos x="connsiteX583" y="connsiteY583"/>
                </a:cxn>
                <a:cxn ang="0">
                  <a:pos x="connsiteX584" y="connsiteY584"/>
                </a:cxn>
                <a:cxn ang="0">
                  <a:pos x="connsiteX585" y="connsiteY585"/>
                </a:cxn>
                <a:cxn ang="0">
                  <a:pos x="connsiteX586" y="connsiteY586"/>
                </a:cxn>
                <a:cxn ang="0">
                  <a:pos x="connsiteX587" y="connsiteY587"/>
                </a:cxn>
                <a:cxn ang="0">
                  <a:pos x="connsiteX588" y="connsiteY588"/>
                </a:cxn>
                <a:cxn ang="0">
                  <a:pos x="connsiteX589" y="connsiteY589"/>
                </a:cxn>
                <a:cxn ang="0">
                  <a:pos x="connsiteX590" y="connsiteY590"/>
                </a:cxn>
                <a:cxn ang="0">
                  <a:pos x="connsiteX591" y="connsiteY591"/>
                </a:cxn>
                <a:cxn ang="0">
                  <a:pos x="connsiteX592" y="connsiteY592"/>
                </a:cxn>
                <a:cxn ang="0">
                  <a:pos x="connsiteX593" y="connsiteY593"/>
                </a:cxn>
                <a:cxn ang="0">
                  <a:pos x="connsiteX594" y="connsiteY594"/>
                </a:cxn>
                <a:cxn ang="0">
                  <a:pos x="connsiteX595" y="connsiteY595"/>
                </a:cxn>
                <a:cxn ang="0">
                  <a:pos x="connsiteX596" y="connsiteY596"/>
                </a:cxn>
                <a:cxn ang="0">
                  <a:pos x="connsiteX597" y="connsiteY597"/>
                </a:cxn>
                <a:cxn ang="0">
                  <a:pos x="connsiteX598" y="connsiteY598"/>
                </a:cxn>
                <a:cxn ang="0">
                  <a:pos x="connsiteX599" y="connsiteY599"/>
                </a:cxn>
                <a:cxn ang="0">
                  <a:pos x="connsiteX600" y="connsiteY600"/>
                </a:cxn>
                <a:cxn ang="0">
                  <a:pos x="connsiteX601" y="connsiteY601"/>
                </a:cxn>
                <a:cxn ang="0">
                  <a:pos x="connsiteX602" y="connsiteY602"/>
                </a:cxn>
                <a:cxn ang="0">
                  <a:pos x="connsiteX603" y="connsiteY603"/>
                </a:cxn>
                <a:cxn ang="0">
                  <a:pos x="connsiteX604" y="connsiteY604"/>
                </a:cxn>
                <a:cxn ang="0">
                  <a:pos x="connsiteX605" y="connsiteY605"/>
                </a:cxn>
                <a:cxn ang="0">
                  <a:pos x="connsiteX606" y="connsiteY606"/>
                </a:cxn>
                <a:cxn ang="0">
                  <a:pos x="connsiteX607" y="connsiteY607"/>
                </a:cxn>
                <a:cxn ang="0">
                  <a:pos x="connsiteX608" y="connsiteY608"/>
                </a:cxn>
                <a:cxn ang="0">
                  <a:pos x="connsiteX609" y="connsiteY609"/>
                </a:cxn>
                <a:cxn ang="0">
                  <a:pos x="connsiteX610" y="connsiteY610"/>
                </a:cxn>
                <a:cxn ang="0">
                  <a:pos x="connsiteX611" y="connsiteY611"/>
                </a:cxn>
                <a:cxn ang="0">
                  <a:pos x="connsiteX612" y="connsiteY612"/>
                </a:cxn>
                <a:cxn ang="0">
                  <a:pos x="connsiteX613" y="connsiteY613"/>
                </a:cxn>
                <a:cxn ang="0">
                  <a:pos x="connsiteX614" y="connsiteY614"/>
                </a:cxn>
                <a:cxn ang="0">
                  <a:pos x="connsiteX615" y="connsiteY615"/>
                </a:cxn>
                <a:cxn ang="0">
                  <a:pos x="connsiteX616" y="connsiteY616"/>
                </a:cxn>
                <a:cxn ang="0">
                  <a:pos x="connsiteX617" y="connsiteY617"/>
                </a:cxn>
                <a:cxn ang="0">
                  <a:pos x="connsiteX618" y="connsiteY618"/>
                </a:cxn>
                <a:cxn ang="0">
                  <a:pos x="connsiteX619" y="connsiteY619"/>
                </a:cxn>
                <a:cxn ang="0">
                  <a:pos x="connsiteX620" y="connsiteY620"/>
                </a:cxn>
                <a:cxn ang="0">
                  <a:pos x="connsiteX621" y="connsiteY621"/>
                </a:cxn>
                <a:cxn ang="0">
                  <a:pos x="connsiteX622" y="connsiteY622"/>
                </a:cxn>
                <a:cxn ang="0">
                  <a:pos x="connsiteX623" y="connsiteY623"/>
                </a:cxn>
                <a:cxn ang="0">
                  <a:pos x="connsiteX624" y="connsiteY624"/>
                </a:cxn>
                <a:cxn ang="0">
                  <a:pos x="connsiteX625" y="connsiteY625"/>
                </a:cxn>
                <a:cxn ang="0">
                  <a:pos x="connsiteX626" y="connsiteY626"/>
                </a:cxn>
                <a:cxn ang="0">
                  <a:pos x="connsiteX627" y="connsiteY627"/>
                </a:cxn>
                <a:cxn ang="0">
                  <a:pos x="connsiteX628" y="connsiteY628"/>
                </a:cxn>
                <a:cxn ang="0">
                  <a:pos x="connsiteX629" y="connsiteY629"/>
                </a:cxn>
                <a:cxn ang="0">
                  <a:pos x="connsiteX630" y="connsiteY630"/>
                </a:cxn>
                <a:cxn ang="0">
                  <a:pos x="connsiteX631" y="connsiteY631"/>
                </a:cxn>
                <a:cxn ang="0">
                  <a:pos x="connsiteX632" y="connsiteY632"/>
                </a:cxn>
                <a:cxn ang="0">
                  <a:pos x="connsiteX633" y="connsiteY633"/>
                </a:cxn>
                <a:cxn ang="0">
                  <a:pos x="connsiteX634" y="connsiteY634"/>
                </a:cxn>
                <a:cxn ang="0">
                  <a:pos x="connsiteX635" y="connsiteY635"/>
                </a:cxn>
                <a:cxn ang="0">
                  <a:pos x="connsiteX636" y="connsiteY636"/>
                </a:cxn>
                <a:cxn ang="0">
                  <a:pos x="connsiteX637" y="connsiteY637"/>
                </a:cxn>
                <a:cxn ang="0">
                  <a:pos x="connsiteX638" y="connsiteY638"/>
                </a:cxn>
                <a:cxn ang="0">
                  <a:pos x="connsiteX639" y="connsiteY639"/>
                </a:cxn>
                <a:cxn ang="0">
                  <a:pos x="connsiteX640" y="connsiteY640"/>
                </a:cxn>
                <a:cxn ang="0">
                  <a:pos x="connsiteX641" y="connsiteY641"/>
                </a:cxn>
                <a:cxn ang="0">
                  <a:pos x="connsiteX642" y="connsiteY642"/>
                </a:cxn>
                <a:cxn ang="0">
                  <a:pos x="connsiteX643" y="connsiteY643"/>
                </a:cxn>
                <a:cxn ang="0">
                  <a:pos x="connsiteX644" y="connsiteY644"/>
                </a:cxn>
                <a:cxn ang="0">
                  <a:pos x="connsiteX645" y="connsiteY645"/>
                </a:cxn>
                <a:cxn ang="0">
                  <a:pos x="connsiteX646" y="connsiteY646"/>
                </a:cxn>
                <a:cxn ang="0">
                  <a:pos x="connsiteX647" y="connsiteY647"/>
                </a:cxn>
                <a:cxn ang="0">
                  <a:pos x="connsiteX648" y="connsiteY648"/>
                </a:cxn>
                <a:cxn ang="0">
                  <a:pos x="connsiteX649" y="connsiteY649"/>
                </a:cxn>
                <a:cxn ang="0">
                  <a:pos x="connsiteX650" y="connsiteY650"/>
                </a:cxn>
                <a:cxn ang="0">
                  <a:pos x="connsiteX651" y="connsiteY651"/>
                </a:cxn>
                <a:cxn ang="0">
                  <a:pos x="connsiteX652" y="connsiteY652"/>
                </a:cxn>
                <a:cxn ang="0">
                  <a:pos x="connsiteX653" y="connsiteY653"/>
                </a:cxn>
                <a:cxn ang="0">
                  <a:pos x="connsiteX654" y="connsiteY654"/>
                </a:cxn>
                <a:cxn ang="0">
                  <a:pos x="connsiteX655" y="connsiteY655"/>
                </a:cxn>
                <a:cxn ang="0">
                  <a:pos x="connsiteX656" y="connsiteY656"/>
                </a:cxn>
                <a:cxn ang="0">
                  <a:pos x="connsiteX657" y="connsiteY657"/>
                </a:cxn>
                <a:cxn ang="0">
                  <a:pos x="connsiteX658" y="connsiteY658"/>
                </a:cxn>
                <a:cxn ang="0">
                  <a:pos x="connsiteX659" y="connsiteY659"/>
                </a:cxn>
                <a:cxn ang="0">
                  <a:pos x="connsiteX660" y="connsiteY660"/>
                </a:cxn>
                <a:cxn ang="0">
                  <a:pos x="connsiteX661" y="connsiteY661"/>
                </a:cxn>
                <a:cxn ang="0">
                  <a:pos x="connsiteX662" y="connsiteY662"/>
                </a:cxn>
                <a:cxn ang="0">
                  <a:pos x="connsiteX663" y="connsiteY663"/>
                </a:cxn>
                <a:cxn ang="0">
                  <a:pos x="connsiteX664" y="connsiteY664"/>
                </a:cxn>
                <a:cxn ang="0">
                  <a:pos x="connsiteX665" y="connsiteY665"/>
                </a:cxn>
                <a:cxn ang="0">
                  <a:pos x="connsiteX666" y="connsiteY666"/>
                </a:cxn>
                <a:cxn ang="0">
                  <a:pos x="connsiteX667" y="connsiteY667"/>
                </a:cxn>
                <a:cxn ang="0">
                  <a:pos x="connsiteX668" y="connsiteY668"/>
                </a:cxn>
                <a:cxn ang="0">
                  <a:pos x="connsiteX669" y="connsiteY669"/>
                </a:cxn>
                <a:cxn ang="0">
                  <a:pos x="connsiteX670" y="connsiteY670"/>
                </a:cxn>
                <a:cxn ang="0">
                  <a:pos x="connsiteX671" y="connsiteY671"/>
                </a:cxn>
                <a:cxn ang="0">
                  <a:pos x="connsiteX672" y="connsiteY672"/>
                </a:cxn>
                <a:cxn ang="0">
                  <a:pos x="connsiteX673" y="connsiteY673"/>
                </a:cxn>
                <a:cxn ang="0">
                  <a:pos x="connsiteX674" y="connsiteY674"/>
                </a:cxn>
                <a:cxn ang="0">
                  <a:pos x="connsiteX675" y="connsiteY675"/>
                </a:cxn>
                <a:cxn ang="0">
                  <a:pos x="connsiteX676" y="connsiteY676"/>
                </a:cxn>
                <a:cxn ang="0">
                  <a:pos x="connsiteX677" y="connsiteY677"/>
                </a:cxn>
                <a:cxn ang="0">
                  <a:pos x="connsiteX678" y="connsiteY678"/>
                </a:cxn>
                <a:cxn ang="0">
                  <a:pos x="connsiteX679" y="connsiteY679"/>
                </a:cxn>
                <a:cxn ang="0">
                  <a:pos x="connsiteX680" y="connsiteY680"/>
                </a:cxn>
                <a:cxn ang="0">
                  <a:pos x="connsiteX681" y="connsiteY681"/>
                </a:cxn>
                <a:cxn ang="0">
                  <a:pos x="connsiteX682" y="connsiteY682"/>
                </a:cxn>
                <a:cxn ang="0">
                  <a:pos x="connsiteX683" y="connsiteY683"/>
                </a:cxn>
                <a:cxn ang="0">
                  <a:pos x="connsiteX684" y="connsiteY684"/>
                </a:cxn>
                <a:cxn ang="0">
                  <a:pos x="connsiteX685" y="connsiteY685"/>
                </a:cxn>
                <a:cxn ang="0">
                  <a:pos x="connsiteX686" y="connsiteY686"/>
                </a:cxn>
                <a:cxn ang="0">
                  <a:pos x="connsiteX687" y="connsiteY687"/>
                </a:cxn>
                <a:cxn ang="0">
                  <a:pos x="connsiteX688" y="connsiteY688"/>
                </a:cxn>
                <a:cxn ang="0">
                  <a:pos x="connsiteX689" y="connsiteY689"/>
                </a:cxn>
                <a:cxn ang="0">
                  <a:pos x="connsiteX690" y="connsiteY690"/>
                </a:cxn>
                <a:cxn ang="0">
                  <a:pos x="connsiteX691" y="connsiteY691"/>
                </a:cxn>
                <a:cxn ang="0">
                  <a:pos x="connsiteX692" y="connsiteY692"/>
                </a:cxn>
                <a:cxn ang="0">
                  <a:pos x="connsiteX693" y="connsiteY693"/>
                </a:cxn>
                <a:cxn ang="0">
                  <a:pos x="connsiteX694" y="connsiteY694"/>
                </a:cxn>
                <a:cxn ang="0">
                  <a:pos x="connsiteX695" y="connsiteY695"/>
                </a:cxn>
                <a:cxn ang="0">
                  <a:pos x="connsiteX696" y="connsiteY696"/>
                </a:cxn>
                <a:cxn ang="0">
                  <a:pos x="connsiteX697" y="connsiteY697"/>
                </a:cxn>
                <a:cxn ang="0">
                  <a:pos x="connsiteX698" y="connsiteY698"/>
                </a:cxn>
                <a:cxn ang="0">
                  <a:pos x="connsiteX699" y="connsiteY699"/>
                </a:cxn>
                <a:cxn ang="0">
                  <a:pos x="connsiteX700" y="connsiteY700"/>
                </a:cxn>
                <a:cxn ang="0">
                  <a:pos x="connsiteX701" y="connsiteY701"/>
                </a:cxn>
                <a:cxn ang="0">
                  <a:pos x="connsiteX702" y="connsiteY702"/>
                </a:cxn>
                <a:cxn ang="0">
                  <a:pos x="connsiteX703" y="connsiteY703"/>
                </a:cxn>
                <a:cxn ang="0">
                  <a:pos x="connsiteX704" y="connsiteY704"/>
                </a:cxn>
                <a:cxn ang="0">
                  <a:pos x="connsiteX705" y="connsiteY705"/>
                </a:cxn>
                <a:cxn ang="0">
                  <a:pos x="connsiteX706" y="connsiteY706"/>
                </a:cxn>
                <a:cxn ang="0">
                  <a:pos x="connsiteX707" y="connsiteY707"/>
                </a:cxn>
                <a:cxn ang="0">
                  <a:pos x="connsiteX708" y="connsiteY708"/>
                </a:cxn>
                <a:cxn ang="0">
                  <a:pos x="connsiteX709" y="connsiteY709"/>
                </a:cxn>
                <a:cxn ang="0">
                  <a:pos x="connsiteX710" y="connsiteY710"/>
                </a:cxn>
                <a:cxn ang="0">
                  <a:pos x="connsiteX711" y="connsiteY711"/>
                </a:cxn>
                <a:cxn ang="0">
                  <a:pos x="connsiteX712" y="connsiteY712"/>
                </a:cxn>
                <a:cxn ang="0">
                  <a:pos x="connsiteX713" y="connsiteY713"/>
                </a:cxn>
                <a:cxn ang="0">
                  <a:pos x="connsiteX714" y="connsiteY714"/>
                </a:cxn>
                <a:cxn ang="0">
                  <a:pos x="connsiteX715" y="connsiteY715"/>
                </a:cxn>
                <a:cxn ang="0">
                  <a:pos x="connsiteX716" y="connsiteY716"/>
                </a:cxn>
                <a:cxn ang="0">
                  <a:pos x="connsiteX717" y="connsiteY717"/>
                </a:cxn>
                <a:cxn ang="0">
                  <a:pos x="connsiteX718" y="connsiteY718"/>
                </a:cxn>
                <a:cxn ang="0">
                  <a:pos x="connsiteX719" y="connsiteY719"/>
                </a:cxn>
                <a:cxn ang="0">
                  <a:pos x="connsiteX720" y="connsiteY720"/>
                </a:cxn>
                <a:cxn ang="0">
                  <a:pos x="connsiteX721" y="connsiteY721"/>
                </a:cxn>
                <a:cxn ang="0">
                  <a:pos x="connsiteX722" y="connsiteY722"/>
                </a:cxn>
                <a:cxn ang="0">
                  <a:pos x="connsiteX723" y="connsiteY723"/>
                </a:cxn>
                <a:cxn ang="0">
                  <a:pos x="connsiteX724" y="connsiteY724"/>
                </a:cxn>
                <a:cxn ang="0">
                  <a:pos x="connsiteX725" y="connsiteY725"/>
                </a:cxn>
                <a:cxn ang="0">
                  <a:pos x="connsiteX726" y="connsiteY726"/>
                </a:cxn>
                <a:cxn ang="0">
                  <a:pos x="connsiteX727" y="connsiteY727"/>
                </a:cxn>
                <a:cxn ang="0">
                  <a:pos x="connsiteX728" y="connsiteY728"/>
                </a:cxn>
                <a:cxn ang="0">
                  <a:pos x="connsiteX729" y="connsiteY729"/>
                </a:cxn>
                <a:cxn ang="0">
                  <a:pos x="connsiteX730" y="connsiteY730"/>
                </a:cxn>
                <a:cxn ang="0">
                  <a:pos x="connsiteX731" y="connsiteY731"/>
                </a:cxn>
                <a:cxn ang="0">
                  <a:pos x="connsiteX732" y="connsiteY732"/>
                </a:cxn>
                <a:cxn ang="0">
                  <a:pos x="connsiteX733" y="connsiteY733"/>
                </a:cxn>
                <a:cxn ang="0">
                  <a:pos x="connsiteX734" y="connsiteY734"/>
                </a:cxn>
                <a:cxn ang="0">
                  <a:pos x="connsiteX735" y="connsiteY735"/>
                </a:cxn>
                <a:cxn ang="0">
                  <a:pos x="connsiteX736" y="connsiteY736"/>
                </a:cxn>
                <a:cxn ang="0">
                  <a:pos x="connsiteX737" y="connsiteY737"/>
                </a:cxn>
                <a:cxn ang="0">
                  <a:pos x="connsiteX738" y="connsiteY738"/>
                </a:cxn>
                <a:cxn ang="0">
                  <a:pos x="connsiteX739" y="connsiteY739"/>
                </a:cxn>
                <a:cxn ang="0">
                  <a:pos x="connsiteX740" y="connsiteY740"/>
                </a:cxn>
                <a:cxn ang="0">
                  <a:pos x="connsiteX741" y="connsiteY741"/>
                </a:cxn>
                <a:cxn ang="0">
                  <a:pos x="connsiteX742" y="connsiteY742"/>
                </a:cxn>
                <a:cxn ang="0">
                  <a:pos x="connsiteX743" y="connsiteY743"/>
                </a:cxn>
                <a:cxn ang="0">
                  <a:pos x="connsiteX744" y="connsiteY744"/>
                </a:cxn>
                <a:cxn ang="0">
                  <a:pos x="connsiteX745" y="connsiteY745"/>
                </a:cxn>
                <a:cxn ang="0">
                  <a:pos x="connsiteX746" y="connsiteY746"/>
                </a:cxn>
                <a:cxn ang="0">
                  <a:pos x="connsiteX747" y="connsiteY747"/>
                </a:cxn>
                <a:cxn ang="0">
                  <a:pos x="connsiteX748" y="connsiteY748"/>
                </a:cxn>
                <a:cxn ang="0">
                  <a:pos x="connsiteX749" y="connsiteY749"/>
                </a:cxn>
                <a:cxn ang="0">
                  <a:pos x="connsiteX750" y="connsiteY750"/>
                </a:cxn>
                <a:cxn ang="0">
                  <a:pos x="connsiteX751" y="connsiteY751"/>
                </a:cxn>
                <a:cxn ang="0">
                  <a:pos x="connsiteX752" y="connsiteY752"/>
                </a:cxn>
                <a:cxn ang="0">
                  <a:pos x="connsiteX753" y="connsiteY753"/>
                </a:cxn>
                <a:cxn ang="0">
                  <a:pos x="connsiteX754" y="connsiteY754"/>
                </a:cxn>
                <a:cxn ang="0">
                  <a:pos x="connsiteX755" y="connsiteY755"/>
                </a:cxn>
                <a:cxn ang="0">
                  <a:pos x="connsiteX756" y="connsiteY756"/>
                </a:cxn>
                <a:cxn ang="0">
                  <a:pos x="connsiteX757" y="connsiteY757"/>
                </a:cxn>
                <a:cxn ang="0">
                  <a:pos x="connsiteX758" y="connsiteY758"/>
                </a:cxn>
                <a:cxn ang="0">
                  <a:pos x="connsiteX759" y="connsiteY759"/>
                </a:cxn>
                <a:cxn ang="0">
                  <a:pos x="connsiteX760" y="connsiteY760"/>
                </a:cxn>
                <a:cxn ang="0">
                  <a:pos x="connsiteX761" y="connsiteY761"/>
                </a:cxn>
                <a:cxn ang="0">
                  <a:pos x="connsiteX762" y="connsiteY762"/>
                </a:cxn>
                <a:cxn ang="0">
                  <a:pos x="connsiteX763" y="connsiteY763"/>
                </a:cxn>
                <a:cxn ang="0">
                  <a:pos x="connsiteX764" y="connsiteY764"/>
                </a:cxn>
                <a:cxn ang="0">
                  <a:pos x="connsiteX765" y="connsiteY765"/>
                </a:cxn>
                <a:cxn ang="0">
                  <a:pos x="connsiteX766" y="connsiteY766"/>
                </a:cxn>
                <a:cxn ang="0">
                  <a:pos x="connsiteX767" y="connsiteY767"/>
                </a:cxn>
                <a:cxn ang="0">
                  <a:pos x="connsiteX768" y="connsiteY768"/>
                </a:cxn>
                <a:cxn ang="0">
                  <a:pos x="connsiteX769" y="connsiteY769"/>
                </a:cxn>
                <a:cxn ang="0">
                  <a:pos x="connsiteX770" y="connsiteY770"/>
                </a:cxn>
                <a:cxn ang="0">
                  <a:pos x="connsiteX771" y="connsiteY771"/>
                </a:cxn>
                <a:cxn ang="0">
                  <a:pos x="connsiteX772" y="connsiteY772"/>
                </a:cxn>
                <a:cxn ang="0">
                  <a:pos x="connsiteX773" y="connsiteY773"/>
                </a:cxn>
                <a:cxn ang="0">
                  <a:pos x="connsiteX774" y="connsiteY774"/>
                </a:cxn>
                <a:cxn ang="0">
                  <a:pos x="connsiteX775" y="connsiteY775"/>
                </a:cxn>
                <a:cxn ang="0">
                  <a:pos x="connsiteX776" y="connsiteY776"/>
                </a:cxn>
                <a:cxn ang="0">
                  <a:pos x="connsiteX777" y="connsiteY777"/>
                </a:cxn>
                <a:cxn ang="0">
                  <a:pos x="connsiteX778" y="connsiteY778"/>
                </a:cxn>
                <a:cxn ang="0">
                  <a:pos x="connsiteX779" y="connsiteY779"/>
                </a:cxn>
                <a:cxn ang="0">
                  <a:pos x="connsiteX780" y="connsiteY780"/>
                </a:cxn>
                <a:cxn ang="0">
                  <a:pos x="connsiteX781" y="connsiteY781"/>
                </a:cxn>
                <a:cxn ang="0">
                  <a:pos x="connsiteX782" y="connsiteY782"/>
                </a:cxn>
                <a:cxn ang="0">
                  <a:pos x="connsiteX783" y="connsiteY783"/>
                </a:cxn>
                <a:cxn ang="0">
                  <a:pos x="connsiteX784" y="connsiteY784"/>
                </a:cxn>
                <a:cxn ang="0">
                  <a:pos x="connsiteX785" y="connsiteY785"/>
                </a:cxn>
                <a:cxn ang="0">
                  <a:pos x="connsiteX786" y="connsiteY786"/>
                </a:cxn>
                <a:cxn ang="0">
                  <a:pos x="connsiteX787" y="connsiteY787"/>
                </a:cxn>
                <a:cxn ang="0">
                  <a:pos x="connsiteX788" y="connsiteY788"/>
                </a:cxn>
                <a:cxn ang="0">
                  <a:pos x="connsiteX789" y="connsiteY789"/>
                </a:cxn>
                <a:cxn ang="0">
                  <a:pos x="connsiteX790" y="connsiteY790"/>
                </a:cxn>
                <a:cxn ang="0">
                  <a:pos x="connsiteX791" y="connsiteY791"/>
                </a:cxn>
                <a:cxn ang="0">
                  <a:pos x="connsiteX792" y="connsiteY792"/>
                </a:cxn>
                <a:cxn ang="0">
                  <a:pos x="connsiteX793" y="connsiteY793"/>
                </a:cxn>
                <a:cxn ang="0">
                  <a:pos x="connsiteX794" y="connsiteY794"/>
                </a:cxn>
                <a:cxn ang="0">
                  <a:pos x="connsiteX795" y="connsiteY795"/>
                </a:cxn>
                <a:cxn ang="0">
                  <a:pos x="connsiteX796" y="connsiteY796"/>
                </a:cxn>
                <a:cxn ang="0">
                  <a:pos x="connsiteX797" y="connsiteY797"/>
                </a:cxn>
                <a:cxn ang="0">
                  <a:pos x="connsiteX798" y="connsiteY798"/>
                </a:cxn>
                <a:cxn ang="0">
                  <a:pos x="connsiteX799" y="connsiteY799"/>
                </a:cxn>
                <a:cxn ang="0">
                  <a:pos x="connsiteX800" y="connsiteY800"/>
                </a:cxn>
                <a:cxn ang="0">
                  <a:pos x="connsiteX801" y="connsiteY801"/>
                </a:cxn>
                <a:cxn ang="0">
                  <a:pos x="connsiteX802" y="connsiteY802"/>
                </a:cxn>
                <a:cxn ang="0">
                  <a:pos x="connsiteX803" y="connsiteY803"/>
                </a:cxn>
                <a:cxn ang="0">
                  <a:pos x="connsiteX804" y="connsiteY804"/>
                </a:cxn>
                <a:cxn ang="0">
                  <a:pos x="connsiteX805" y="connsiteY805"/>
                </a:cxn>
                <a:cxn ang="0">
                  <a:pos x="connsiteX806" y="connsiteY806"/>
                </a:cxn>
                <a:cxn ang="0">
                  <a:pos x="connsiteX807" y="connsiteY807"/>
                </a:cxn>
                <a:cxn ang="0">
                  <a:pos x="connsiteX808" y="connsiteY808"/>
                </a:cxn>
                <a:cxn ang="0">
                  <a:pos x="connsiteX809" y="connsiteY809"/>
                </a:cxn>
                <a:cxn ang="0">
                  <a:pos x="connsiteX810" y="connsiteY810"/>
                </a:cxn>
                <a:cxn ang="0">
                  <a:pos x="connsiteX811" y="connsiteY811"/>
                </a:cxn>
                <a:cxn ang="0">
                  <a:pos x="connsiteX812" y="connsiteY812"/>
                </a:cxn>
                <a:cxn ang="0">
                  <a:pos x="connsiteX813" y="connsiteY813"/>
                </a:cxn>
                <a:cxn ang="0">
                  <a:pos x="connsiteX814" y="connsiteY814"/>
                </a:cxn>
                <a:cxn ang="0">
                  <a:pos x="connsiteX815" y="connsiteY815"/>
                </a:cxn>
                <a:cxn ang="0">
                  <a:pos x="connsiteX816" y="connsiteY816"/>
                </a:cxn>
                <a:cxn ang="0">
                  <a:pos x="connsiteX817" y="connsiteY817"/>
                </a:cxn>
                <a:cxn ang="0">
                  <a:pos x="connsiteX818" y="connsiteY818"/>
                </a:cxn>
                <a:cxn ang="0">
                  <a:pos x="connsiteX819" y="connsiteY819"/>
                </a:cxn>
                <a:cxn ang="0">
                  <a:pos x="connsiteX820" y="connsiteY820"/>
                </a:cxn>
                <a:cxn ang="0">
                  <a:pos x="connsiteX821" y="connsiteY821"/>
                </a:cxn>
                <a:cxn ang="0">
                  <a:pos x="connsiteX822" y="connsiteY822"/>
                </a:cxn>
                <a:cxn ang="0">
                  <a:pos x="connsiteX823" y="connsiteY823"/>
                </a:cxn>
                <a:cxn ang="0">
                  <a:pos x="connsiteX824" y="connsiteY824"/>
                </a:cxn>
                <a:cxn ang="0">
                  <a:pos x="connsiteX825" y="connsiteY825"/>
                </a:cxn>
                <a:cxn ang="0">
                  <a:pos x="connsiteX826" y="connsiteY826"/>
                </a:cxn>
                <a:cxn ang="0">
                  <a:pos x="connsiteX827" y="connsiteY827"/>
                </a:cxn>
                <a:cxn ang="0">
                  <a:pos x="connsiteX828" y="connsiteY828"/>
                </a:cxn>
                <a:cxn ang="0">
                  <a:pos x="connsiteX829" y="connsiteY829"/>
                </a:cxn>
                <a:cxn ang="0">
                  <a:pos x="connsiteX830" y="connsiteY830"/>
                </a:cxn>
                <a:cxn ang="0">
                  <a:pos x="connsiteX831" y="connsiteY831"/>
                </a:cxn>
                <a:cxn ang="0">
                  <a:pos x="connsiteX832" y="connsiteY832"/>
                </a:cxn>
                <a:cxn ang="0">
                  <a:pos x="connsiteX833" y="connsiteY833"/>
                </a:cxn>
                <a:cxn ang="0">
                  <a:pos x="connsiteX834" y="connsiteY834"/>
                </a:cxn>
                <a:cxn ang="0">
                  <a:pos x="connsiteX835" y="connsiteY835"/>
                </a:cxn>
                <a:cxn ang="0">
                  <a:pos x="connsiteX836" y="connsiteY836"/>
                </a:cxn>
                <a:cxn ang="0">
                  <a:pos x="connsiteX837" y="connsiteY837"/>
                </a:cxn>
                <a:cxn ang="0">
                  <a:pos x="connsiteX838" y="connsiteY838"/>
                </a:cxn>
                <a:cxn ang="0">
                  <a:pos x="connsiteX839" y="connsiteY839"/>
                </a:cxn>
                <a:cxn ang="0">
                  <a:pos x="connsiteX840" y="connsiteY840"/>
                </a:cxn>
                <a:cxn ang="0">
                  <a:pos x="connsiteX841" y="connsiteY841"/>
                </a:cxn>
                <a:cxn ang="0">
                  <a:pos x="connsiteX842" y="connsiteY842"/>
                </a:cxn>
                <a:cxn ang="0">
                  <a:pos x="connsiteX843" y="connsiteY843"/>
                </a:cxn>
                <a:cxn ang="0">
                  <a:pos x="connsiteX844" y="connsiteY844"/>
                </a:cxn>
                <a:cxn ang="0">
                  <a:pos x="connsiteX845" y="connsiteY845"/>
                </a:cxn>
                <a:cxn ang="0">
                  <a:pos x="connsiteX846" y="connsiteY846"/>
                </a:cxn>
                <a:cxn ang="0">
                  <a:pos x="connsiteX847" y="connsiteY847"/>
                </a:cxn>
                <a:cxn ang="0">
                  <a:pos x="connsiteX848" y="connsiteY848"/>
                </a:cxn>
                <a:cxn ang="0">
                  <a:pos x="connsiteX849" y="connsiteY849"/>
                </a:cxn>
                <a:cxn ang="0">
                  <a:pos x="connsiteX850" y="connsiteY850"/>
                </a:cxn>
                <a:cxn ang="0">
                  <a:pos x="connsiteX851" y="connsiteY851"/>
                </a:cxn>
                <a:cxn ang="0">
                  <a:pos x="connsiteX852" y="connsiteY852"/>
                </a:cxn>
                <a:cxn ang="0">
                  <a:pos x="connsiteX853" y="connsiteY853"/>
                </a:cxn>
                <a:cxn ang="0">
                  <a:pos x="connsiteX854" y="connsiteY854"/>
                </a:cxn>
                <a:cxn ang="0">
                  <a:pos x="connsiteX855" y="connsiteY855"/>
                </a:cxn>
                <a:cxn ang="0">
                  <a:pos x="connsiteX856" y="connsiteY856"/>
                </a:cxn>
                <a:cxn ang="0">
                  <a:pos x="connsiteX857" y="connsiteY857"/>
                </a:cxn>
                <a:cxn ang="0">
                  <a:pos x="connsiteX858" y="connsiteY858"/>
                </a:cxn>
                <a:cxn ang="0">
                  <a:pos x="connsiteX859" y="connsiteY859"/>
                </a:cxn>
                <a:cxn ang="0">
                  <a:pos x="connsiteX860" y="connsiteY860"/>
                </a:cxn>
                <a:cxn ang="0">
                  <a:pos x="connsiteX861" y="connsiteY861"/>
                </a:cxn>
                <a:cxn ang="0">
                  <a:pos x="connsiteX862" y="connsiteY862"/>
                </a:cxn>
                <a:cxn ang="0">
                  <a:pos x="connsiteX863" y="connsiteY863"/>
                </a:cxn>
                <a:cxn ang="0">
                  <a:pos x="connsiteX864" y="connsiteY864"/>
                </a:cxn>
                <a:cxn ang="0">
                  <a:pos x="connsiteX865" y="connsiteY865"/>
                </a:cxn>
                <a:cxn ang="0">
                  <a:pos x="connsiteX866" y="connsiteY866"/>
                </a:cxn>
                <a:cxn ang="0">
                  <a:pos x="connsiteX867" y="connsiteY867"/>
                </a:cxn>
                <a:cxn ang="0">
                  <a:pos x="connsiteX868" y="connsiteY868"/>
                </a:cxn>
                <a:cxn ang="0">
                  <a:pos x="connsiteX869" y="connsiteY869"/>
                </a:cxn>
                <a:cxn ang="0">
                  <a:pos x="connsiteX870" y="connsiteY870"/>
                </a:cxn>
                <a:cxn ang="0">
                  <a:pos x="connsiteX871" y="connsiteY871"/>
                </a:cxn>
                <a:cxn ang="0">
                  <a:pos x="connsiteX872" y="connsiteY872"/>
                </a:cxn>
                <a:cxn ang="0">
                  <a:pos x="connsiteX873" y="connsiteY873"/>
                </a:cxn>
                <a:cxn ang="0">
                  <a:pos x="connsiteX874" y="connsiteY874"/>
                </a:cxn>
                <a:cxn ang="0">
                  <a:pos x="connsiteX875" y="connsiteY875"/>
                </a:cxn>
                <a:cxn ang="0">
                  <a:pos x="connsiteX876" y="connsiteY876"/>
                </a:cxn>
                <a:cxn ang="0">
                  <a:pos x="connsiteX877" y="connsiteY877"/>
                </a:cxn>
                <a:cxn ang="0">
                  <a:pos x="connsiteX878" y="connsiteY878"/>
                </a:cxn>
                <a:cxn ang="0">
                  <a:pos x="connsiteX879" y="connsiteY879"/>
                </a:cxn>
                <a:cxn ang="0">
                  <a:pos x="connsiteX880" y="connsiteY880"/>
                </a:cxn>
                <a:cxn ang="0">
                  <a:pos x="connsiteX881" y="connsiteY881"/>
                </a:cxn>
                <a:cxn ang="0">
                  <a:pos x="connsiteX882" y="connsiteY882"/>
                </a:cxn>
                <a:cxn ang="0">
                  <a:pos x="connsiteX883" y="connsiteY883"/>
                </a:cxn>
                <a:cxn ang="0">
                  <a:pos x="connsiteX884" y="connsiteY884"/>
                </a:cxn>
                <a:cxn ang="0">
                  <a:pos x="connsiteX885" y="connsiteY885"/>
                </a:cxn>
                <a:cxn ang="0">
                  <a:pos x="connsiteX886" y="connsiteY886"/>
                </a:cxn>
                <a:cxn ang="0">
                  <a:pos x="connsiteX887" y="connsiteY887"/>
                </a:cxn>
                <a:cxn ang="0">
                  <a:pos x="connsiteX888" y="connsiteY888"/>
                </a:cxn>
                <a:cxn ang="0">
                  <a:pos x="connsiteX889" y="connsiteY889"/>
                </a:cxn>
                <a:cxn ang="0">
                  <a:pos x="connsiteX890" y="connsiteY890"/>
                </a:cxn>
                <a:cxn ang="0">
                  <a:pos x="connsiteX891" y="connsiteY891"/>
                </a:cxn>
                <a:cxn ang="0">
                  <a:pos x="connsiteX892" y="connsiteY892"/>
                </a:cxn>
                <a:cxn ang="0">
                  <a:pos x="connsiteX893" y="connsiteY893"/>
                </a:cxn>
                <a:cxn ang="0">
                  <a:pos x="connsiteX894" y="connsiteY894"/>
                </a:cxn>
                <a:cxn ang="0">
                  <a:pos x="connsiteX895" y="connsiteY895"/>
                </a:cxn>
                <a:cxn ang="0">
                  <a:pos x="connsiteX896" y="connsiteY896"/>
                </a:cxn>
                <a:cxn ang="0">
                  <a:pos x="connsiteX897" y="connsiteY897"/>
                </a:cxn>
                <a:cxn ang="0">
                  <a:pos x="connsiteX898" y="connsiteY898"/>
                </a:cxn>
                <a:cxn ang="0">
                  <a:pos x="connsiteX899" y="connsiteY899"/>
                </a:cxn>
                <a:cxn ang="0">
                  <a:pos x="connsiteX900" y="connsiteY900"/>
                </a:cxn>
                <a:cxn ang="0">
                  <a:pos x="connsiteX901" y="connsiteY901"/>
                </a:cxn>
                <a:cxn ang="0">
                  <a:pos x="connsiteX902" y="connsiteY902"/>
                </a:cxn>
                <a:cxn ang="0">
                  <a:pos x="connsiteX903" y="connsiteY903"/>
                </a:cxn>
                <a:cxn ang="0">
                  <a:pos x="connsiteX904" y="connsiteY904"/>
                </a:cxn>
                <a:cxn ang="0">
                  <a:pos x="connsiteX905" y="connsiteY905"/>
                </a:cxn>
                <a:cxn ang="0">
                  <a:pos x="connsiteX906" y="connsiteY906"/>
                </a:cxn>
                <a:cxn ang="0">
                  <a:pos x="connsiteX907" y="connsiteY907"/>
                </a:cxn>
                <a:cxn ang="0">
                  <a:pos x="connsiteX908" y="connsiteY908"/>
                </a:cxn>
                <a:cxn ang="0">
                  <a:pos x="connsiteX909" y="connsiteY909"/>
                </a:cxn>
                <a:cxn ang="0">
                  <a:pos x="connsiteX910" y="connsiteY910"/>
                </a:cxn>
                <a:cxn ang="0">
                  <a:pos x="connsiteX911" y="connsiteY911"/>
                </a:cxn>
                <a:cxn ang="0">
                  <a:pos x="connsiteX912" y="connsiteY912"/>
                </a:cxn>
                <a:cxn ang="0">
                  <a:pos x="connsiteX913" y="connsiteY913"/>
                </a:cxn>
                <a:cxn ang="0">
                  <a:pos x="connsiteX914" y="connsiteY914"/>
                </a:cxn>
                <a:cxn ang="0">
                  <a:pos x="connsiteX915" y="connsiteY915"/>
                </a:cxn>
                <a:cxn ang="0">
                  <a:pos x="connsiteX916" y="connsiteY916"/>
                </a:cxn>
                <a:cxn ang="0">
                  <a:pos x="connsiteX917" y="connsiteY917"/>
                </a:cxn>
                <a:cxn ang="0">
                  <a:pos x="connsiteX918" y="connsiteY918"/>
                </a:cxn>
                <a:cxn ang="0">
                  <a:pos x="connsiteX919" y="connsiteY919"/>
                </a:cxn>
                <a:cxn ang="0">
                  <a:pos x="connsiteX920" y="connsiteY920"/>
                </a:cxn>
                <a:cxn ang="0">
                  <a:pos x="connsiteX921" y="connsiteY921"/>
                </a:cxn>
                <a:cxn ang="0">
                  <a:pos x="connsiteX922" y="connsiteY922"/>
                </a:cxn>
                <a:cxn ang="0">
                  <a:pos x="connsiteX923" y="connsiteY923"/>
                </a:cxn>
                <a:cxn ang="0">
                  <a:pos x="connsiteX924" y="connsiteY924"/>
                </a:cxn>
                <a:cxn ang="0">
                  <a:pos x="connsiteX925" y="connsiteY925"/>
                </a:cxn>
                <a:cxn ang="0">
                  <a:pos x="connsiteX926" y="connsiteY926"/>
                </a:cxn>
                <a:cxn ang="0">
                  <a:pos x="connsiteX927" y="connsiteY927"/>
                </a:cxn>
                <a:cxn ang="0">
                  <a:pos x="connsiteX928" y="connsiteY928"/>
                </a:cxn>
                <a:cxn ang="0">
                  <a:pos x="connsiteX929" y="connsiteY929"/>
                </a:cxn>
                <a:cxn ang="0">
                  <a:pos x="connsiteX930" y="connsiteY930"/>
                </a:cxn>
                <a:cxn ang="0">
                  <a:pos x="connsiteX931" y="connsiteY931"/>
                </a:cxn>
                <a:cxn ang="0">
                  <a:pos x="connsiteX932" y="connsiteY932"/>
                </a:cxn>
                <a:cxn ang="0">
                  <a:pos x="connsiteX933" y="connsiteY933"/>
                </a:cxn>
                <a:cxn ang="0">
                  <a:pos x="connsiteX934" y="connsiteY934"/>
                </a:cxn>
                <a:cxn ang="0">
                  <a:pos x="connsiteX935" y="connsiteY935"/>
                </a:cxn>
                <a:cxn ang="0">
                  <a:pos x="connsiteX936" y="connsiteY936"/>
                </a:cxn>
                <a:cxn ang="0">
                  <a:pos x="connsiteX937" y="connsiteY937"/>
                </a:cxn>
                <a:cxn ang="0">
                  <a:pos x="connsiteX938" y="connsiteY938"/>
                </a:cxn>
                <a:cxn ang="0">
                  <a:pos x="connsiteX939" y="connsiteY939"/>
                </a:cxn>
                <a:cxn ang="0">
                  <a:pos x="connsiteX940" y="connsiteY940"/>
                </a:cxn>
                <a:cxn ang="0">
                  <a:pos x="connsiteX941" y="connsiteY941"/>
                </a:cxn>
                <a:cxn ang="0">
                  <a:pos x="connsiteX942" y="connsiteY942"/>
                </a:cxn>
                <a:cxn ang="0">
                  <a:pos x="connsiteX943" y="connsiteY943"/>
                </a:cxn>
                <a:cxn ang="0">
                  <a:pos x="connsiteX944" y="connsiteY944"/>
                </a:cxn>
                <a:cxn ang="0">
                  <a:pos x="connsiteX945" y="connsiteY945"/>
                </a:cxn>
                <a:cxn ang="0">
                  <a:pos x="connsiteX946" y="connsiteY946"/>
                </a:cxn>
                <a:cxn ang="0">
                  <a:pos x="connsiteX947" y="connsiteY947"/>
                </a:cxn>
                <a:cxn ang="0">
                  <a:pos x="connsiteX948" y="connsiteY948"/>
                </a:cxn>
                <a:cxn ang="0">
                  <a:pos x="connsiteX949" y="connsiteY949"/>
                </a:cxn>
                <a:cxn ang="0">
                  <a:pos x="connsiteX950" y="connsiteY950"/>
                </a:cxn>
                <a:cxn ang="0">
                  <a:pos x="connsiteX951" y="connsiteY951"/>
                </a:cxn>
                <a:cxn ang="0">
                  <a:pos x="connsiteX952" y="connsiteY952"/>
                </a:cxn>
                <a:cxn ang="0">
                  <a:pos x="connsiteX953" y="connsiteY953"/>
                </a:cxn>
                <a:cxn ang="0">
                  <a:pos x="connsiteX954" y="connsiteY954"/>
                </a:cxn>
                <a:cxn ang="0">
                  <a:pos x="connsiteX955" y="connsiteY955"/>
                </a:cxn>
                <a:cxn ang="0">
                  <a:pos x="connsiteX956" y="connsiteY956"/>
                </a:cxn>
                <a:cxn ang="0">
                  <a:pos x="connsiteX957" y="connsiteY957"/>
                </a:cxn>
                <a:cxn ang="0">
                  <a:pos x="connsiteX958" y="connsiteY958"/>
                </a:cxn>
                <a:cxn ang="0">
                  <a:pos x="connsiteX959" y="connsiteY959"/>
                </a:cxn>
                <a:cxn ang="0">
                  <a:pos x="connsiteX960" y="connsiteY960"/>
                </a:cxn>
                <a:cxn ang="0">
                  <a:pos x="connsiteX961" y="connsiteY961"/>
                </a:cxn>
                <a:cxn ang="0">
                  <a:pos x="connsiteX962" y="connsiteY962"/>
                </a:cxn>
                <a:cxn ang="0">
                  <a:pos x="connsiteX963" y="connsiteY963"/>
                </a:cxn>
                <a:cxn ang="0">
                  <a:pos x="connsiteX964" y="connsiteY964"/>
                </a:cxn>
                <a:cxn ang="0">
                  <a:pos x="connsiteX965" y="connsiteY965"/>
                </a:cxn>
                <a:cxn ang="0">
                  <a:pos x="connsiteX966" y="connsiteY966"/>
                </a:cxn>
                <a:cxn ang="0">
                  <a:pos x="connsiteX967" y="connsiteY967"/>
                </a:cxn>
                <a:cxn ang="0">
                  <a:pos x="connsiteX968" y="connsiteY968"/>
                </a:cxn>
                <a:cxn ang="0">
                  <a:pos x="connsiteX969" y="connsiteY969"/>
                </a:cxn>
                <a:cxn ang="0">
                  <a:pos x="connsiteX970" y="connsiteY970"/>
                </a:cxn>
                <a:cxn ang="0">
                  <a:pos x="connsiteX971" y="connsiteY971"/>
                </a:cxn>
                <a:cxn ang="0">
                  <a:pos x="connsiteX972" y="connsiteY972"/>
                </a:cxn>
                <a:cxn ang="0">
                  <a:pos x="connsiteX973" y="connsiteY973"/>
                </a:cxn>
                <a:cxn ang="0">
                  <a:pos x="connsiteX974" y="connsiteY974"/>
                </a:cxn>
                <a:cxn ang="0">
                  <a:pos x="connsiteX975" y="connsiteY975"/>
                </a:cxn>
                <a:cxn ang="0">
                  <a:pos x="connsiteX976" y="connsiteY976"/>
                </a:cxn>
                <a:cxn ang="0">
                  <a:pos x="connsiteX977" y="connsiteY977"/>
                </a:cxn>
                <a:cxn ang="0">
                  <a:pos x="connsiteX978" y="connsiteY978"/>
                </a:cxn>
                <a:cxn ang="0">
                  <a:pos x="connsiteX979" y="connsiteY979"/>
                </a:cxn>
                <a:cxn ang="0">
                  <a:pos x="connsiteX980" y="connsiteY980"/>
                </a:cxn>
                <a:cxn ang="0">
                  <a:pos x="connsiteX981" y="connsiteY981"/>
                </a:cxn>
                <a:cxn ang="0">
                  <a:pos x="connsiteX982" y="connsiteY982"/>
                </a:cxn>
                <a:cxn ang="0">
                  <a:pos x="connsiteX983" y="connsiteY983"/>
                </a:cxn>
                <a:cxn ang="0">
                  <a:pos x="connsiteX984" y="connsiteY984"/>
                </a:cxn>
                <a:cxn ang="0">
                  <a:pos x="connsiteX985" y="connsiteY985"/>
                </a:cxn>
                <a:cxn ang="0">
                  <a:pos x="connsiteX986" y="connsiteY986"/>
                </a:cxn>
                <a:cxn ang="0">
                  <a:pos x="connsiteX987" y="connsiteY987"/>
                </a:cxn>
                <a:cxn ang="0">
                  <a:pos x="connsiteX988" y="connsiteY988"/>
                </a:cxn>
                <a:cxn ang="0">
                  <a:pos x="connsiteX989" y="connsiteY989"/>
                </a:cxn>
                <a:cxn ang="0">
                  <a:pos x="connsiteX990" y="connsiteY990"/>
                </a:cxn>
                <a:cxn ang="0">
                  <a:pos x="connsiteX991" y="connsiteY991"/>
                </a:cxn>
                <a:cxn ang="0">
                  <a:pos x="connsiteX992" y="connsiteY992"/>
                </a:cxn>
                <a:cxn ang="0">
                  <a:pos x="connsiteX993" y="connsiteY993"/>
                </a:cxn>
                <a:cxn ang="0">
                  <a:pos x="connsiteX994" y="connsiteY994"/>
                </a:cxn>
                <a:cxn ang="0">
                  <a:pos x="connsiteX995" y="connsiteY995"/>
                </a:cxn>
                <a:cxn ang="0">
                  <a:pos x="connsiteX996" y="connsiteY996"/>
                </a:cxn>
                <a:cxn ang="0">
                  <a:pos x="connsiteX997" y="connsiteY997"/>
                </a:cxn>
                <a:cxn ang="0">
                  <a:pos x="connsiteX998" y="connsiteY998"/>
                </a:cxn>
                <a:cxn ang="0">
                  <a:pos x="connsiteX999" y="connsiteY999"/>
                </a:cxn>
                <a:cxn ang="0">
                  <a:pos x="connsiteX1000" y="connsiteY1000"/>
                </a:cxn>
                <a:cxn ang="0">
                  <a:pos x="connsiteX1001" y="connsiteY1001"/>
                </a:cxn>
                <a:cxn ang="0">
                  <a:pos x="connsiteX1002" y="connsiteY1002"/>
                </a:cxn>
                <a:cxn ang="0">
                  <a:pos x="connsiteX1003" y="connsiteY1003"/>
                </a:cxn>
                <a:cxn ang="0">
                  <a:pos x="connsiteX1004" y="connsiteY1004"/>
                </a:cxn>
                <a:cxn ang="0">
                  <a:pos x="connsiteX1005" y="connsiteY1005"/>
                </a:cxn>
                <a:cxn ang="0">
                  <a:pos x="connsiteX1006" y="connsiteY1006"/>
                </a:cxn>
                <a:cxn ang="0">
                  <a:pos x="connsiteX1007" y="connsiteY1007"/>
                </a:cxn>
                <a:cxn ang="0">
                  <a:pos x="connsiteX1008" y="connsiteY1008"/>
                </a:cxn>
                <a:cxn ang="0">
                  <a:pos x="connsiteX1009" y="connsiteY1009"/>
                </a:cxn>
                <a:cxn ang="0">
                  <a:pos x="connsiteX1010" y="connsiteY1010"/>
                </a:cxn>
                <a:cxn ang="0">
                  <a:pos x="connsiteX1011" y="connsiteY1011"/>
                </a:cxn>
                <a:cxn ang="0">
                  <a:pos x="connsiteX1012" y="connsiteY1012"/>
                </a:cxn>
                <a:cxn ang="0">
                  <a:pos x="connsiteX1013" y="connsiteY1013"/>
                </a:cxn>
                <a:cxn ang="0">
                  <a:pos x="connsiteX1014" y="connsiteY1014"/>
                </a:cxn>
                <a:cxn ang="0">
                  <a:pos x="connsiteX1015" y="connsiteY1015"/>
                </a:cxn>
                <a:cxn ang="0">
                  <a:pos x="connsiteX1016" y="connsiteY1016"/>
                </a:cxn>
                <a:cxn ang="0">
                  <a:pos x="connsiteX1017" y="connsiteY1017"/>
                </a:cxn>
                <a:cxn ang="0">
                  <a:pos x="connsiteX1018" y="connsiteY1018"/>
                </a:cxn>
                <a:cxn ang="0">
                  <a:pos x="connsiteX1019" y="connsiteY1019"/>
                </a:cxn>
                <a:cxn ang="0">
                  <a:pos x="connsiteX1020" y="connsiteY1020"/>
                </a:cxn>
                <a:cxn ang="0">
                  <a:pos x="connsiteX1021" y="connsiteY1021"/>
                </a:cxn>
                <a:cxn ang="0">
                  <a:pos x="connsiteX1022" y="connsiteY1022"/>
                </a:cxn>
                <a:cxn ang="0">
                  <a:pos x="connsiteX1023" y="connsiteY1023"/>
                </a:cxn>
                <a:cxn ang="0">
                  <a:pos x="connsiteX1024" y="connsiteY1024"/>
                </a:cxn>
                <a:cxn ang="0">
                  <a:pos x="connsiteX1025" y="connsiteY1025"/>
                </a:cxn>
                <a:cxn ang="0">
                  <a:pos x="connsiteX1026" y="connsiteY1026"/>
                </a:cxn>
                <a:cxn ang="0">
                  <a:pos x="connsiteX1027" y="connsiteY1027"/>
                </a:cxn>
                <a:cxn ang="0">
                  <a:pos x="connsiteX1028" y="connsiteY1028"/>
                </a:cxn>
                <a:cxn ang="0">
                  <a:pos x="connsiteX1029" y="connsiteY1029"/>
                </a:cxn>
                <a:cxn ang="0">
                  <a:pos x="connsiteX1030" y="connsiteY1030"/>
                </a:cxn>
                <a:cxn ang="0">
                  <a:pos x="connsiteX1031" y="connsiteY1031"/>
                </a:cxn>
                <a:cxn ang="0">
                  <a:pos x="connsiteX1032" y="connsiteY1032"/>
                </a:cxn>
                <a:cxn ang="0">
                  <a:pos x="connsiteX1033" y="connsiteY1033"/>
                </a:cxn>
                <a:cxn ang="0">
                  <a:pos x="connsiteX1034" y="connsiteY1034"/>
                </a:cxn>
                <a:cxn ang="0">
                  <a:pos x="connsiteX1035" y="connsiteY1035"/>
                </a:cxn>
                <a:cxn ang="0">
                  <a:pos x="connsiteX1036" y="connsiteY1036"/>
                </a:cxn>
                <a:cxn ang="0">
                  <a:pos x="connsiteX1037" y="connsiteY1037"/>
                </a:cxn>
                <a:cxn ang="0">
                  <a:pos x="connsiteX1038" y="connsiteY1038"/>
                </a:cxn>
                <a:cxn ang="0">
                  <a:pos x="connsiteX1039" y="connsiteY1039"/>
                </a:cxn>
                <a:cxn ang="0">
                  <a:pos x="connsiteX1040" y="connsiteY1040"/>
                </a:cxn>
                <a:cxn ang="0">
                  <a:pos x="connsiteX1041" y="connsiteY1041"/>
                </a:cxn>
                <a:cxn ang="0">
                  <a:pos x="connsiteX1042" y="connsiteY1042"/>
                </a:cxn>
                <a:cxn ang="0">
                  <a:pos x="connsiteX1043" y="connsiteY1043"/>
                </a:cxn>
                <a:cxn ang="0">
                  <a:pos x="connsiteX1044" y="connsiteY1044"/>
                </a:cxn>
                <a:cxn ang="0">
                  <a:pos x="connsiteX1045" y="connsiteY1045"/>
                </a:cxn>
                <a:cxn ang="0">
                  <a:pos x="connsiteX1046" y="connsiteY1046"/>
                </a:cxn>
                <a:cxn ang="0">
                  <a:pos x="connsiteX1047" y="connsiteY1047"/>
                </a:cxn>
                <a:cxn ang="0">
                  <a:pos x="connsiteX1048" y="connsiteY1048"/>
                </a:cxn>
                <a:cxn ang="0">
                  <a:pos x="connsiteX1049" y="connsiteY1049"/>
                </a:cxn>
                <a:cxn ang="0">
                  <a:pos x="connsiteX1050" y="connsiteY1050"/>
                </a:cxn>
                <a:cxn ang="0">
                  <a:pos x="connsiteX1051" y="connsiteY1051"/>
                </a:cxn>
                <a:cxn ang="0">
                  <a:pos x="connsiteX1052" y="connsiteY1052"/>
                </a:cxn>
                <a:cxn ang="0">
                  <a:pos x="connsiteX1053" y="connsiteY1053"/>
                </a:cxn>
                <a:cxn ang="0">
                  <a:pos x="connsiteX1054" y="connsiteY1054"/>
                </a:cxn>
                <a:cxn ang="0">
                  <a:pos x="connsiteX1055" y="connsiteY1055"/>
                </a:cxn>
                <a:cxn ang="0">
                  <a:pos x="connsiteX1056" y="connsiteY1056"/>
                </a:cxn>
                <a:cxn ang="0">
                  <a:pos x="connsiteX1057" y="connsiteY1057"/>
                </a:cxn>
                <a:cxn ang="0">
                  <a:pos x="connsiteX1058" y="connsiteY1058"/>
                </a:cxn>
                <a:cxn ang="0">
                  <a:pos x="connsiteX1059" y="connsiteY1059"/>
                </a:cxn>
                <a:cxn ang="0">
                  <a:pos x="connsiteX1060" y="connsiteY1060"/>
                </a:cxn>
                <a:cxn ang="0">
                  <a:pos x="connsiteX1061" y="connsiteY1061"/>
                </a:cxn>
                <a:cxn ang="0">
                  <a:pos x="connsiteX1062" y="connsiteY1062"/>
                </a:cxn>
                <a:cxn ang="0">
                  <a:pos x="connsiteX1063" y="connsiteY1063"/>
                </a:cxn>
                <a:cxn ang="0">
                  <a:pos x="connsiteX1064" y="connsiteY1064"/>
                </a:cxn>
                <a:cxn ang="0">
                  <a:pos x="connsiteX1065" y="connsiteY1065"/>
                </a:cxn>
                <a:cxn ang="0">
                  <a:pos x="connsiteX1066" y="connsiteY1066"/>
                </a:cxn>
                <a:cxn ang="0">
                  <a:pos x="connsiteX1067" y="connsiteY1067"/>
                </a:cxn>
                <a:cxn ang="0">
                  <a:pos x="connsiteX1068" y="connsiteY1068"/>
                </a:cxn>
                <a:cxn ang="0">
                  <a:pos x="connsiteX1069" y="connsiteY1069"/>
                </a:cxn>
                <a:cxn ang="0">
                  <a:pos x="connsiteX1070" y="connsiteY1070"/>
                </a:cxn>
                <a:cxn ang="0">
                  <a:pos x="connsiteX1071" y="connsiteY1071"/>
                </a:cxn>
                <a:cxn ang="0">
                  <a:pos x="connsiteX1072" y="connsiteY1072"/>
                </a:cxn>
                <a:cxn ang="0">
                  <a:pos x="connsiteX1073" y="connsiteY1073"/>
                </a:cxn>
                <a:cxn ang="0">
                  <a:pos x="connsiteX1074" y="connsiteY1074"/>
                </a:cxn>
                <a:cxn ang="0">
                  <a:pos x="connsiteX1075" y="connsiteY1075"/>
                </a:cxn>
                <a:cxn ang="0">
                  <a:pos x="connsiteX1076" y="connsiteY1076"/>
                </a:cxn>
                <a:cxn ang="0">
                  <a:pos x="connsiteX1077" y="connsiteY1077"/>
                </a:cxn>
                <a:cxn ang="0">
                  <a:pos x="connsiteX1078" y="connsiteY1078"/>
                </a:cxn>
                <a:cxn ang="0">
                  <a:pos x="connsiteX1079" y="connsiteY1079"/>
                </a:cxn>
                <a:cxn ang="0">
                  <a:pos x="connsiteX1080" y="connsiteY1080"/>
                </a:cxn>
                <a:cxn ang="0">
                  <a:pos x="connsiteX1081" y="connsiteY1081"/>
                </a:cxn>
                <a:cxn ang="0">
                  <a:pos x="connsiteX1082" y="connsiteY1082"/>
                </a:cxn>
                <a:cxn ang="0">
                  <a:pos x="connsiteX1083" y="connsiteY1083"/>
                </a:cxn>
                <a:cxn ang="0">
                  <a:pos x="connsiteX1084" y="connsiteY1084"/>
                </a:cxn>
                <a:cxn ang="0">
                  <a:pos x="connsiteX1085" y="connsiteY1085"/>
                </a:cxn>
                <a:cxn ang="0">
                  <a:pos x="connsiteX1086" y="connsiteY1086"/>
                </a:cxn>
                <a:cxn ang="0">
                  <a:pos x="connsiteX1087" y="connsiteY1087"/>
                </a:cxn>
                <a:cxn ang="0">
                  <a:pos x="connsiteX1088" y="connsiteY1088"/>
                </a:cxn>
                <a:cxn ang="0">
                  <a:pos x="connsiteX1089" y="connsiteY1089"/>
                </a:cxn>
                <a:cxn ang="0">
                  <a:pos x="connsiteX1090" y="connsiteY1090"/>
                </a:cxn>
                <a:cxn ang="0">
                  <a:pos x="connsiteX1091" y="connsiteY1091"/>
                </a:cxn>
                <a:cxn ang="0">
                  <a:pos x="connsiteX1092" y="connsiteY1092"/>
                </a:cxn>
                <a:cxn ang="0">
                  <a:pos x="connsiteX1093" y="connsiteY1093"/>
                </a:cxn>
                <a:cxn ang="0">
                  <a:pos x="connsiteX1094" y="connsiteY1094"/>
                </a:cxn>
                <a:cxn ang="0">
                  <a:pos x="connsiteX1095" y="connsiteY1095"/>
                </a:cxn>
                <a:cxn ang="0">
                  <a:pos x="connsiteX1096" y="connsiteY1096"/>
                </a:cxn>
                <a:cxn ang="0">
                  <a:pos x="connsiteX1097" y="connsiteY1097"/>
                </a:cxn>
                <a:cxn ang="0">
                  <a:pos x="connsiteX1098" y="connsiteY1098"/>
                </a:cxn>
                <a:cxn ang="0">
                  <a:pos x="connsiteX1099" y="connsiteY1099"/>
                </a:cxn>
                <a:cxn ang="0">
                  <a:pos x="connsiteX1100" y="connsiteY1100"/>
                </a:cxn>
                <a:cxn ang="0">
                  <a:pos x="connsiteX1101" y="connsiteY1101"/>
                </a:cxn>
                <a:cxn ang="0">
                  <a:pos x="connsiteX1102" y="connsiteY1102"/>
                </a:cxn>
                <a:cxn ang="0">
                  <a:pos x="connsiteX1103" y="connsiteY1103"/>
                </a:cxn>
                <a:cxn ang="0">
                  <a:pos x="connsiteX1104" y="connsiteY1104"/>
                </a:cxn>
                <a:cxn ang="0">
                  <a:pos x="connsiteX1105" y="connsiteY1105"/>
                </a:cxn>
                <a:cxn ang="0">
                  <a:pos x="connsiteX1106" y="connsiteY1106"/>
                </a:cxn>
                <a:cxn ang="0">
                  <a:pos x="connsiteX1107" y="connsiteY1107"/>
                </a:cxn>
                <a:cxn ang="0">
                  <a:pos x="connsiteX1108" y="connsiteY1108"/>
                </a:cxn>
                <a:cxn ang="0">
                  <a:pos x="connsiteX1109" y="connsiteY1109"/>
                </a:cxn>
                <a:cxn ang="0">
                  <a:pos x="connsiteX1110" y="connsiteY1110"/>
                </a:cxn>
                <a:cxn ang="0">
                  <a:pos x="connsiteX1111" y="connsiteY1111"/>
                </a:cxn>
                <a:cxn ang="0">
                  <a:pos x="connsiteX1112" y="connsiteY1112"/>
                </a:cxn>
                <a:cxn ang="0">
                  <a:pos x="connsiteX1113" y="connsiteY1113"/>
                </a:cxn>
                <a:cxn ang="0">
                  <a:pos x="connsiteX1114" y="connsiteY1114"/>
                </a:cxn>
                <a:cxn ang="0">
                  <a:pos x="connsiteX1115" y="connsiteY1115"/>
                </a:cxn>
                <a:cxn ang="0">
                  <a:pos x="connsiteX1116" y="connsiteY1116"/>
                </a:cxn>
                <a:cxn ang="0">
                  <a:pos x="connsiteX1117" y="connsiteY1117"/>
                </a:cxn>
                <a:cxn ang="0">
                  <a:pos x="connsiteX1118" y="connsiteY1118"/>
                </a:cxn>
                <a:cxn ang="0">
                  <a:pos x="connsiteX1119" y="connsiteY1119"/>
                </a:cxn>
                <a:cxn ang="0">
                  <a:pos x="connsiteX1120" y="connsiteY1120"/>
                </a:cxn>
                <a:cxn ang="0">
                  <a:pos x="connsiteX1121" y="connsiteY1121"/>
                </a:cxn>
                <a:cxn ang="0">
                  <a:pos x="connsiteX1122" y="connsiteY1122"/>
                </a:cxn>
                <a:cxn ang="0">
                  <a:pos x="connsiteX1123" y="connsiteY1123"/>
                </a:cxn>
                <a:cxn ang="0">
                  <a:pos x="connsiteX1124" y="connsiteY1124"/>
                </a:cxn>
                <a:cxn ang="0">
                  <a:pos x="connsiteX1125" y="connsiteY1125"/>
                </a:cxn>
                <a:cxn ang="0">
                  <a:pos x="connsiteX1126" y="connsiteY1126"/>
                </a:cxn>
                <a:cxn ang="0">
                  <a:pos x="connsiteX1127" y="connsiteY1127"/>
                </a:cxn>
                <a:cxn ang="0">
                  <a:pos x="connsiteX1128" y="connsiteY1128"/>
                </a:cxn>
                <a:cxn ang="0">
                  <a:pos x="connsiteX1129" y="connsiteY1129"/>
                </a:cxn>
                <a:cxn ang="0">
                  <a:pos x="connsiteX1130" y="connsiteY1130"/>
                </a:cxn>
                <a:cxn ang="0">
                  <a:pos x="connsiteX1131" y="connsiteY1131"/>
                </a:cxn>
                <a:cxn ang="0">
                  <a:pos x="connsiteX1132" y="connsiteY1132"/>
                </a:cxn>
                <a:cxn ang="0">
                  <a:pos x="connsiteX1133" y="connsiteY1133"/>
                </a:cxn>
                <a:cxn ang="0">
                  <a:pos x="connsiteX1134" y="connsiteY1134"/>
                </a:cxn>
                <a:cxn ang="0">
                  <a:pos x="connsiteX1135" y="connsiteY1135"/>
                </a:cxn>
                <a:cxn ang="0">
                  <a:pos x="connsiteX1136" y="connsiteY1136"/>
                </a:cxn>
                <a:cxn ang="0">
                  <a:pos x="connsiteX1137" y="connsiteY1137"/>
                </a:cxn>
                <a:cxn ang="0">
                  <a:pos x="connsiteX1138" y="connsiteY1138"/>
                </a:cxn>
                <a:cxn ang="0">
                  <a:pos x="connsiteX1139" y="connsiteY1139"/>
                </a:cxn>
                <a:cxn ang="0">
                  <a:pos x="connsiteX1140" y="connsiteY1140"/>
                </a:cxn>
                <a:cxn ang="0">
                  <a:pos x="connsiteX1141" y="connsiteY1141"/>
                </a:cxn>
                <a:cxn ang="0">
                  <a:pos x="connsiteX1142" y="connsiteY1142"/>
                </a:cxn>
                <a:cxn ang="0">
                  <a:pos x="connsiteX1143" y="connsiteY1143"/>
                </a:cxn>
                <a:cxn ang="0">
                  <a:pos x="connsiteX1144" y="connsiteY1144"/>
                </a:cxn>
                <a:cxn ang="0">
                  <a:pos x="connsiteX1145" y="connsiteY1145"/>
                </a:cxn>
                <a:cxn ang="0">
                  <a:pos x="connsiteX1146" y="connsiteY1146"/>
                </a:cxn>
                <a:cxn ang="0">
                  <a:pos x="connsiteX1147" y="connsiteY1147"/>
                </a:cxn>
                <a:cxn ang="0">
                  <a:pos x="connsiteX1148" y="connsiteY1148"/>
                </a:cxn>
                <a:cxn ang="0">
                  <a:pos x="connsiteX1149" y="connsiteY1149"/>
                </a:cxn>
                <a:cxn ang="0">
                  <a:pos x="connsiteX1150" y="connsiteY1150"/>
                </a:cxn>
                <a:cxn ang="0">
                  <a:pos x="connsiteX1151" y="connsiteY1151"/>
                </a:cxn>
                <a:cxn ang="0">
                  <a:pos x="connsiteX1152" y="connsiteY1152"/>
                </a:cxn>
                <a:cxn ang="0">
                  <a:pos x="connsiteX1153" y="connsiteY1153"/>
                </a:cxn>
                <a:cxn ang="0">
                  <a:pos x="connsiteX1154" y="connsiteY1154"/>
                </a:cxn>
                <a:cxn ang="0">
                  <a:pos x="connsiteX1155" y="connsiteY1155"/>
                </a:cxn>
                <a:cxn ang="0">
                  <a:pos x="connsiteX1156" y="connsiteY1156"/>
                </a:cxn>
                <a:cxn ang="0">
                  <a:pos x="connsiteX1157" y="connsiteY1157"/>
                </a:cxn>
                <a:cxn ang="0">
                  <a:pos x="connsiteX1158" y="connsiteY1158"/>
                </a:cxn>
                <a:cxn ang="0">
                  <a:pos x="connsiteX1159" y="connsiteY1159"/>
                </a:cxn>
                <a:cxn ang="0">
                  <a:pos x="connsiteX1160" y="connsiteY1160"/>
                </a:cxn>
                <a:cxn ang="0">
                  <a:pos x="connsiteX1161" y="connsiteY1161"/>
                </a:cxn>
                <a:cxn ang="0">
                  <a:pos x="connsiteX1162" y="connsiteY1162"/>
                </a:cxn>
                <a:cxn ang="0">
                  <a:pos x="connsiteX1163" y="connsiteY1163"/>
                </a:cxn>
                <a:cxn ang="0">
                  <a:pos x="connsiteX1164" y="connsiteY1164"/>
                </a:cxn>
                <a:cxn ang="0">
                  <a:pos x="connsiteX1165" y="connsiteY1165"/>
                </a:cxn>
                <a:cxn ang="0">
                  <a:pos x="connsiteX1166" y="connsiteY1166"/>
                </a:cxn>
                <a:cxn ang="0">
                  <a:pos x="connsiteX1167" y="connsiteY1167"/>
                </a:cxn>
                <a:cxn ang="0">
                  <a:pos x="connsiteX1168" y="connsiteY1168"/>
                </a:cxn>
                <a:cxn ang="0">
                  <a:pos x="connsiteX1169" y="connsiteY1169"/>
                </a:cxn>
                <a:cxn ang="0">
                  <a:pos x="connsiteX1170" y="connsiteY1170"/>
                </a:cxn>
                <a:cxn ang="0">
                  <a:pos x="connsiteX1171" y="connsiteY1171"/>
                </a:cxn>
                <a:cxn ang="0">
                  <a:pos x="connsiteX1172" y="connsiteY1172"/>
                </a:cxn>
                <a:cxn ang="0">
                  <a:pos x="connsiteX1173" y="connsiteY1173"/>
                </a:cxn>
                <a:cxn ang="0">
                  <a:pos x="connsiteX1174" y="connsiteY1174"/>
                </a:cxn>
                <a:cxn ang="0">
                  <a:pos x="connsiteX1175" y="connsiteY1175"/>
                </a:cxn>
                <a:cxn ang="0">
                  <a:pos x="connsiteX1176" y="connsiteY1176"/>
                </a:cxn>
                <a:cxn ang="0">
                  <a:pos x="connsiteX1177" y="connsiteY1177"/>
                </a:cxn>
                <a:cxn ang="0">
                  <a:pos x="connsiteX1178" y="connsiteY1178"/>
                </a:cxn>
                <a:cxn ang="0">
                  <a:pos x="connsiteX1179" y="connsiteY1179"/>
                </a:cxn>
                <a:cxn ang="0">
                  <a:pos x="connsiteX1180" y="connsiteY1180"/>
                </a:cxn>
                <a:cxn ang="0">
                  <a:pos x="connsiteX1181" y="connsiteY1181"/>
                </a:cxn>
                <a:cxn ang="0">
                  <a:pos x="connsiteX1182" y="connsiteY1182"/>
                </a:cxn>
                <a:cxn ang="0">
                  <a:pos x="connsiteX1183" y="connsiteY1183"/>
                </a:cxn>
                <a:cxn ang="0">
                  <a:pos x="connsiteX1184" y="connsiteY1184"/>
                </a:cxn>
                <a:cxn ang="0">
                  <a:pos x="connsiteX1185" y="connsiteY1185"/>
                </a:cxn>
                <a:cxn ang="0">
                  <a:pos x="connsiteX1186" y="connsiteY1186"/>
                </a:cxn>
                <a:cxn ang="0">
                  <a:pos x="connsiteX1187" y="connsiteY1187"/>
                </a:cxn>
                <a:cxn ang="0">
                  <a:pos x="connsiteX1188" y="connsiteY1188"/>
                </a:cxn>
                <a:cxn ang="0">
                  <a:pos x="connsiteX1189" y="connsiteY1189"/>
                </a:cxn>
                <a:cxn ang="0">
                  <a:pos x="connsiteX1190" y="connsiteY1190"/>
                </a:cxn>
                <a:cxn ang="0">
                  <a:pos x="connsiteX1191" y="connsiteY1191"/>
                </a:cxn>
                <a:cxn ang="0">
                  <a:pos x="connsiteX1192" y="connsiteY1192"/>
                </a:cxn>
                <a:cxn ang="0">
                  <a:pos x="connsiteX1193" y="connsiteY1193"/>
                </a:cxn>
                <a:cxn ang="0">
                  <a:pos x="connsiteX1194" y="connsiteY1194"/>
                </a:cxn>
                <a:cxn ang="0">
                  <a:pos x="connsiteX1195" y="connsiteY1195"/>
                </a:cxn>
                <a:cxn ang="0">
                  <a:pos x="connsiteX1196" y="connsiteY1196"/>
                </a:cxn>
                <a:cxn ang="0">
                  <a:pos x="connsiteX1197" y="connsiteY1197"/>
                </a:cxn>
                <a:cxn ang="0">
                  <a:pos x="connsiteX1198" y="connsiteY1198"/>
                </a:cxn>
                <a:cxn ang="0">
                  <a:pos x="connsiteX1199" y="connsiteY1199"/>
                </a:cxn>
                <a:cxn ang="0">
                  <a:pos x="connsiteX1200" y="connsiteY1200"/>
                </a:cxn>
                <a:cxn ang="0">
                  <a:pos x="connsiteX1201" y="connsiteY1201"/>
                </a:cxn>
                <a:cxn ang="0">
                  <a:pos x="connsiteX1202" y="connsiteY1202"/>
                </a:cxn>
                <a:cxn ang="0">
                  <a:pos x="connsiteX1203" y="connsiteY1203"/>
                </a:cxn>
                <a:cxn ang="0">
                  <a:pos x="connsiteX1204" y="connsiteY1204"/>
                </a:cxn>
                <a:cxn ang="0">
                  <a:pos x="connsiteX1205" y="connsiteY1205"/>
                </a:cxn>
                <a:cxn ang="0">
                  <a:pos x="connsiteX1206" y="connsiteY1206"/>
                </a:cxn>
                <a:cxn ang="0">
                  <a:pos x="connsiteX1207" y="connsiteY1207"/>
                </a:cxn>
                <a:cxn ang="0">
                  <a:pos x="connsiteX1208" y="connsiteY1208"/>
                </a:cxn>
                <a:cxn ang="0">
                  <a:pos x="connsiteX1209" y="connsiteY1209"/>
                </a:cxn>
                <a:cxn ang="0">
                  <a:pos x="connsiteX1210" y="connsiteY1210"/>
                </a:cxn>
                <a:cxn ang="0">
                  <a:pos x="connsiteX1211" y="connsiteY1211"/>
                </a:cxn>
                <a:cxn ang="0">
                  <a:pos x="connsiteX1212" y="connsiteY1212"/>
                </a:cxn>
                <a:cxn ang="0">
                  <a:pos x="connsiteX1213" y="connsiteY1213"/>
                </a:cxn>
                <a:cxn ang="0">
                  <a:pos x="connsiteX1214" y="connsiteY1214"/>
                </a:cxn>
                <a:cxn ang="0">
                  <a:pos x="connsiteX1215" y="connsiteY1215"/>
                </a:cxn>
                <a:cxn ang="0">
                  <a:pos x="connsiteX1216" y="connsiteY1216"/>
                </a:cxn>
                <a:cxn ang="0">
                  <a:pos x="connsiteX1217" y="connsiteY1217"/>
                </a:cxn>
                <a:cxn ang="0">
                  <a:pos x="connsiteX1218" y="connsiteY1218"/>
                </a:cxn>
                <a:cxn ang="0">
                  <a:pos x="connsiteX1219" y="connsiteY1219"/>
                </a:cxn>
                <a:cxn ang="0">
                  <a:pos x="connsiteX1220" y="connsiteY1220"/>
                </a:cxn>
                <a:cxn ang="0">
                  <a:pos x="connsiteX1221" y="connsiteY1221"/>
                </a:cxn>
                <a:cxn ang="0">
                  <a:pos x="connsiteX1222" y="connsiteY1222"/>
                </a:cxn>
                <a:cxn ang="0">
                  <a:pos x="connsiteX1223" y="connsiteY1223"/>
                </a:cxn>
                <a:cxn ang="0">
                  <a:pos x="connsiteX1224" y="connsiteY1224"/>
                </a:cxn>
                <a:cxn ang="0">
                  <a:pos x="connsiteX1225" y="connsiteY1225"/>
                </a:cxn>
                <a:cxn ang="0">
                  <a:pos x="connsiteX1226" y="connsiteY1226"/>
                </a:cxn>
                <a:cxn ang="0">
                  <a:pos x="connsiteX1227" y="connsiteY1227"/>
                </a:cxn>
                <a:cxn ang="0">
                  <a:pos x="connsiteX1228" y="connsiteY1228"/>
                </a:cxn>
                <a:cxn ang="0">
                  <a:pos x="connsiteX1229" y="connsiteY1229"/>
                </a:cxn>
                <a:cxn ang="0">
                  <a:pos x="connsiteX1230" y="connsiteY1230"/>
                </a:cxn>
                <a:cxn ang="0">
                  <a:pos x="connsiteX1231" y="connsiteY1231"/>
                </a:cxn>
                <a:cxn ang="0">
                  <a:pos x="connsiteX1232" y="connsiteY1232"/>
                </a:cxn>
                <a:cxn ang="0">
                  <a:pos x="connsiteX1233" y="connsiteY1233"/>
                </a:cxn>
                <a:cxn ang="0">
                  <a:pos x="connsiteX1234" y="connsiteY1234"/>
                </a:cxn>
                <a:cxn ang="0">
                  <a:pos x="connsiteX1235" y="connsiteY1235"/>
                </a:cxn>
                <a:cxn ang="0">
                  <a:pos x="connsiteX1236" y="connsiteY1236"/>
                </a:cxn>
                <a:cxn ang="0">
                  <a:pos x="connsiteX1237" y="connsiteY1237"/>
                </a:cxn>
                <a:cxn ang="0">
                  <a:pos x="connsiteX1238" y="connsiteY1238"/>
                </a:cxn>
                <a:cxn ang="0">
                  <a:pos x="connsiteX1239" y="connsiteY1239"/>
                </a:cxn>
                <a:cxn ang="0">
                  <a:pos x="connsiteX1240" y="connsiteY1240"/>
                </a:cxn>
                <a:cxn ang="0">
                  <a:pos x="connsiteX1241" y="connsiteY1241"/>
                </a:cxn>
                <a:cxn ang="0">
                  <a:pos x="connsiteX1242" y="connsiteY1242"/>
                </a:cxn>
                <a:cxn ang="0">
                  <a:pos x="connsiteX1243" y="connsiteY1243"/>
                </a:cxn>
                <a:cxn ang="0">
                  <a:pos x="connsiteX1244" y="connsiteY1244"/>
                </a:cxn>
                <a:cxn ang="0">
                  <a:pos x="connsiteX1245" y="connsiteY1245"/>
                </a:cxn>
                <a:cxn ang="0">
                  <a:pos x="connsiteX1246" y="connsiteY1246"/>
                </a:cxn>
                <a:cxn ang="0">
                  <a:pos x="connsiteX1247" y="connsiteY1247"/>
                </a:cxn>
                <a:cxn ang="0">
                  <a:pos x="connsiteX1248" y="connsiteY1248"/>
                </a:cxn>
                <a:cxn ang="0">
                  <a:pos x="connsiteX1249" y="connsiteY1249"/>
                </a:cxn>
                <a:cxn ang="0">
                  <a:pos x="connsiteX1250" y="connsiteY1250"/>
                </a:cxn>
                <a:cxn ang="0">
                  <a:pos x="connsiteX1251" y="connsiteY1251"/>
                </a:cxn>
                <a:cxn ang="0">
                  <a:pos x="connsiteX1252" y="connsiteY1252"/>
                </a:cxn>
                <a:cxn ang="0">
                  <a:pos x="connsiteX1253" y="connsiteY1253"/>
                </a:cxn>
                <a:cxn ang="0">
                  <a:pos x="connsiteX1254" y="connsiteY1254"/>
                </a:cxn>
                <a:cxn ang="0">
                  <a:pos x="connsiteX1255" y="connsiteY1255"/>
                </a:cxn>
                <a:cxn ang="0">
                  <a:pos x="connsiteX1256" y="connsiteY1256"/>
                </a:cxn>
                <a:cxn ang="0">
                  <a:pos x="connsiteX1257" y="connsiteY1257"/>
                </a:cxn>
                <a:cxn ang="0">
                  <a:pos x="connsiteX1258" y="connsiteY1258"/>
                </a:cxn>
                <a:cxn ang="0">
                  <a:pos x="connsiteX1259" y="connsiteY1259"/>
                </a:cxn>
                <a:cxn ang="0">
                  <a:pos x="connsiteX1260" y="connsiteY1260"/>
                </a:cxn>
                <a:cxn ang="0">
                  <a:pos x="connsiteX1261" y="connsiteY1261"/>
                </a:cxn>
                <a:cxn ang="0">
                  <a:pos x="connsiteX1262" y="connsiteY1262"/>
                </a:cxn>
                <a:cxn ang="0">
                  <a:pos x="connsiteX1263" y="connsiteY1263"/>
                </a:cxn>
                <a:cxn ang="0">
                  <a:pos x="connsiteX1264" y="connsiteY1264"/>
                </a:cxn>
                <a:cxn ang="0">
                  <a:pos x="connsiteX1265" y="connsiteY1265"/>
                </a:cxn>
                <a:cxn ang="0">
                  <a:pos x="connsiteX1266" y="connsiteY1266"/>
                </a:cxn>
                <a:cxn ang="0">
                  <a:pos x="connsiteX1267" y="connsiteY1267"/>
                </a:cxn>
                <a:cxn ang="0">
                  <a:pos x="connsiteX1268" y="connsiteY1268"/>
                </a:cxn>
                <a:cxn ang="0">
                  <a:pos x="connsiteX1269" y="connsiteY1269"/>
                </a:cxn>
                <a:cxn ang="0">
                  <a:pos x="connsiteX1270" y="connsiteY1270"/>
                </a:cxn>
                <a:cxn ang="0">
                  <a:pos x="connsiteX1271" y="connsiteY1271"/>
                </a:cxn>
                <a:cxn ang="0">
                  <a:pos x="connsiteX1272" y="connsiteY1272"/>
                </a:cxn>
                <a:cxn ang="0">
                  <a:pos x="connsiteX1273" y="connsiteY1273"/>
                </a:cxn>
                <a:cxn ang="0">
                  <a:pos x="connsiteX1274" y="connsiteY1274"/>
                </a:cxn>
                <a:cxn ang="0">
                  <a:pos x="connsiteX1275" y="connsiteY1275"/>
                </a:cxn>
                <a:cxn ang="0">
                  <a:pos x="connsiteX1276" y="connsiteY1276"/>
                </a:cxn>
                <a:cxn ang="0">
                  <a:pos x="connsiteX1277" y="connsiteY1277"/>
                </a:cxn>
                <a:cxn ang="0">
                  <a:pos x="connsiteX1278" y="connsiteY1278"/>
                </a:cxn>
                <a:cxn ang="0">
                  <a:pos x="connsiteX1279" y="connsiteY1279"/>
                </a:cxn>
                <a:cxn ang="0">
                  <a:pos x="connsiteX1280" y="connsiteY1280"/>
                </a:cxn>
                <a:cxn ang="0">
                  <a:pos x="connsiteX1281" y="connsiteY1281"/>
                </a:cxn>
                <a:cxn ang="0">
                  <a:pos x="connsiteX1282" y="connsiteY1282"/>
                </a:cxn>
                <a:cxn ang="0">
                  <a:pos x="connsiteX1283" y="connsiteY1283"/>
                </a:cxn>
                <a:cxn ang="0">
                  <a:pos x="connsiteX1284" y="connsiteY1284"/>
                </a:cxn>
                <a:cxn ang="0">
                  <a:pos x="connsiteX1285" y="connsiteY1285"/>
                </a:cxn>
                <a:cxn ang="0">
                  <a:pos x="connsiteX1286" y="connsiteY1286"/>
                </a:cxn>
                <a:cxn ang="0">
                  <a:pos x="connsiteX1287" y="connsiteY1287"/>
                </a:cxn>
                <a:cxn ang="0">
                  <a:pos x="connsiteX1288" y="connsiteY1288"/>
                </a:cxn>
                <a:cxn ang="0">
                  <a:pos x="connsiteX1289" y="connsiteY1289"/>
                </a:cxn>
                <a:cxn ang="0">
                  <a:pos x="connsiteX1290" y="connsiteY1290"/>
                </a:cxn>
                <a:cxn ang="0">
                  <a:pos x="connsiteX1291" y="connsiteY1291"/>
                </a:cxn>
                <a:cxn ang="0">
                  <a:pos x="connsiteX1292" y="connsiteY1292"/>
                </a:cxn>
                <a:cxn ang="0">
                  <a:pos x="connsiteX1293" y="connsiteY1293"/>
                </a:cxn>
                <a:cxn ang="0">
                  <a:pos x="connsiteX1294" y="connsiteY1294"/>
                </a:cxn>
                <a:cxn ang="0">
                  <a:pos x="connsiteX1295" y="connsiteY1295"/>
                </a:cxn>
                <a:cxn ang="0">
                  <a:pos x="connsiteX1296" y="connsiteY1296"/>
                </a:cxn>
                <a:cxn ang="0">
                  <a:pos x="connsiteX1297" y="connsiteY1297"/>
                </a:cxn>
                <a:cxn ang="0">
                  <a:pos x="connsiteX1298" y="connsiteY1298"/>
                </a:cxn>
                <a:cxn ang="0">
                  <a:pos x="connsiteX1299" y="connsiteY1299"/>
                </a:cxn>
                <a:cxn ang="0">
                  <a:pos x="connsiteX1300" y="connsiteY1300"/>
                </a:cxn>
                <a:cxn ang="0">
                  <a:pos x="connsiteX1301" y="connsiteY1301"/>
                </a:cxn>
                <a:cxn ang="0">
                  <a:pos x="connsiteX1302" y="connsiteY1302"/>
                </a:cxn>
                <a:cxn ang="0">
                  <a:pos x="connsiteX1303" y="connsiteY1303"/>
                </a:cxn>
                <a:cxn ang="0">
                  <a:pos x="connsiteX1304" y="connsiteY1304"/>
                </a:cxn>
                <a:cxn ang="0">
                  <a:pos x="connsiteX1305" y="connsiteY1305"/>
                </a:cxn>
                <a:cxn ang="0">
                  <a:pos x="connsiteX1306" y="connsiteY1306"/>
                </a:cxn>
                <a:cxn ang="0">
                  <a:pos x="connsiteX1307" y="connsiteY1307"/>
                </a:cxn>
                <a:cxn ang="0">
                  <a:pos x="connsiteX1308" y="connsiteY1308"/>
                </a:cxn>
                <a:cxn ang="0">
                  <a:pos x="connsiteX1309" y="connsiteY1309"/>
                </a:cxn>
                <a:cxn ang="0">
                  <a:pos x="connsiteX1310" y="connsiteY1310"/>
                </a:cxn>
                <a:cxn ang="0">
                  <a:pos x="connsiteX1311" y="connsiteY1311"/>
                </a:cxn>
                <a:cxn ang="0">
                  <a:pos x="connsiteX1312" y="connsiteY1312"/>
                </a:cxn>
                <a:cxn ang="0">
                  <a:pos x="connsiteX1313" y="connsiteY1313"/>
                </a:cxn>
                <a:cxn ang="0">
                  <a:pos x="connsiteX1314" y="connsiteY1314"/>
                </a:cxn>
                <a:cxn ang="0">
                  <a:pos x="connsiteX1315" y="connsiteY1315"/>
                </a:cxn>
                <a:cxn ang="0">
                  <a:pos x="connsiteX1316" y="connsiteY1316"/>
                </a:cxn>
                <a:cxn ang="0">
                  <a:pos x="connsiteX1317" y="connsiteY1317"/>
                </a:cxn>
                <a:cxn ang="0">
                  <a:pos x="connsiteX1318" y="connsiteY1318"/>
                </a:cxn>
                <a:cxn ang="0">
                  <a:pos x="connsiteX1319" y="connsiteY1319"/>
                </a:cxn>
                <a:cxn ang="0">
                  <a:pos x="connsiteX1320" y="connsiteY1320"/>
                </a:cxn>
                <a:cxn ang="0">
                  <a:pos x="connsiteX1321" y="connsiteY1321"/>
                </a:cxn>
                <a:cxn ang="0">
                  <a:pos x="connsiteX1322" y="connsiteY1322"/>
                </a:cxn>
                <a:cxn ang="0">
                  <a:pos x="connsiteX1323" y="connsiteY1323"/>
                </a:cxn>
                <a:cxn ang="0">
                  <a:pos x="connsiteX1324" y="connsiteY1324"/>
                </a:cxn>
                <a:cxn ang="0">
                  <a:pos x="connsiteX1325" y="connsiteY1325"/>
                </a:cxn>
                <a:cxn ang="0">
                  <a:pos x="connsiteX1326" y="connsiteY1326"/>
                </a:cxn>
                <a:cxn ang="0">
                  <a:pos x="connsiteX1327" y="connsiteY1327"/>
                </a:cxn>
                <a:cxn ang="0">
                  <a:pos x="connsiteX1328" y="connsiteY1328"/>
                </a:cxn>
                <a:cxn ang="0">
                  <a:pos x="connsiteX1329" y="connsiteY1329"/>
                </a:cxn>
                <a:cxn ang="0">
                  <a:pos x="connsiteX1330" y="connsiteY1330"/>
                </a:cxn>
                <a:cxn ang="0">
                  <a:pos x="connsiteX1331" y="connsiteY1331"/>
                </a:cxn>
                <a:cxn ang="0">
                  <a:pos x="connsiteX1332" y="connsiteY1332"/>
                </a:cxn>
                <a:cxn ang="0">
                  <a:pos x="connsiteX1333" y="connsiteY1333"/>
                </a:cxn>
                <a:cxn ang="0">
                  <a:pos x="connsiteX1334" y="connsiteY1334"/>
                </a:cxn>
                <a:cxn ang="0">
                  <a:pos x="connsiteX1335" y="connsiteY1335"/>
                </a:cxn>
                <a:cxn ang="0">
                  <a:pos x="connsiteX1336" y="connsiteY1336"/>
                </a:cxn>
                <a:cxn ang="0">
                  <a:pos x="connsiteX1337" y="connsiteY1337"/>
                </a:cxn>
                <a:cxn ang="0">
                  <a:pos x="connsiteX1338" y="connsiteY1338"/>
                </a:cxn>
                <a:cxn ang="0">
                  <a:pos x="connsiteX1339" y="connsiteY1339"/>
                </a:cxn>
                <a:cxn ang="0">
                  <a:pos x="connsiteX1340" y="connsiteY1340"/>
                </a:cxn>
                <a:cxn ang="0">
                  <a:pos x="connsiteX1341" y="connsiteY1341"/>
                </a:cxn>
                <a:cxn ang="0">
                  <a:pos x="connsiteX1342" y="connsiteY1342"/>
                </a:cxn>
                <a:cxn ang="0">
                  <a:pos x="connsiteX1343" y="connsiteY1343"/>
                </a:cxn>
                <a:cxn ang="0">
                  <a:pos x="connsiteX1344" y="connsiteY1344"/>
                </a:cxn>
                <a:cxn ang="0">
                  <a:pos x="connsiteX1345" y="connsiteY1345"/>
                </a:cxn>
                <a:cxn ang="0">
                  <a:pos x="connsiteX1346" y="connsiteY1346"/>
                </a:cxn>
                <a:cxn ang="0">
                  <a:pos x="connsiteX1347" y="connsiteY1347"/>
                </a:cxn>
                <a:cxn ang="0">
                  <a:pos x="connsiteX1348" y="connsiteY1348"/>
                </a:cxn>
                <a:cxn ang="0">
                  <a:pos x="connsiteX1349" y="connsiteY1349"/>
                </a:cxn>
                <a:cxn ang="0">
                  <a:pos x="connsiteX1350" y="connsiteY1350"/>
                </a:cxn>
                <a:cxn ang="0">
                  <a:pos x="connsiteX1351" y="connsiteY1351"/>
                </a:cxn>
                <a:cxn ang="0">
                  <a:pos x="connsiteX1352" y="connsiteY1352"/>
                </a:cxn>
                <a:cxn ang="0">
                  <a:pos x="connsiteX1353" y="connsiteY1353"/>
                </a:cxn>
                <a:cxn ang="0">
                  <a:pos x="connsiteX1354" y="connsiteY1354"/>
                </a:cxn>
                <a:cxn ang="0">
                  <a:pos x="connsiteX1355" y="connsiteY1355"/>
                </a:cxn>
                <a:cxn ang="0">
                  <a:pos x="connsiteX1356" y="connsiteY1356"/>
                </a:cxn>
                <a:cxn ang="0">
                  <a:pos x="connsiteX1357" y="connsiteY1357"/>
                </a:cxn>
                <a:cxn ang="0">
                  <a:pos x="connsiteX1358" y="connsiteY1358"/>
                </a:cxn>
                <a:cxn ang="0">
                  <a:pos x="connsiteX1359" y="connsiteY1359"/>
                </a:cxn>
                <a:cxn ang="0">
                  <a:pos x="connsiteX1360" y="connsiteY1360"/>
                </a:cxn>
                <a:cxn ang="0">
                  <a:pos x="connsiteX1361" y="connsiteY1361"/>
                </a:cxn>
                <a:cxn ang="0">
                  <a:pos x="connsiteX1362" y="connsiteY1362"/>
                </a:cxn>
                <a:cxn ang="0">
                  <a:pos x="connsiteX1363" y="connsiteY1363"/>
                </a:cxn>
                <a:cxn ang="0">
                  <a:pos x="connsiteX1364" y="connsiteY1364"/>
                </a:cxn>
                <a:cxn ang="0">
                  <a:pos x="connsiteX1365" y="connsiteY1365"/>
                </a:cxn>
                <a:cxn ang="0">
                  <a:pos x="connsiteX1366" y="connsiteY1366"/>
                </a:cxn>
                <a:cxn ang="0">
                  <a:pos x="connsiteX1367" y="connsiteY1367"/>
                </a:cxn>
                <a:cxn ang="0">
                  <a:pos x="connsiteX1368" y="connsiteY1368"/>
                </a:cxn>
                <a:cxn ang="0">
                  <a:pos x="connsiteX1369" y="connsiteY1369"/>
                </a:cxn>
                <a:cxn ang="0">
                  <a:pos x="connsiteX1370" y="connsiteY1370"/>
                </a:cxn>
                <a:cxn ang="0">
                  <a:pos x="connsiteX1371" y="connsiteY1371"/>
                </a:cxn>
                <a:cxn ang="0">
                  <a:pos x="connsiteX1372" y="connsiteY1372"/>
                </a:cxn>
                <a:cxn ang="0">
                  <a:pos x="connsiteX1373" y="connsiteY1373"/>
                </a:cxn>
                <a:cxn ang="0">
                  <a:pos x="connsiteX1374" y="connsiteY1374"/>
                </a:cxn>
                <a:cxn ang="0">
                  <a:pos x="connsiteX1375" y="connsiteY1375"/>
                </a:cxn>
                <a:cxn ang="0">
                  <a:pos x="connsiteX1376" y="connsiteY1376"/>
                </a:cxn>
                <a:cxn ang="0">
                  <a:pos x="connsiteX1377" y="connsiteY1377"/>
                </a:cxn>
                <a:cxn ang="0">
                  <a:pos x="connsiteX1378" y="connsiteY1378"/>
                </a:cxn>
                <a:cxn ang="0">
                  <a:pos x="connsiteX1379" y="connsiteY1379"/>
                </a:cxn>
                <a:cxn ang="0">
                  <a:pos x="connsiteX1380" y="connsiteY1380"/>
                </a:cxn>
                <a:cxn ang="0">
                  <a:pos x="connsiteX1381" y="connsiteY1381"/>
                </a:cxn>
                <a:cxn ang="0">
                  <a:pos x="connsiteX1382" y="connsiteY1382"/>
                </a:cxn>
                <a:cxn ang="0">
                  <a:pos x="connsiteX1383" y="connsiteY1383"/>
                </a:cxn>
                <a:cxn ang="0">
                  <a:pos x="connsiteX1384" y="connsiteY1384"/>
                </a:cxn>
                <a:cxn ang="0">
                  <a:pos x="connsiteX1385" y="connsiteY1385"/>
                </a:cxn>
                <a:cxn ang="0">
                  <a:pos x="connsiteX1386" y="connsiteY1386"/>
                </a:cxn>
                <a:cxn ang="0">
                  <a:pos x="connsiteX1387" y="connsiteY1387"/>
                </a:cxn>
                <a:cxn ang="0">
                  <a:pos x="connsiteX1388" y="connsiteY1388"/>
                </a:cxn>
                <a:cxn ang="0">
                  <a:pos x="connsiteX1389" y="connsiteY1389"/>
                </a:cxn>
                <a:cxn ang="0">
                  <a:pos x="connsiteX1390" y="connsiteY1390"/>
                </a:cxn>
                <a:cxn ang="0">
                  <a:pos x="connsiteX1391" y="connsiteY1391"/>
                </a:cxn>
                <a:cxn ang="0">
                  <a:pos x="connsiteX1392" y="connsiteY1392"/>
                </a:cxn>
                <a:cxn ang="0">
                  <a:pos x="connsiteX1393" y="connsiteY1393"/>
                </a:cxn>
                <a:cxn ang="0">
                  <a:pos x="connsiteX1394" y="connsiteY1394"/>
                </a:cxn>
                <a:cxn ang="0">
                  <a:pos x="connsiteX1395" y="connsiteY1395"/>
                </a:cxn>
                <a:cxn ang="0">
                  <a:pos x="connsiteX1396" y="connsiteY1396"/>
                </a:cxn>
                <a:cxn ang="0">
                  <a:pos x="connsiteX1397" y="connsiteY1397"/>
                </a:cxn>
                <a:cxn ang="0">
                  <a:pos x="connsiteX1398" y="connsiteY1398"/>
                </a:cxn>
                <a:cxn ang="0">
                  <a:pos x="connsiteX1399" y="connsiteY1399"/>
                </a:cxn>
                <a:cxn ang="0">
                  <a:pos x="connsiteX1400" y="connsiteY1400"/>
                </a:cxn>
                <a:cxn ang="0">
                  <a:pos x="connsiteX1401" y="connsiteY1401"/>
                </a:cxn>
                <a:cxn ang="0">
                  <a:pos x="connsiteX1402" y="connsiteY1402"/>
                </a:cxn>
                <a:cxn ang="0">
                  <a:pos x="connsiteX1403" y="connsiteY1403"/>
                </a:cxn>
                <a:cxn ang="0">
                  <a:pos x="connsiteX1404" y="connsiteY1404"/>
                </a:cxn>
                <a:cxn ang="0">
                  <a:pos x="connsiteX1405" y="connsiteY1405"/>
                </a:cxn>
                <a:cxn ang="0">
                  <a:pos x="connsiteX1406" y="connsiteY1406"/>
                </a:cxn>
                <a:cxn ang="0">
                  <a:pos x="connsiteX1407" y="connsiteY1407"/>
                </a:cxn>
                <a:cxn ang="0">
                  <a:pos x="connsiteX1408" y="connsiteY1408"/>
                </a:cxn>
                <a:cxn ang="0">
                  <a:pos x="connsiteX1409" y="connsiteY1409"/>
                </a:cxn>
                <a:cxn ang="0">
                  <a:pos x="connsiteX1410" y="connsiteY1410"/>
                </a:cxn>
                <a:cxn ang="0">
                  <a:pos x="connsiteX1411" y="connsiteY1411"/>
                </a:cxn>
                <a:cxn ang="0">
                  <a:pos x="connsiteX1412" y="connsiteY1412"/>
                </a:cxn>
                <a:cxn ang="0">
                  <a:pos x="connsiteX1413" y="connsiteY1413"/>
                </a:cxn>
                <a:cxn ang="0">
                  <a:pos x="connsiteX1414" y="connsiteY1414"/>
                </a:cxn>
                <a:cxn ang="0">
                  <a:pos x="connsiteX1415" y="connsiteY1415"/>
                </a:cxn>
                <a:cxn ang="0">
                  <a:pos x="connsiteX1416" y="connsiteY1416"/>
                </a:cxn>
                <a:cxn ang="0">
                  <a:pos x="connsiteX1417" y="connsiteY1417"/>
                </a:cxn>
                <a:cxn ang="0">
                  <a:pos x="connsiteX1418" y="connsiteY1418"/>
                </a:cxn>
                <a:cxn ang="0">
                  <a:pos x="connsiteX1419" y="connsiteY1419"/>
                </a:cxn>
                <a:cxn ang="0">
                  <a:pos x="connsiteX1420" y="connsiteY1420"/>
                </a:cxn>
                <a:cxn ang="0">
                  <a:pos x="connsiteX1421" y="connsiteY1421"/>
                </a:cxn>
                <a:cxn ang="0">
                  <a:pos x="connsiteX1422" y="connsiteY1422"/>
                </a:cxn>
                <a:cxn ang="0">
                  <a:pos x="connsiteX1423" y="connsiteY1423"/>
                </a:cxn>
                <a:cxn ang="0">
                  <a:pos x="connsiteX1424" y="connsiteY1424"/>
                </a:cxn>
                <a:cxn ang="0">
                  <a:pos x="connsiteX1425" y="connsiteY1425"/>
                </a:cxn>
                <a:cxn ang="0">
                  <a:pos x="connsiteX1426" y="connsiteY1426"/>
                </a:cxn>
                <a:cxn ang="0">
                  <a:pos x="connsiteX1427" y="connsiteY1427"/>
                </a:cxn>
                <a:cxn ang="0">
                  <a:pos x="connsiteX1428" y="connsiteY1428"/>
                </a:cxn>
                <a:cxn ang="0">
                  <a:pos x="connsiteX1429" y="connsiteY1429"/>
                </a:cxn>
                <a:cxn ang="0">
                  <a:pos x="connsiteX1430" y="connsiteY1430"/>
                </a:cxn>
                <a:cxn ang="0">
                  <a:pos x="connsiteX1431" y="connsiteY1431"/>
                </a:cxn>
                <a:cxn ang="0">
                  <a:pos x="connsiteX1432" y="connsiteY1432"/>
                </a:cxn>
                <a:cxn ang="0">
                  <a:pos x="connsiteX1433" y="connsiteY1433"/>
                </a:cxn>
                <a:cxn ang="0">
                  <a:pos x="connsiteX1434" y="connsiteY1434"/>
                </a:cxn>
                <a:cxn ang="0">
                  <a:pos x="connsiteX1435" y="connsiteY1435"/>
                </a:cxn>
                <a:cxn ang="0">
                  <a:pos x="connsiteX1436" y="connsiteY1436"/>
                </a:cxn>
                <a:cxn ang="0">
                  <a:pos x="connsiteX1437" y="connsiteY1437"/>
                </a:cxn>
                <a:cxn ang="0">
                  <a:pos x="connsiteX1438" y="connsiteY1438"/>
                </a:cxn>
                <a:cxn ang="0">
                  <a:pos x="connsiteX1439" y="connsiteY1439"/>
                </a:cxn>
                <a:cxn ang="0">
                  <a:pos x="connsiteX1440" y="connsiteY1440"/>
                </a:cxn>
                <a:cxn ang="0">
                  <a:pos x="connsiteX1441" y="connsiteY1441"/>
                </a:cxn>
                <a:cxn ang="0">
                  <a:pos x="connsiteX1442" y="connsiteY1442"/>
                </a:cxn>
                <a:cxn ang="0">
                  <a:pos x="connsiteX1443" y="connsiteY1443"/>
                </a:cxn>
                <a:cxn ang="0">
                  <a:pos x="connsiteX1444" y="connsiteY1444"/>
                </a:cxn>
                <a:cxn ang="0">
                  <a:pos x="connsiteX1445" y="connsiteY1445"/>
                </a:cxn>
                <a:cxn ang="0">
                  <a:pos x="connsiteX1446" y="connsiteY1446"/>
                </a:cxn>
                <a:cxn ang="0">
                  <a:pos x="connsiteX1447" y="connsiteY1447"/>
                </a:cxn>
                <a:cxn ang="0">
                  <a:pos x="connsiteX1448" y="connsiteY1448"/>
                </a:cxn>
                <a:cxn ang="0">
                  <a:pos x="connsiteX1449" y="connsiteY1449"/>
                </a:cxn>
                <a:cxn ang="0">
                  <a:pos x="connsiteX1450" y="connsiteY1450"/>
                </a:cxn>
                <a:cxn ang="0">
                  <a:pos x="connsiteX1451" y="connsiteY1451"/>
                </a:cxn>
                <a:cxn ang="0">
                  <a:pos x="connsiteX1452" y="connsiteY1452"/>
                </a:cxn>
                <a:cxn ang="0">
                  <a:pos x="connsiteX1453" y="connsiteY1453"/>
                </a:cxn>
                <a:cxn ang="0">
                  <a:pos x="connsiteX1454" y="connsiteY1454"/>
                </a:cxn>
                <a:cxn ang="0">
                  <a:pos x="connsiteX1455" y="connsiteY1455"/>
                </a:cxn>
                <a:cxn ang="0">
                  <a:pos x="connsiteX1456" y="connsiteY1456"/>
                </a:cxn>
                <a:cxn ang="0">
                  <a:pos x="connsiteX1457" y="connsiteY1457"/>
                </a:cxn>
                <a:cxn ang="0">
                  <a:pos x="connsiteX1458" y="connsiteY1458"/>
                </a:cxn>
                <a:cxn ang="0">
                  <a:pos x="connsiteX1459" y="connsiteY1459"/>
                </a:cxn>
                <a:cxn ang="0">
                  <a:pos x="connsiteX1460" y="connsiteY1460"/>
                </a:cxn>
                <a:cxn ang="0">
                  <a:pos x="connsiteX1461" y="connsiteY1461"/>
                </a:cxn>
                <a:cxn ang="0">
                  <a:pos x="connsiteX1462" y="connsiteY1462"/>
                </a:cxn>
                <a:cxn ang="0">
                  <a:pos x="connsiteX1463" y="connsiteY1463"/>
                </a:cxn>
                <a:cxn ang="0">
                  <a:pos x="connsiteX1464" y="connsiteY1464"/>
                </a:cxn>
                <a:cxn ang="0">
                  <a:pos x="connsiteX1465" y="connsiteY1465"/>
                </a:cxn>
                <a:cxn ang="0">
                  <a:pos x="connsiteX1466" y="connsiteY1466"/>
                </a:cxn>
                <a:cxn ang="0">
                  <a:pos x="connsiteX1467" y="connsiteY1467"/>
                </a:cxn>
                <a:cxn ang="0">
                  <a:pos x="connsiteX1468" y="connsiteY1468"/>
                </a:cxn>
                <a:cxn ang="0">
                  <a:pos x="connsiteX1469" y="connsiteY1469"/>
                </a:cxn>
                <a:cxn ang="0">
                  <a:pos x="connsiteX1470" y="connsiteY1470"/>
                </a:cxn>
                <a:cxn ang="0">
                  <a:pos x="connsiteX1471" y="connsiteY1471"/>
                </a:cxn>
                <a:cxn ang="0">
                  <a:pos x="connsiteX1472" y="connsiteY1472"/>
                </a:cxn>
                <a:cxn ang="0">
                  <a:pos x="connsiteX1473" y="connsiteY1473"/>
                </a:cxn>
                <a:cxn ang="0">
                  <a:pos x="connsiteX1474" y="connsiteY1474"/>
                </a:cxn>
                <a:cxn ang="0">
                  <a:pos x="connsiteX1475" y="connsiteY1475"/>
                </a:cxn>
                <a:cxn ang="0">
                  <a:pos x="connsiteX1476" y="connsiteY1476"/>
                </a:cxn>
                <a:cxn ang="0">
                  <a:pos x="connsiteX1477" y="connsiteY1477"/>
                </a:cxn>
                <a:cxn ang="0">
                  <a:pos x="connsiteX1478" y="connsiteY1478"/>
                </a:cxn>
                <a:cxn ang="0">
                  <a:pos x="connsiteX1479" y="connsiteY1479"/>
                </a:cxn>
                <a:cxn ang="0">
                  <a:pos x="connsiteX1480" y="connsiteY1480"/>
                </a:cxn>
                <a:cxn ang="0">
                  <a:pos x="connsiteX1481" y="connsiteY1481"/>
                </a:cxn>
                <a:cxn ang="0">
                  <a:pos x="connsiteX1482" y="connsiteY1482"/>
                </a:cxn>
                <a:cxn ang="0">
                  <a:pos x="connsiteX1483" y="connsiteY1483"/>
                </a:cxn>
                <a:cxn ang="0">
                  <a:pos x="connsiteX1484" y="connsiteY1484"/>
                </a:cxn>
                <a:cxn ang="0">
                  <a:pos x="connsiteX1485" y="connsiteY1485"/>
                </a:cxn>
                <a:cxn ang="0">
                  <a:pos x="connsiteX1486" y="connsiteY1486"/>
                </a:cxn>
                <a:cxn ang="0">
                  <a:pos x="connsiteX1487" y="connsiteY1487"/>
                </a:cxn>
                <a:cxn ang="0">
                  <a:pos x="connsiteX1488" y="connsiteY1488"/>
                </a:cxn>
                <a:cxn ang="0">
                  <a:pos x="connsiteX1489" y="connsiteY1489"/>
                </a:cxn>
                <a:cxn ang="0">
                  <a:pos x="connsiteX1490" y="connsiteY1490"/>
                </a:cxn>
                <a:cxn ang="0">
                  <a:pos x="connsiteX1491" y="connsiteY1491"/>
                </a:cxn>
                <a:cxn ang="0">
                  <a:pos x="connsiteX1492" y="connsiteY1492"/>
                </a:cxn>
                <a:cxn ang="0">
                  <a:pos x="connsiteX1493" y="connsiteY1493"/>
                </a:cxn>
                <a:cxn ang="0">
                  <a:pos x="connsiteX1494" y="connsiteY1494"/>
                </a:cxn>
                <a:cxn ang="0">
                  <a:pos x="connsiteX1495" y="connsiteY1495"/>
                </a:cxn>
                <a:cxn ang="0">
                  <a:pos x="connsiteX1496" y="connsiteY1496"/>
                </a:cxn>
                <a:cxn ang="0">
                  <a:pos x="connsiteX1497" y="connsiteY1497"/>
                </a:cxn>
                <a:cxn ang="0">
                  <a:pos x="connsiteX1498" y="connsiteY1498"/>
                </a:cxn>
                <a:cxn ang="0">
                  <a:pos x="connsiteX1499" y="connsiteY1499"/>
                </a:cxn>
                <a:cxn ang="0">
                  <a:pos x="connsiteX1500" y="connsiteY1500"/>
                </a:cxn>
                <a:cxn ang="0">
                  <a:pos x="connsiteX1501" y="connsiteY1501"/>
                </a:cxn>
                <a:cxn ang="0">
                  <a:pos x="connsiteX1502" y="connsiteY1502"/>
                </a:cxn>
                <a:cxn ang="0">
                  <a:pos x="connsiteX1503" y="connsiteY1503"/>
                </a:cxn>
                <a:cxn ang="0">
                  <a:pos x="connsiteX1504" y="connsiteY1504"/>
                </a:cxn>
                <a:cxn ang="0">
                  <a:pos x="connsiteX1505" y="connsiteY1505"/>
                </a:cxn>
                <a:cxn ang="0">
                  <a:pos x="connsiteX1506" y="connsiteY1506"/>
                </a:cxn>
                <a:cxn ang="0">
                  <a:pos x="connsiteX1507" y="connsiteY1507"/>
                </a:cxn>
                <a:cxn ang="0">
                  <a:pos x="connsiteX1508" y="connsiteY1508"/>
                </a:cxn>
                <a:cxn ang="0">
                  <a:pos x="connsiteX1509" y="connsiteY1509"/>
                </a:cxn>
                <a:cxn ang="0">
                  <a:pos x="connsiteX1510" y="connsiteY1510"/>
                </a:cxn>
                <a:cxn ang="0">
                  <a:pos x="connsiteX1511" y="connsiteY1511"/>
                </a:cxn>
                <a:cxn ang="0">
                  <a:pos x="connsiteX1512" y="connsiteY1512"/>
                </a:cxn>
                <a:cxn ang="0">
                  <a:pos x="connsiteX1513" y="connsiteY1513"/>
                </a:cxn>
                <a:cxn ang="0">
                  <a:pos x="connsiteX1514" y="connsiteY1514"/>
                </a:cxn>
                <a:cxn ang="0">
                  <a:pos x="connsiteX1515" y="connsiteY1515"/>
                </a:cxn>
                <a:cxn ang="0">
                  <a:pos x="connsiteX1516" y="connsiteY1516"/>
                </a:cxn>
                <a:cxn ang="0">
                  <a:pos x="connsiteX1517" y="connsiteY1517"/>
                </a:cxn>
                <a:cxn ang="0">
                  <a:pos x="connsiteX1518" y="connsiteY1518"/>
                </a:cxn>
                <a:cxn ang="0">
                  <a:pos x="connsiteX1519" y="connsiteY1519"/>
                </a:cxn>
                <a:cxn ang="0">
                  <a:pos x="connsiteX1520" y="connsiteY1520"/>
                </a:cxn>
                <a:cxn ang="0">
                  <a:pos x="connsiteX1521" y="connsiteY1521"/>
                </a:cxn>
                <a:cxn ang="0">
                  <a:pos x="connsiteX1522" y="connsiteY1522"/>
                </a:cxn>
                <a:cxn ang="0">
                  <a:pos x="connsiteX1523" y="connsiteY1523"/>
                </a:cxn>
                <a:cxn ang="0">
                  <a:pos x="connsiteX1524" y="connsiteY1524"/>
                </a:cxn>
                <a:cxn ang="0">
                  <a:pos x="connsiteX1525" y="connsiteY1525"/>
                </a:cxn>
                <a:cxn ang="0">
                  <a:pos x="connsiteX1526" y="connsiteY1526"/>
                </a:cxn>
                <a:cxn ang="0">
                  <a:pos x="connsiteX1527" y="connsiteY1527"/>
                </a:cxn>
                <a:cxn ang="0">
                  <a:pos x="connsiteX1528" y="connsiteY1528"/>
                </a:cxn>
                <a:cxn ang="0">
                  <a:pos x="connsiteX1529" y="connsiteY1529"/>
                </a:cxn>
                <a:cxn ang="0">
                  <a:pos x="connsiteX1530" y="connsiteY1530"/>
                </a:cxn>
                <a:cxn ang="0">
                  <a:pos x="connsiteX1531" y="connsiteY1531"/>
                </a:cxn>
                <a:cxn ang="0">
                  <a:pos x="connsiteX1532" y="connsiteY1532"/>
                </a:cxn>
                <a:cxn ang="0">
                  <a:pos x="connsiteX1533" y="connsiteY1533"/>
                </a:cxn>
                <a:cxn ang="0">
                  <a:pos x="connsiteX1534" y="connsiteY1534"/>
                </a:cxn>
                <a:cxn ang="0">
                  <a:pos x="connsiteX1535" y="connsiteY1535"/>
                </a:cxn>
                <a:cxn ang="0">
                  <a:pos x="connsiteX1536" y="connsiteY1536"/>
                </a:cxn>
                <a:cxn ang="0">
                  <a:pos x="connsiteX1537" y="connsiteY1537"/>
                </a:cxn>
                <a:cxn ang="0">
                  <a:pos x="connsiteX1538" y="connsiteY1538"/>
                </a:cxn>
                <a:cxn ang="0">
                  <a:pos x="connsiteX1539" y="connsiteY1539"/>
                </a:cxn>
                <a:cxn ang="0">
                  <a:pos x="connsiteX1540" y="connsiteY1540"/>
                </a:cxn>
                <a:cxn ang="0">
                  <a:pos x="connsiteX1541" y="connsiteY1541"/>
                </a:cxn>
                <a:cxn ang="0">
                  <a:pos x="connsiteX1542" y="connsiteY1542"/>
                </a:cxn>
                <a:cxn ang="0">
                  <a:pos x="connsiteX1543" y="connsiteY1543"/>
                </a:cxn>
                <a:cxn ang="0">
                  <a:pos x="connsiteX1544" y="connsiteY1544"/>
                </a:cxn>
                <a:cxn ang="0">
                  <a:pos x="connsiteX1545" y="connsiteY1545"/>
                </a:cxn>
                <a:cxn ang="0">
                  <a:pos x="connsiteX1546" y="connsiteY1546"/>
                </a:cxn>
                <a:cxn ang="0">
                  <a:pos x="connsiteX1547" y="connsiteY1547"/>
                </a:cxn>
                <a:cxn ang="0">
                  <a:pos x="connsiteX1548" y="connsiteY1548"/>
                </a:cxn>
                <a:cxn ang="0">
                  <a:pos x="connsiteX1549" y="connsiteY1549"/>
                </a:cxn>
                <a:cxn ang="0">
                  <a:pos x="connsiteX1550" y="connsiteY1550"/>
                </a:cxn>
                <a:cxn ang="0">
                  <a:pos x="connsiteX1551" y="connsiteY1551"/>
                </a:cxn>
                <a:cxn ang="0">
                  <a:pos x="connsiteX1552" y="connsiteY1552"/>
                </a:cxn>
                <a:cxn ang="0">
                  <a:pos x="connsiteX1553" y="connsiteY1553"/>
                </a:cxn>
                <a:cxn ang="0">
                  <a:pos x="connsiteX1554" y="connsiteY1554"/>
                </a:cxn>
                <a:cxn ang="0">
                  <a:pos x="connsiteX1555" y="connsiteY1555"/>
                </a:cxn>
                <a:cxn ang="0">
                  <a:pos x="connsiteX1556" y="connsiteY1556"/>
                </a:cxn>
                <a:cxn ang="0">
                  <a:pos x="connsiteX1557" y="connsiteY1557"/>
                </a:cxn>
                <a:cxn ang="0">
                  <a:pos x="connsiteX1558" y="connsiteY1558"/>
                </a:cxn>
                <a:cxn ang="0">
                  <a:pos x="connsiteX1559" y="connsiteY1559"/>
                </a:cxn>
                <a:cxn ang="0">
                  <a:pos x="connsiteX1560" y="connsiteY1560"/>
                </a:cxn>
                <a:cxn ang="0">
                  <a:pos x="connsiteX1561" y="connsiteY1561"/>
                </a:cxn>
                <a:cxn ang="0">
                  <a:pos x="connsiteX1562" y="connsiteY1562"/>
                </a:cxn>
                <a:cxn ang="0">
                  <a:pos x="connsiteX1563" y="connsiteY1563"/>
                </a:cxn>
                <a:cxn ang="0">
                  <a:pos x="connsiteX1564" y="connsiteY1564"/>
                </a:cxn>
                <a:cxn ang="0">
                  <a:pos x="connsiteX1565" y="connsiteY1565"/>
                </a:cxn>
                <a:cxn ang="0">
                  <a:pos x="connsiteX1566" y="connsiteY1566"/>
                </a:cxn>
                <a:cxn ang="0">
                  <a:pos x="connsiteX1567" y="connsiteY1567"/>
                </a:cxn>
                <a:cxn ang="0">
                  <a:pos x="connsiteX1568" y="connsiteY1568"/>
                </a:cxn>
                <a:cxn ang="0">
                  <a:pos x="connsiteX1569" y="connsiteY1569"/>
                </a:cxn>
                <a:cxn ang="0">
                  <a:pos x="connsiteX1570" y="connsiteY1570"/>
                </a:cxn>
                <a:cxn ang="0">
                  <a:pos x="connsiteX1571" y="connsiteY1571"/>
                </a:cxn>
                <a:cxn ang="0">
                  <a:pos x="connsiteX1572" y="connsiteY1572"/>
                </a:cxn>
                <a:cxn ang="0">
                  <a:pos x="connsiteX1573" y="connsiteY1573"/>
                </a:cxn>
                <a:cxn ang="0">
                  <a:pos x="connsiteX1574" y="connsiteY1574"/>
                </a:cxn>
                <a:cxn ang="0">
                  <a:pos x="connsiteX1575" y="connsiteY1575"/>
                </a:cxn>
                <a:cxn ang="0">
                  <a:pos x="connsiteX1576" y="connsiteY1576"/>
                </a:cxn>
                <a:cxn ang="0">
                  <a:pos x="connsiteX1577" y="connsiteY1577"/>
                </a:cxn>
                <a:cxn ang="0">
                  <a:pos x="connsiteX1578" y="connsiteY1578"/>
                </a:cxn>
                <a:cxn ang="0">
                  <a:pos x="connsiteX1579" y="connsiteY1579"/>
                </a:cxn>
                <a:cxn ang="0">
                  <a:pos x="connsiteX1580" y="connsiteY1580"/>
                </a:cxn>
                <a:cxn ang="0">
                  <a:pos x="connsiteX1581" y="connsiteY1581"/>
                </a:cxn>
                <a:cxn ang="0">
                  <a:pos x="connsiteX1582" y="connsiteY1582"/>
                </a:cxn>
                <a:cxn ang="0">
                  <a:pos x="connsiteX1583" y="connsiteY1583"/>
                </a:cxn>
                <a:cxn ang="0">
                  <a:pos x="connsiteX1584" y="connsiteY1584"/>
                </a:cxn>
                <a:cxn ang="0">
                  <a:pos x="connsiteX1585" y="connsiteY1585"/>
                </a:cxn>
                <a:cxn ang="0">
                  <a:pos x="connsiteX1586" y="connsiteY1586"/>
                </a:cxn>
                <a:cxn ang="0">
                  <a:pos x="connsiteX1587" y="connsiteY1587"/>
                </a:cxn>
                <a:cxn ang="0">
                  <a:pos x="connsiteX1588" y="connsiteY1588"/>
                </a:cxn>
                <a:cxn ang="0">
                  <a:pos x="connsiteX1589" y="connsiteY1589"/>
                </a:cxn>
                <a:cxn ang="0">
                  <a:pos x="connsiteX1590" y="connsiteY1590"/>
                </a:cxn>
                <a:cxn ang="0">
                  <a:pos x="connsiteX1591" y="connsiteY1591"/>
                </a:cxn>
                <a:cxn ang="0">
                  <a:pos x="connsiteX1592" y="connsiteY1592"/>
                </a:cxn>
                <a:cxn ang="0">
                  <a:pos x="connsiteX1593" y="connsiteY1593"/>
                </a:cxn>
                <a:cxn ang="0">
                  <a:pos x="connsiteX1594" y="connsiteY1594"/>
                </a:cxn>
                <a:cxn ang="0">
                  <a:pos x="connsiteX1595" y="connsiteY1595"/>
                </a:cxn>
                <a:cxn ang="0">
                  <a:pos x="connsiteX1596" y="connsiteY1596"/>
                </a:cxn>
                <a:cxn ang="0">
                  <a:pos x="connsiteX1597" y="connsiteY1597"/>
                </a:cxn>
                <a:cxn ang="0">
                  <a:pos x="connsiteX1598" y="connsiteY1598"/>
                </a:cxn>
                <a:cxn ang="0">
                  <a:pos x="connsiteX1599" y="connsiteY1599"/>
                </a:cxn>
                <a:cxn ang="0">
                  <a:pos x="connsiteX1600" y="connsiteY1600"/>
                </a:cxn>
                <a:cxn ang="0">
                  <a:pos x="connsiteX1601" y="connsiteY1601"/>
                </a:cxn>
                <a:cxn ang="0">
                  <a:pos x="connsiteX1602" y="connsiteY1602"/>
                </a:cxn>
                <a:cxn ang="0">
                  <a:pos x="connsiteX1603" y="connsiteY1603"/>
                </a:cxn>
                <a:cxn ang="0">
                  <a:pos x="connsiteX1604" y="connsiteY1604"/>
                </a:cxn>
                <a:cxn ang="0">
                  <a:pos x="connsiteX1605" y="connsiteY1605"/>
                </a:cxn>
                <a:cxn ang="0">
                  <a:pos x="connsiteX1606" y="connsiteY1606"/>
                </a:cxn>
                <a:cxn ang="0">
                  <a:pos x="connsiteX1607" y="connsiteY1607"/>
                </a:cxn>
                <a:cxn ang="0">
                  <a:pos x="connsiteX1608" y="connsiteY1608"/>
                </a:cxn>
                <a:cxn ang="0">
                  <a:pos x="connsiteX1609" y="connsiteY1609"/>
                </a:cxn>
                <a:cxn ang="0">
                  <a:pos x="connsiteX1610" y="connsiteY1610"/>
                </a:cxn>
                <a:cxn ang="0">
                  <a:pos x="connsiteX1611" y="connsiteY1611"/>
                </a:cxn>
                <a:cxn ang="0">
                  <a:pos x="connsiteX1612" y="connsiteY1612"/>
                </a:cxn>
                <a:cxn ang="0">
                  <a:pos x="connsiteX1613" y="connsiteY1613"/>
                </a:cxn>
                <a:cxn ang="0">
                  <a:pos x="connsiteX1614" y="connsiteY1614"/>
                </a:cxn>
                <a:cxn ang="0">
                  <a:pos x="connsiteX1615" y="connsiteY1615"/>
                </a:cxn>
                <a:cxn ang="0">
                  <a:pos x="connsiteX1616" y="connsiteY1616"/>
                </a:cxn>
                <a:cxn ang="0">
                  <a:pos x="connsiteX1617" y="connsiteY1617"/>
                </a:cxn>
                <a:cxn ang="0">
                  <a:pos x="connsiteX1618" y="connsiteY1618"/>
                </a:cxn>
                <a:cxn ang="0">
                  <a:pos x="connsiteX1619" y="connsiteY1619"/>
                </a:cxn>
                <a:cxn ang="0">
                  <a:pos x="connsiteX1620" y="connsiteY1620"/>
                </a:cxn>
                <a:cxn ang="0">
                  <a:pos x="connsiteX1621" y="connsiteY1621"/>
                </a:cxn>
                <a:cxn ang="0">
                  <a:pos x="connsiteX1622" y="connsiteY1622"/>
                </a:cxn>
                <a:cxn ang="0">
                  <a:pos x="connsiteX1623" y="connsiteY1623"/>
                </a:cxn>
                <a:cxn ang="0">
                  <a:pos x="connsiteX1624" y="connsiteY1624"/>
                </a:cxn>
                <a:cxn ang="0">
                  <a:pos x="connsiteX1625" y="connsiteY1625"/>
                </a:cxn>
                <a:cxn ang="0">
                  <a:pos x="connsiteX1626" y="connsiteY1626"/>
                </a:cxn>
                <a:cxn ang="0">
                  <a:pos x="connsiteX1627" y="connsiteY1627"/>
                </a:cxn>
                <a:cxn ang="0">
                  <a:pos x="connsiteX1628" y="connsiteY1628"/>
                </a:cxn>
                <a:cxn ang="0">
                  <a:pos x="connsiteX1629" y="connsiteY1629"/>
                </a:cxn>
                <a:cxn ang="0">
                  <a:pos x="connsiteX1630" y="connsiteY1630"/>
                </a:cxn>
                <a:cxn ang="0">
                  <a:pos x="connsiteX1631" y="connsiteY1631"/>
                </a:cxn>
                <a:cxn ang="0">
                  <a:pos x="connsiteX1632" y="connsiteY1632"/>
                </a:cxn>
                <a:cxn ang="0">
                  <a:pos x="connsiteX1633" y="connsiteY1633"/>
                </a:cxn>
                <a:cxn ang="0">
                  <a:pos x="connsiteX1634" y="connsiteY1634"/>
                </a:cxn>
                <a:cxn ang="0">
                  <a:pos x="connsiteX1635" y="connsiteY1635"/>
                </a:cxn>
                <a:cxn ang="0">
                  <a:pos x="connsiteX1636" y="connsiteY1636"/>
                </a:cxn>
                <a:cxn ang="0">
                  <a:pos x="connsiteX1637" y="connsiteY1637"/>
                </a:cxn>
                <a:cxn ang="0">
                  <a:pos x="connsiteX1638" y="connsiteY1638"/>
                </a:cxn>
                <a:cxn ang="0">
                  <a:pos x="connsiteX1639" y="connsiteY1639"/>
                </a:cxn>
                <a:cxn ang="0">
                  <a:pos x="connsiteX1640" y="connsiteY1640"/>
                </a:cxn>
                <a:cxn ang="0">
                  <a:pos x="connsiteX1641" y="connsiteY1641"/>
                </a:cxn>
                <a:cxn ang="0">
                  <a:pos x="connsiteX1642" y="connsiteY1642"/>
                </a:cxn>
                <a:cxn ang="0">
                  <a:pos x="connsiteX1643" y="connsiteY1643"/>
                </a:cxn>
                <a:cxn ang="0">
                  <a:pos x="connsiteX1644" y="connsiteY1644"/>
                </a:cxn>
                <a:cxn ang="0">
                  <a:pos x="connsiteX1645" y="connsiteY1645"/>
                </a:cxn>
                <a:cxn ang="0">
                  <a:pos x="connsiteX1646" y="connsiteY1646"/>
                </a:cxn>
                <a:cxn ang="0">
                  <a:pos x="connsiteX1647" y="connsiteY1647"/>
                </a:cxn>
                <a:cxn ang="0">
                  <a:pos x="connsiteX1648" y="connsiteY1648"/>
                </a:cxn>
                <a:cxn ang="0">
                  <a:pos x="connsiteX1649" y="connsiteY1649"/>
                </a:cxn>
                <a:cxn ang="0">
                  <a:pos x="connsiteX1650" y="connsiteY1650"/>
                </a:cxn>
                <a:cxn ang="0">
                  <a:pos x="connsiteX1651" y="connsiteY1651"/>
                </a:cxn>
                <a:cxn ang="0">
                  <a:pos x="connsiteX1652" y="connsiteY1652"/>
                </a:cxn>
                <a:cxn ang="0">
                  <a:pos x="connsiteX1653" y="connsiteY1653"/>
                </a:cxn>
                <a:cxn ang="0">
                  <a:pos x="connsiteX1654" y="connsiteY1654"/>
                </a:cxn>
                <a:cxn ang="0">
                  <a:pos x="connsiteX1655" y="connsiteY1655"/>
                </a:cxn>
                <a:cxn ang="0">
                  <a:pos x="connsiteX1656" y="connsiteY1656"/>
                </a:cxn>
                <a:cxn ang="0">
                  <a:pos x="connsiteX1657" y="connsiteY1657"/>
                </a:cxn>
                <a:cxn ang="0">
                  <a:pos x="connsiteX1658" y="connsiteY1658"/>
                </a:cxn>
                <a:cxn ang="0">
                  <a:pos x="connsiteX1659" y="connsiteY1659"/>
                </a:cxn>
                <a:cxn ang="0">
                  <a:pos x="connsiteX1660" y="connsiteY1660"/>
                </a:cxn>
                <a:cxn ang="0">
                  <a:pos x="connsiteX1661" y="connsiteY1661"/>
                </a:cxn>
                <a:cxn ang="0">
                  <a:pos x="connsiteX1662" y="connsiteY1662"/>
                </a:cxn>
                <a:cxn ang="0">
                  <a:pos x="connsiteX1663" y="connsiteY1663"/>
                </a:cxn>
                <a:cxn ang="0">
                  <a:pos x="connsiteX1664" y="connsiteY1664"/>
                </a:cxn>
                <a:cxn ang="0">
                  <a:pos x="connsiteX1665" y="connsiteY1665"/>
                </a:cxn>
                <a:cxn ang="0">
                  <a:pos x="connsiteX1666" y="connsiteY1666"/>
                </a:cxn>
                <a:cxn ang="0">
                  <a:pos x="connsiteX1667" y="connsiteY1667"/>
                </a:cxn>
                <a:cxn ang="0">
                  <a:pos x="connsiteX1668" y="connsiteY1668"/>
                </a:cxn>
                <a:cxn ang="0">
                  <a:pos x="connsiteX1669" y="connsiteY1669"/>
                </a:cxn>
                <a:cxn ang="0">
                  <a:pos x="connsiteX1670" y="connsiteY1670"/>
                </a:cxn>
                <a:cxn ang="0">
                  <a:pos x="connsiteX1671" y="connsiteY1671"/>
                </a:cxn>
                <a:cxn ang="0">
                  <a:pos x="connsiteX1672" y="connsiteY1672"/>
                </a:cxn>
                <a:cxn ang="0">
                  <a:pos x="connsiteX1673" y="connsiteY1673"/>
                </a:cxn>
                <a:cxn ang="0">
                  <a:pos x="connsiteX1674" y="connsiteY1674"/>
                </a:cxn>
                <a:cxn ang="0">
                  <a:pos x="connsiteX1675" y="connsiteY1675"/>
                </a:cxn>
                <a:cxn ang="0">
                  <a:pos x="connsiteX1676" y="connsiteY1676"/>
                </a:cxn>
                <a:cxn ang="0">
                  <a:pos x="connsiteX1677" y="connsiteY1677"/>
                </a:cxn>
                <a:cxn ang="0">
                  <a:pos x="connsiteX1678" y="connsiteY1678"/>
                </a:cxn>
                <a:cxn ang="0">
                  <a:pos x="connsiteX1679" y="connsiteY1679"/>
                </a:cxn>
                <a:cxn ang="0">
                  <a:pos x="connsiteX1680" y="connsiteY1680"/>
                </a:cxn>
                <a:cxn ang="0">
                  <a:pos x="connsiteX1681" y="connsiteY1681"/>
                </a:cxn>
                <a:cxn ang="0">
                  <a:pos x="connsiteX1682" y="connsiteY1682"/>
                </a:cxn>
                <a:cxn ang="0">
                  <a:pos x="connsiteX1683" y="connsiteY1683"/>
                </a:cxn>
                <a:cxn ang="0">
                  <a:pos x="connsiteX1684" y="connsiteY1684"/>
                </a:cxn>
                <a:cxn ang="0">
                  <a:pos x="connsiteX1685" y="connsiteY1685"/>
                </a:cxn>
                <a:cxn ang="0">
                  <a:pos x="connsiteX1686" y="connsiteY1686"/>
                </a:cxn>
                <a:cxn ang="0">
                  <a:pos x="connsiteX1687" y="connsiteY1687"/>
                </a:cxn>
                <a:cxn ang="0">
                  <a:pos x="connsiteX1688" y="connsiteY1688"/>
                </a:cxn>
                <a:cxn ang="0">
                  <a:pos x="connsiteX1689" y="connsiteY1689"/>
                </a:cxn>
                <a:cxn ang="0">
                  <a:pos x="connsiteX1690" y="connsiteY1690"/>
                </a:cxn>
                <a:cxn ang="0">
                  <a:pos x="connsiteX1691" y="connsiteY1691"/>
                </a:cxn>
                <a:cxn ang="0">
                  <a:pos x="connsiteX1692" y="connsiteY1692"/>
                </a:cxn>
                <a:cxn ang="0">
                  <a:pos x="connsiteX1693" y="connsiteY1693"/>
                </a:cxn>
                <a:cxn ang="0">
                  <a:pos x="connsiteX1694" y="connsiteY1694"/>
                </a:cxn>
                <a:cxn ang="0">
                  <a:pos x="connsiteX1695" y="connsiteY1695"/>
                </a:cxn>
                <a:cxn ang="0">
                  <a:pos x="connsiteX1696" y="connsiteY1696"/>
                </a:cxn>
                <a:cxn ang="0">
                  <a:pos x="connsiteX1697" y="connsiteY1697"/>
                </a:cxn>
                <a:cxn ang="0">
                  <a:pos x="connsiteX1698" y="connsiteY1698"/>
                </a:cxn>
                <a:cxn ang="0">
                  <a:pos x="connsiteX1699" y="connsiteY1699"/>
                </a:cxn>
                <a:cxn ang="0">
                  <a:pos x="connsiteX1700" y="connsiteY1700"/>
                </a:cxn>
                <a:cxn ang="0">
                  <a:pos x="connsiteX1701" y="connsiteY1701"/>
                </a:cxn>
                <a:cxn ang="0">
                  <a:pos x="connsiteX1702" y="connsiteY1702"/>
                </a:cxn>
                <a:cxn ang="0">
                  <a:pos x="connsiteX1703" y="connsiteY1703"/>
                </a:cxn>
                <a:cxn ang="0">
                  <a:pos x="connsiteX1704" y="connsiteY1704"/>
                </a:cxn>
                <a:cxn ang="0">
                  <a:pos x="connsiteX1705" y="connsiteY1705"/>
                </a:cxn>
                <a:cxn ang="0">
                  <a:pos x="connsiteX1706" y="connsiteY1706"/>
                </a:cxn>
                <a:cxn ang="0">
                  <a:pos x="connsiteX1707" y="connsiteY1707"/>
                </a:cxn>
                <a:cxn ang="0">
                  <a:pos x="connsiteX1708" y="connsiteY1708"/>
                </a:cxn>
                <a:cxn ang="0">
                  <a:pos x="connsiteX1709" y="connsiteY1709"/>
                </a:cxn>
                <a:cxn ang="0">
                  <a:pos x="connsiteX1710" y="connsiteY1710"/>
                </a:cxn>
                <a:cxn ang="0">
                  <a:pos x="connsiteX1711" y="connsiteY1711"/>
                </a:cxn>
                <a:cxn ang="0">
                  <a:pos x="connsiteX1712" y="connsiteY1712"/>
                </a:cxn>
                <a:cxn ang="0">
                  <a:pos x="connsiteX1713" y="connsiteY1713"/>
                </a:cxn>
                <a:cxn ang="0">
                  <a:pos x="connsiteX1714" y="connsiteY1714"/>
                </a:cxn>
                <a:cxn ang="0">
                  <a:pos x="connsiteX1715" y="connsiteY1715"/>
                </a:cxn>
                <a:cxn ang="0">
                  <a:pos x="connsiteX1716" y="connsiteY1716"/>
                </a:cxn>
                <a:cxn ang="0">
                  <a:pos x="connsiteX1717" y="connsiteY1717"/>
                </a:cxn>
                <a:cxn ang="0">
                  <a:pos x="connsiteX1718" y="connsiteY1718"/>
                </a:cxn>
                <a:cxn ang="0">
                  <a:pos x="connsiteX1719" y="connsiteY1719"/>
                </a:cxn>
                <a:cxn ang="0">
                  <a:pos x="connsiteX1720" y="connsiteY1720"/>
                </a:cxn>
                <a:cxn ang="0">
                  <a:pos x="connsiteX1721" y="connsiteY1721"/>
                </a:cxn>
                <a:cxn ang="0">
                  <a:pos x="connsiteX1722" y="connsiteY1722"/>
                </a:cxn>
                <a:cxn ang="0">
                  <a:pos x="connsiteX1723" y="connsiteY1723"/>
                </a:cxn>
                <a:cxn ang="0">
                  <a:pos x="connsiteX1724" y="connsiteY1724"/>
                </a:cxn>
                <a:cxn ang="0">
                  <a:pos x="connsiteX1725" y="connsiteY1725"/>
                </a:cxn>
                <a:cxn ang="0">
                  <a:pos x="connsiteX1726" y="connsiteY1726"/>
                </a:cxn>
                <a:cxn ang="0">
                  <a:pos x="connsiteX1727" y="connsiteY1727"/>
                </a:cxn>
                <a:cxn ang="0">
                  <a:pos x="connsiteX1728" y="connsiteY1728"/>
                </a:cxn>
                <a:cxn ang="0">
                  <a:pos x="connsiteX1729" y="connsiteY1729"/>
                </a:cxn>
                <a:cxn ang="0">
                  <a:pos x="connsiteX1730" y="connsiteY1730"/>
                </a:cxn>
                <a:cxn ang="0">
                  <a:pos x="connsiteX1731" y="connsiteY1731"/>
                </a:cxn>
                <a:cxn ang="0">
                  <a:pos x="connsiteX1732" y="connsiteY1732"/>
                </a:cxn>
                <a:cxn ang="0">
                  <a:pos x="connsiteX1733" y="connsiteY1733"/>
                </a:cxn>
                <a:cxn ang="0">
                  <a:pos x="connsiteX1734" y="connsiteY1734"/>
                </a:cxn>
                <a:cxn ang="0">
                  <a:pos x="connsiteX1735" y="connsiteY1735"/>
                </a:cxn>
                <a:cxn ang="0">
                  <a:pos x="connsiteX1736" y="connsiteY1736"/>
                </a:cxn>
                <a:cxn ang="0">
                  <a:pos x="connsiteX1737" y="connsiteY1737"/>
                </a:cxn>
                <a:cxn ang="0">
                  <a:pos x="connsiteX1738" y="connsiteY1738"/>
                </a:cxn>
                <a:cxn ang="0">
                  <a:pos x="connsiteX1739" y="connsiteY1739"/>
                </a:cxn>
                <a:cxn ang="0">
                  <a:pos x="connsiteX1740" y="connsiteY1740"/>
                </a:cxn>
                <a:cxn ang="0">
                  <a:pos x="connsiteX1741" y="connsiteY1741"/>
                </a:cxn>
                <a:cxn ang="0">
                  <a:pos x="connsiteX1742" y="connsiteY1742"/>
                </a:cxn>
                <a:cxn ang="0">
                  <a:pos x="connsiteX1743" y="connsiteY1743"/>
                </a:cxn>
                <a:cxn ang="0">
                  <a:pos x="connsiteX1744" y="connsiteY1744"/>
                </a:cxn>
                <a:cxn ang="0">
                  <a:pos x="connsiteX1745" y="connsiteY1745"/>
                </a:cxn>
                <a:cxn ang="0">
                  <a:pos x="connsiteX1746" y="connsiteY1746"/>
                </a:cxn>
                <a:cxn ang="0">
                  <a:pos x="connsiteX1747" y="connsiteY1747"/>
                </a:cxn>
                <a:cxn ang="0">
                  <a:pos x="connsiteX1748" y="connsiteY1748"/>
                </a:cxn>
                <a:cxn ang="0">
                  <a:pos x="connsiteX1749" y="connsiteY1749"/>
                </a:cxn>
                <a:cxn ang="0">
                  <a:pos x="connsiteX1750" y="connsiteY1750"/>
                </a:cxn>
                <a:cxn ang="0">
                  <a:pos x="connsiteX1751" y="connsiteY1751"/>
                </a:cxn>
                <a:cxn ang="0">
                  <a:pos x="connsiteX1752" y="connsiteY1752"/>
                </a:cxn>
                <a:cxn ang="0">
                  <a:pos x="connsiteX1753" y="connsiteY1753"/>
                </a:cxn>
                <a:cxn ang="0">
                  <a:pos x="connsiteX1754" y="connsiteY1754"/>
                </a:cxn>
                <a:cxn ang="0">
                  <a:pos x="connsiteX1755" y="connsiteY1755"/>
                </a:cxn>
                <a:cxn ang="0">
                  <a:pos x="connsiteX1756" y="connsiteY1756"/>
                </a:cxn>
                <a:cxn ang="0">
                  <a:pos x="connsiteX1757" y="connsiteY1757"/>
                </a:cxn>
                <a:cxn ang="0">
                  <a:pos x="connsiteX1758" y="connsiteY1758"/>
                </a:cxn>
                <a:cxn ang="0">
                  <a:pos x="connsiteX1759" y="connsiteY1759"/>
                </a:cxn>
                <a:cxn ang="0">
                  <a:pos x="connsiteX1760" y="connsiteY1760"/>
                </a:cxn>
                <a:cxn ang="0">
                  <a:pos x="connsiteX1761" y="connsiteY1761"/>
                </a:cxn>
                <a:cxn ang="0">
                  <a:pos x="connsiteX1762" y="connsiteY1762"/>
                </a:cxn>
                <a:cxn ang="0">
                  <a:pos x="connsiteX1763" y="connsiteY1763"/>
                </a:cxn>
                <a:cxn ang="0">
                  <a:pos x="connsiteX1764" y="connsiteY1764"/>
                </a:cxn>
                <a:cxn ang="0">
                  <a:pos x="connsiteX1765" y="connsiteY1765"/>
                </a:cxn>
                <a:cxn ang="0">
                  <a:pos x="connsiteX1766" y="connsiteY1766"/>
                </a:cxn>
                <a:cxn ang="0">
                  <a:pos x="connsiteX1767" y="connsiteY1767"/>
                </a:cxn>
                <a:cxn ang="0">
                  <a:pos x="connsiteX1768" y="connsiteY1768"/>
                </a:cxn>
                <a:cxn ang="0">
                  <a:pos x="connsiteX1769" y="connsiteY1769"/>
                </a:cxn>
                <a:cxn ang="0">
                  <a:pos x="connsiteX1770" y="connsiteY1770"/>
                </a:cxn>
                <a:cxn ang="0">
                  <a:pos x="connsiteX1771" y="connsiteY1771"/>
                </a:cxn>
                <a:cxn ang="0">
                  <a:pos x="connsiteX1772" y="connsiteY1772"/>
                </a:cxn>
                <a:cxn ang="0">
                  <a:pos x="connsiteX1773" y="connsiteY1773"/>
                </a:cxn>
                <a:cxn ang="0">
                  <a:pos x="connsiteX1774" y="connsiteY1774"/>
                </a:cxn>
                <a:cxn ang="0">
                  <a:pos x="connsiteX1775" y="connsiteY1775"/>
                </a:cxn>
                <a:cxn ang="0">
                  <a:pos x="connsiteX1776" y="connsiteY1776"/>
                </a:cxn>
                <a:cxn ang="0">
                  <a:pos x="connsiteX1777" y="connsiteY1777"/>
                </a:cxn>
                <a:cxn ang="0">
                  <a:pos x="connsiteX1778" y="connsiteY1778"/>
                </a:cxn>
                <a:cxn ang="0">
                  <a:pos x="connsiteX1779" y="connsiteY1779"/>
                </a:cxn>
                <a:cxn ang="0">
                  <a:pos x="connsiteX1780" y="connsiteY1780"/>
                </a:cxn>
                <a:cxn ang="0">
                  <a:pos x="connsiteX1781" y="connsiteY1781"/>
                </a:cxn>
                <a:cxn ang="0">
                  <a:pos x="connsiteX1782" y="connsiteY1782"/>
                </a:cxn>
                <a:cxn ang="0">
                  <a:pos x="connsiteX1783" y="connsiteY1783"/>
                </a:cxn>
                <a:cxn ang="0">
                  <a:pos x="connsiteX1784" y="connsiteY1784"/>
                </a:cxn>
                <a:cxn ang="0">
                  <a:pos x="connsiteX1785" y="connsiteY1785"/>
                </a:cxn>
                <a:cxn ang="0">
                  <a:pos x="connsiteX1786" y="connsiteY1786"/>
                </a:cxn>
                <a:cxn ang="0">
                  <a:pos x="connsiteX1787" y="connsiteY1787"/>
                </a:cxn>
                <a:cxn ang="0">
                  <a:pos x="connsiteX1788" y="connsiteY1788"/>
                </a:cxn>
                <a:cxn ang="0">
                  <a:pos x="connsiteX1789" y="connsiteY1789"/>
                </a:cxn>
                <a:cxn ang="0">
                  <a:pos x="connsiteX1790" y="connsiteY1790"/>
                </a:cxn>
                <a:cxn ang="0">
                  <a:pos x="connsiteX1791" y="connsiteY1791"/>
                </a:cxn>
                <a:cxn ang="0">
                  <a:pos x="connsiteX1792" y="connsiteY1792"/>
                </a:cxn>
                <a:cxn ang="0">
                  <a:pos x="connsiteX1793" y="connsiteY1793"/>
                </a:cxn>
                <a:cxn ang="0">
                  <a:pos x="connsiteX1794" y="connsiteY1794"/>
                </a:cxn>
                <a:cxn ang="0">
                  <a:pos x="connsiteX1795" y="connsiteY1795"/>
                </a:cxn>
                <a:cxn ang="0">
                  <a:pos x="connsiteX1796" y="connsiteY1796"/>
                </a:cxn>
                <a:cxn ang="0">
                  <a:pos x="connsiteX1797" y="connsiteY1797"/>
                </a:cxn>
                <a:cxn ang="0">
                  <a:pos x="connsiteX1798" y="connsiteY1798"/>
                </a:cxn>
                <a:cxn ang="0">
                  <a:pos x="connsiteX1799" y="connsiteY1799"/>
                </a:cxn>
                <a:cxn ang="0">
                  <a:pos x="connsiteX1800" y="connsiteY1800"/>
                </a:cxn>
                <a:cxn ang="0">
                  <a:pos x="connsiteX1801" y="connsiteY1801"/>
                </a:cxn>
                <a:cxn ang="0">
                  <a:pos x="connsiteX1802" y="connsiteY1802"/>
                </a:cxn>
                <a:cxn ang="0">
                  <a:pos x="connsiteX1803" y="connsiteY1803"/>
                </a:cxn>
                <a:cxn ang="0">
                  <a:pos x="connsiteX1804" y="connsiteY1804"/>
                </a:cxn>
                <a:cxn ang="0">
                  <a:pos x="connsiteX1805" y="connsiteY1805"/>
                </a:cxn>
                <a:cxn ang="0">
                  <a:pos x="connsiteX1806" y="connsiteY1806"/>
                </a:cxn>
                <a:cxn ang="0">
                  <a:pos x="connsiteX1807" y="connsiteY1807"/>
                </a:cxn>
                <a:cxn ang="0">
                  <a:pos x="connsiteX1808" y="connsiteY1808"/>
                </a:cxn>
                <a:cxn ang="0">
                  <a:pos x="connsiteX1809" y="connsiteY1809"/>
                </a:cxn>
                <a:cxn ang="0">
                  <a:pos x="connsiteX1810" y="connsiteY1810"/>
                </a:cxn>
                <a:cxn ang="0">
                  <a:pos x="connsiteX1811" y="connsiteY1811"/>
                </a:cxn>
                <a:cxn ang="0">
                  <a:pos x="connsiteX1812" y="connsiteY1812"/>
                </a:cxn>
                <a:cxn ang="0">
                  <a:pos x="connsiteX1813" y="connsiteY1813"/>
                </a:cxn>
                <a:cxn ang="0">
                  <a:pos x="connsiteX1814" y="connsiteY1814"/>
                </a:cxn>
                <a:cxn ang="0">
                  <a:pos x="connsiteX1815" y="connsiteY1815"/>
                </a:cxn>
                <a:cxn ang="0">
                  <a:pos x="connsiteX1816" y="connsiteY1816"/>
                </a:cxn>
                <a:cxn ang="0">
                  <a:pos x="connsiteX1817" y="connsiteY1817"/>
                </a:cxn>
                <a:cxn ang="0">
                  <a:pos x="connsiteX1818" y="connsiteY1818"/>
                </a:cxn>
                <a:cxn ang="0">
                  <a:pos x="connsiteX1819" y="connsiteY1819"/>
                </a:cxn>
                <a:cxn ang="0">
                  <a:pos x="connsiteX1820" y="connsiteY1820"/>
                </a:cxn>
                <a:cxn ang="0">
                  <a:pos x="connsiteX1821" y="connsiteY1821"/>
                </a:cxn>
                <a:cxn ang="0">
                  <a:pos x="connsiteX1822" y="connsiteY1822"/>
                </a:cxn>
                <a:cxn ang="0">
                  <a:pos x="connsiteX1823" y="connsiteY1823"/>
                </a:cxn>
                <a:cxn ang="0">
                  <a:pos x="connsiteX1824" y="connsiteY1824"/>
                </a:cxn>
                <a:cxn ang="0">
                  <a:pos x="connsiteX1825" y="connsiteY1825"/>
                </a:cxn>
                <a:cxn ang="0">
                  <a:pos x="connsiteX1826" y="connsiteY1826"/>
                </a:cxn>
                <a:cxn ang="0">
                  <a:pos x="connsiteX1827" y="connsiteY1827"/>
                </a:cxn>
                <a:cxn ang="0">
                  <a:pos x="connsiteX1828" y="connsiteY1828"/>
                </a:cxn>
                <a:cxn ang="0">
                  <a:pos x="connsiteX1829" y="connsiteY1829"/>
                </a:cxn>
                <a:cxn ang="0">
                  <a:pos x="connsiteX1830" y="connsiteY1830"/>
                </a:cxn>
                <a:cxn ang="0">
                  <a:pos x="connsiteX1831" y="connsiteY1831"/>
                </a:cxn>
                <a:cxn ang="0">
                  <a:pos x="connsiteX1832" y="connsiteY1832"/>
                </a:cxn>
                <a:cxn ang="0">
                  <a:pos x="connsiteX1833" y="connsiteY1833"/>
                </a:cxn>
                <a:cxn ang="0">
                  <a:pos x="connsiteX1834" y="connsiteY1834"/>
                </a:cxn>
                <a:cxn ang="0">
                  <a:pos x="connsiteX1835" y="connsiteY1835"/>
                </a:cxn>
                <a:cxn ang="0">
                  <a:pos x="connsiteX1836" y="connsiteY1836"/>
                </a:cxn>
                <a:cxn ang="0">
                  <a:pos x="connsiteX1837" y="connsiteY1837"/>
                </a:cxn>
                <a:cxn ang="0">
                  <a:pos x="connsiteX1838" y="connsiteY1838"/>
                </a:cxn>
                <a:cxn ang="0">
                  <a:pos x="connsiteX1839" y="connsiteY1839"/>
                </a:cxn>
                <a:cxn ang="0">
                  <a:pos x="connsiteX1840" y="connsiteY1840"/>
                </a:cxn>
                <a:cxn ang="0">
                  <a:pos x="connsiteX1841" y="connsiteY1841"/>
                </a:cxn>
                <a:cxn ang="0">
                  <a:pos x="connsiteX1842" y="connsiteY1842"/>
                </a:cxn>
                <a:cxn ang="0">
                  <a:pos x="connsiteX1843" y="connsiteY1843"/>
                </a:cxn>
                <a:cxn ang="0">
                  <a:pos x="connsiteX1844" y="connsiteY1844"/>
                </a:cxn>
                <a:cxn ang="0">
                  <a:pos x="connsiteX1845" y="connsiteY1845"/>
                </a:cxn>
                <a:cxn ang="0">
                  <a:pos x="connsiteX1846" y="connsiteY1846"/>
                </a:cxn>
                <a:cxn ang="0">
                  <a:pos x="connsiteX1847" y="connsiteY1847"/>
                </a:cxn>
                <a:cxn ang="0">
                  <a:pos x="connsiteX1848" y="connsiteY1848"/>
                </a:cxn>
                <a:cxn ang="0">
                  <a:pos x="connsiteX1849" y="connsiteY1849"/>
                </a:cxn>
                <a:cxn ang="0">
                  <a:pos x="connsiteX1850" y="connsiteY1850"/>
                </a:cxn>
                <a:cxn ang="0">
                  <a:pos x="connsiteX1851" y="connsiteY1851"/>
                </a:cxn>
                <a:cxn ang="0">
                  <a:pos x="connsiteX1852" y="connsiteY1852"/>
                </a:cxn>
                <a:cxn ang="0">
                  <a:pos x="connsiteX1853" y="connsiteY1853"/>
                </a:cxn>
                <a:cxn ang="0">
                  <a:pos x="connsiteX1854" y="connsiteY1854"/>
                </a:cxn>
                <a:cxn ang="0">
                  <a:pos x="connsiteX1855" y="connsiteY1855"/>
                </a:cxn>
                <a:cxn ang="0">
                  <a:pos x="connsiteX1856" y="connsiteY1856"/>
                </a:cxn>
                <a:cxn ang="0">
                  <a:pos x="connsiteX1857" y="connsiteY1857"/>
                </a:cxn>
                <a:cxn ang="0">
                  <a:pos x="connsiteX1858" y="connsiteY1858"/>
                </a:cxn>
                <a:cxn ang="0">
                  <a:pos x="connsiteX1859" y="connsiteY1859"/>
                </a:cxn>
                <a:cxn ang="0">
                  <a:pos x="connsiteX1860" y="connsiteY1860"/>
                </a:cxn>
                <a:cxn ang="0">
                  <a:pos x="connsiteX1861" y="connsiteY1861"/>
                </a:cxn>
                <a:cxn ang="0">
                  <a:pos x="connsiteX1862" y="connsiteY1862"/>
                </a:cxn>
                <a:cxn ang="0">
                  <a:pos x="connsiteX1863" y="connsiteY1863"/>
                </a:cxn>
                <a:cxn ang="0">
                  <a:pos x="connsiteX1864" y="connsiteY1864"/>
                </a:cxn>
                <a:cxn ang="0">
                  <a:pos x="connsiteX1865" y="connsiteY1865"/>
                </a:cxn>
                <a:cxn ang="0">
                  <a:pos x="connsiteX1866" y="connsiteY1866"/>
                </a:cxn>
                <a:cxn ang="0">
                  <a:pos x="connsiteX1867" y="connsiteY1867"/>
                </a:cxn>
                <a:cxn ang="0">
                  <a:pos x="connsiteX1868" y="connsiteY1868"/>
                </a:cxn>
                <a:cxn ang="0">
                  <a:pos x="connsiteX1869" y="connsiteY1869"/>
                </a:cxn>
                <a:cxn ang="0">
                  <a:pos x="connsiteX1870" y="connsiteY1870"/>
                </a:cxn>
                <a:cxn ang="0">
                  <a:pos x="connsiteX1871" y="connsiteY1871"/>
                </a:cxn>
                <a:cxn ang="0">
                  <a:pos x="connsiteX1872" y="connsiteY1872"/>
                </a:cxn>
                <a:cxn ang="0">
                  <a:pos x="connsiteX1873" y="connsiteY1873"/>
                </a:cxn>
                <a:cxn ang="0">
                  <a:pos x="connsiteX1874" y="connsiteY1874"/>
                </a:cxn>
                <a:cxn ang="0">
                  <a:pos x="connsiteX1875" y="connsiteY1875"/>
                </a:cxn>
                <a:cxn ang="0">
                  <a:pos x="connsiteX1876" y="connsiteY1876"/>
                </a:cxn>
                <a:cxn ang="0">
                  <a:pos x="connsiteX1877" y="connsiteY1877"/>
                </a:cxn>
                <a:cxn ang="0">
                  <a:pos x="connsiteX1878" y="connsiteY1878"/>
                </a:cxn>
                <a:cxn ang="0">
                  <a:pos x="connsiteX1879" y="connsiteY1879"/>
                </a:cxn>
                <a:cxn ang="0">
                  <a:pos x="connsiteX1880" y="connsiteY1880"/>
                </a:cxn>
                <a:cxn ang="0">
                  <a:pos x="connsiteX1881" y="connsiteY1881"/>
                </a:cxn>
                <a:cxn ang="0">
                  <a:pos x="connsiteX1882" y="connsiteY1882"/>
                </a:cxn>
                <a:cxn ang="0">
                  <a:pos x="connsiteX1883" y="connsiteY1883"/>
                </a:cxn>
                <a:cxn ang="0">
                  <a:pos x="connsiteX1884" y="connsiteY1884"/>
                </a:cxn>
                <a:cxn ang="0">
                  <a:pos x="connsiteX1885" y="connsiteY1885"/>
                </a:cxn>
                <a:cxn ang="0">
                  <a:pos x="connsiteX1886" y="connsiteY1886"/>
                </a:cxn>
                <a:cxn ang="0">
                  <a:pos x="connsiteX1887" y="connsiteY1887"/>
                </a:cxn>
                <a:cxn ang="0">
                  <a:pos x="connsiteX1888" y="connsiteY1888"/>
                </a:cxn>
                <a:cxn ang="0">
                  <a:pos x="connsiteX1889" y="connsiteY1889"/>
                </a:cxn>
                <a:cxn ang="0">
                  <a:pos x="connsiteX1890" y="connsiteY1890"/>
                </a:cxn>
                <a:cxn ang="0">
                  <a:pos x="connsiteX1891" y="connsiteY1891"/>
                </a:cxn>
                <a:cxn ang="0">
                  <a:pos x="connsiteX1892" y="connsiteY1892"/>
                </a:cxn>
                <a:cxn ang="0">
                  <a:pos x="connsiteX1893" y="connsiteY1893"/>
                </a:cxn>
                <a:cxn ang="0">
                  <a:pos x="connsiteX1894" y="connsiteY1894"/>
                </a:cxn>
                <a:cxn ang="0">
                  <a:pos x="connsiteX1895" y="connsiteY1895"/>
                </a:cxn>
                <a:cxn ang="0">
                  <a:pos x="connsiteX1896" y="connsiteY1896"/>
                </a:cxn>
                <a:cxn ang="0">
                  <a:pos x="connsiteX1897" y="connsiteY1897"/>
                </a:cxn>
                <a:cxn ang="0">
                  <a:pos x="connsiteX1898" y="connsiteY1898"/>
                </a:cxn>
                <a:cxn ang="0">
                  <a:pos x="connsiteX1899" y="connsiteY1899"/>
                </a:cxn>
                <a:cxn ang="0">
                  <a:pos x="connsiteX1900" y="connsiteY1900"/>
                </a:cxn>
                <a:cxn ang="0">
                  <a:pos x="connsiteX1901" y="connsiteY1901"/>
                </a:cxn>
                <a:cxn ang="0">
                  <a:pos x="connsiteX1902" y="connsiteY1902"/>
                </a:cxn>
                <a:cxn ang="0">
                  <a:pos x="connsiteX1903" y="connsiteY1903"/>
                </a:cxn>
                <a:cxn ang="0">
                  <a:pos x="connsiteX1904" y="connsiteY1904"/>
                </a:cxn>
                <a:cxn ang="0">
                  <a:pos x="connsiteX1905" y="connsiteY1905"/>
                </a:cxn>
                <a:cxn ang="0">
                  <a:pos x="connsiteX1906" y="connsiteY1906"/>
                </a:cxn>
                <a:cxn ang="0">
                  <a:pos x="connsiteX1907" y="connsiteY1907"/>
                </a:cxn>
                <a:cxn ang="0">
                  <a:pos x="connsiteX1908" y="connsiteY1908"/>
                </a:cxn>
                <a:cxn ang="0">
                  <a:pos x="connsiteX1909" y="connsiteY1909"/>
                </a:cxn>
                <a:cxn ang="0">
                  <a:pos x="connsiteX1910" y="connsiteY1910"/>
                </a:cxn>
                <a:cxn ang="0">
                  <a:pos x="connsiteX1911" y="connsiteY1911"/>
                </a:cxn>
                <a:cxn ang="0">
                  <a:pos x="connsiteX1912" y="connsiteY1912"/>
                </a:cxn>
                <a:cxn ang="0">
                  <a:pos x="connsiteX1913" y="connsiteY1913"/>
                </a:cxn>
                <a:cxn ang="0">
                  <a:pos x="connsiteX1914" y="connsiteY1914"/>
                </a:cxn>
                <a:cxn ang="0">
                  <a:pos x="connsiteX1915" y="connsiteY1915"/>
                </a:cxn>
                <a:cxn ang="0">
                  <a:pos x="connsiteX1916" y="connsiteY1916"/>
                </a:cxn>
                <a:cxn ang="0">
                  <a:pos x="connsiteX1917" y="connsiteY1917"/>
                </a:cxn>
                <a:cxn ang="0">
                  <a:pos x="connsiteX1918" y="connsiteY1918"/>
                </a:cxn>
                <a:cxn ang="0">
                  <a:pos x="connsiteX1919" y="connsiteY1919"/>
                </a:cxn>
                <a:cxn ang="0">
                  <a:pos x="connsiteX1920" y="connsiteY1920"/>
                </a:cxn>
                <a:cxn ang="0">
                  <a:pos x="connsiteX1921" y="connsiteY1921"/>
                </a:cxn>
                <a:cxn ang="0">
                  <a:pos x="connsiteX1922" y="connsiteY1922"/>
                </a:cxn>
                <a:cxn ang="0">
                  <a:pos x="connsiteX1923" y="connsiteY1923"/>
                </a:cxn>
                <a:cxn ang="0">
                  <a:pos x="connsiteX1924" y="connsiteY1924"/>
                </a:cxn>
                <a:cxn ang="0">
                  <a:pos x="connsiteX1925" y="connsiteY1925"/>
                </a:cxn>
                <a:cxn ang="0">
                  <a:pos x="connsiteX1926" y="connsiteY1926"/>
                </a:cxn>
                <a:cxn ang="0">
                  <a:pos x="connsiteX1927" y="connsiteY1927"/>
                </a:cxn>
                <a:cxn ang="0">
                  <a:pos x="connsiteX1928" y="connsiteY1928"/>
                </a:cxn>
                <a:cxn ang="0">
                  <a:pos x="connsiteX1929" y="connsiteY1929"/>
                </a:cxn>
                <a:cxn ang="0">
                  <a:pos x="connsiteX1930" y="connsiteY1930"/>
                </a:cxn>
                <a:cxn ang="0">
                  <a:pos x="connsiteX1931" y="connsiteY1931"/>
                </a:cxn>
                <a:cxn ang="0">
                  <a:pos x="connsiteX1932" y="connsiteY1932"/>
                </a:cxn>
                <a:cxn ang="0">
                  <a:pos x="connsiteX1933" y="connsiteY1933"/>
                </a:cxn>
                <a:cxn ang="0">
                  <a:pos x="connsiteX1934" y="connsiteY1934"/>
                </a:cxn>
                <a:cxn ang="0">
                  <a:pos x="connsiteX1935" y="connsiteY1935"/>
                </a:cxn>
                <a:cxn ang="0">
                  <a:pos x="connsiteX1936" y="connsiteY1936"/>
                </a:cxn>
                <a:cxn ang="0">
                  <a:pos x="connsiteX1937" y="connsiteY1937"/>
                </a:cxn>
                <a:cxn ang="0">
                  <a:pos x="connsiteX1938" y="connsiteY1938"/>
                </a:cxn>
                <a:cxn ang="0">
                  <a:pos x="connsiteX1939" y="connsiteY1939"/>
                </a:cxn>
                <a:cxn ang="0">
                  <a:pos x="connsiteX1940" y="connsiteY1940"/>
                </a:cxn>
                <a:cxn ang="0">
                  <a:pos x="connsiteX1941" y="connsiteY1941"/>
                </a:cxn>
                <a:cxn ang="0">
                  <a:pos x="connsiteX1942" y="connsiteY1942"/>
                </a:cxn>
                <a:cxn ang="0">
                  <a:pos x="connsiteX1943" y="connsiteY1943"/>
                </a:cxn>
                <a:cxn ang="0">
                  <a:pos x="connsiteX1944" y="connsiteY1944"/>
                </a:cxn>
                <a:cxn ang="0">
                  <a:pos x="connsiteX1945" y="connsiteY1945"/>
                </a:cxn>
                <a:cxn ang="0">
                  <a:pos x="connsiteX1946" y="connsiteY1946"/>
                </a:cxn>
                <a:cxn ang="0">
                  <a:pos x="connsiteX1947" y="connsiteY1947"/>
                </a:cxn>
                <a:cxn ang="0">
                  <a:pos x="connsiteX1948" y="connsiteY1948"/>
                </a:cxn>
                <a:cxn ang="0">
                  <a:pos x="connsiteX1949" y="connsiteY1949"/>
                </a:cxn>
                <a:cxn ang="0">
                  <a:pos x="connsiteX1950" y="connsiteY1950"/>
                </a:cxn>
                <a:cxn ang="0">
                  <a:pos x="connsiteX1951" y="connsiteY1951"/>
                </a:cxn>
                <a:cxn ang="0">
                  <a:pos x="connsiteX1952" y="connsiteY1952"/>
                </a:cxn>
                <a:cxn ang="0">
                  <a:pos x="connsiteX1953" y="connsiteY1953"/>
                </a:cxn>
                <a:cxn ang="0">
                  <a:pos x="connsiteX1954" y="connsiteY1954"/>
                </a:cxn>
                <a:cxn ang="0">
                  <a:pos x="connsiteX1955" y="connsiteY1955"/>
                </a:cxn>
                <a:cxn ang="0">
                  <a:pos x="connsiteX1956" y="connsiteY1956"/>
                </a:cxn>
                <a:cxn ang="0">
                  <a:pos x="connsiteX1957" y="connsiteY1957"/>
                </a:cxn>
                <a:cxn ang="0">
                  <a:pos x="connsiteX1958" y="connsiteY1958"/>
                </a:cxn>
                <a:cxn ang="0">
                  <a:pos x="connsiteX1959" y="connsiteY1959"/>
                </a:cxn>
                <a:cxn ang="0">
                  <a:pos x="connsiteX1960" y="connsiteY1960"/>
                </a:cxn>
                <a:cxn ang="0">
                  <a:pos x="connsiteX1961" y="connsiteY1961"/>
                </a:cxn>
                <a:cxn ang="0">
                  <a:pos x="connsiteX1962" y="connsiteY1962"/>
                </a:cxn>
                <a:cxn ang="0">
                  <a:pos x="connsiteX1963" y="connsiteY1963"/>
                </a:cxn>
                <a:cxn ang="0">
                  <a:pos x="connsiteX1964" y="connsiteY1964"/>
                </a:cxn>
                <a:cxn ang="0">
                  <a:pos x="connsiteX1965" y="connsiteY1965"/>
                </a:cxn>
                <a:cxn ang="0">
                  <a:pos x="connsiteX1966" y="connsiteY1966"/>
                </a:cxn>
                <a:cxn ang="0">
                  <a:pos x="connsiteX1967" y="connsiteY1967"/>
                </a:cxn>
                <a:cxn ang="0">
                  <a:pos x="connsiteX1968" y="connsiteY1968"/>
                </a:cxn>
                <a:cxn ang="0">
                  <a:pos x="connsiteX1969" y="connsiteY1969"/>
                </a:cxn>
                <a:cxn ang="0">
                  <a:pos x="connsiteX1970" y="connsiteY1970"/>
                </a:cxn>
                <a:cxn ang="0">
                  <a:pos x="connsiteX1971" y="connsiteY1971"/>
                </a:cxn>
                <a:cxn ang="0">
                  <a:pos x="connsiteX1972" y="connsiteY1972"/>
                </a:cxn>
                <a:cxn ang="0">
                  <a:pos x="connsiteX1973" y="connsiteY1973"/>
                </a:cxn>
                <a:cxn ang="0">
                  <a:pos x="connsiteX1974" y="connsiteY1974"/>
                </a:cxn>
                <a:cxn ang="0">
                  <a:pos x="connsiteX1975" y="connsiteY1975"/>
                </a:cxn>
                <a:cxn ang="0">
                  <a:pos x="connsiteX1976" y="connsiteY1976"/>
                </a:cxn>
                <a:cxn ang="0">
                  <a:pos x="connsiteX1977" y="connsiteY1977"/>
                </a:cxn>
                <a:cxn ang="0">
                  <a:pos x="connsiteX1978" y="connsiteY1978"/>
                </a:cxn>
                <a:cxn ang="0">
                  <a:pos x="connsiteX1979" y="connsiteY1979"/>
                </a:cxn>
                <a:cxn ang="0">
                  <a:pos x="connsiteX1980" y="connsiteY1980"/>
                </a:cxn>
                <a:cxn ang="0">
                  <a:pos x="connsiteX1981" y="connsiteY1981"/>
                </a:cxn>
                <a:cxn ang="0">
                  <a:pos x="connsiteX1982" y="connsiteY1982"/>
                </a:cxn>
                <a:cxn ang="0">
                  <a:pos x="connsiteX1983" y="connsiteY1983"/>
                </a:cxn>
                <a:cxn ang="0">
                  <a:pos x="connsiteX1984" y="connsiteY1984"/>
                </a:cxn>
                <a:cxn ang="0">
                  <a:pos x="connsiteX1985" y="connsiteY1985"/>
                </a:cxn>
                <a:cxn ang="0">
                  <a:pos x="connsiteX1986" y="connsiteY1986"/>
                </a:cxn>
                <a:cxn ang="0">
                  <a:pos x="connsiteX1987" y="connsiteY1987"/>
                </a:cxn>
                <a:cxn ang="0">
                  <a:pos x="connsiteX1988" y="connsiteY1988"/>
                </a:cxn>
                <a:cxn ang="0">
                  <a:pos x="connsiteX1989" y="connsiteY1989"/>
                </a:cxn>
                <a:cxn ang="0">
                  <a:pos x="connsiteX1990" y="connsiteY1990"/>
                </a:cxn>
                <a:cxn ang="0">
                  <a:pos x="connsiteX1991" y="connsiteY1991"/>
                </a:cxn>
                <a:cxn ang="0">
                  <a:pos x="connsiteX1992" y="connsiteY1992"/>
                </a:cxn>
                <a:cxn ang="0">
                  <a:pos x="connsiteX1993" y="connsiteY1993"/>
                </a:cxn>
                <a:cxn ang="0">
                  <a:pos x="connsiteX1994" y="connsiteY1994"/>
                </a:cxn>
                <a:cxn ang="0">
                  <a:pos x="connsiteX1995" y="connsiteY1995"/>
                </a:cxn>
                <a:cxn ang="0">
                  <a:pos x="connsiteX1996" y="connsiteY1996"/>
                </a:cxn>
                <a:cxn ang="0">
                  <a:pos x="connsiteX1997" y="connsiteY1997"/>
                </a:cxn>
                <a:cxn ang="0">
                  <a:pos x="connsiteX1998" y="connsiteY1998"/>
                </a:cxn>
                <a:cxn ang="0">
                  <a:pos x="connsiteX1999" y="connsiteY1999"/>
                </a:cxn>
                <a:cxn ang="0">
                  <a:pos x="connsiteX2000" y="connsiteY2000"/>
                </a:cxn>
                <a:cxn ang="0">
                  <a:pos x="connsiteX2001" y="connsiteY2001"/>
                </a:cxn>
                <a:cxn ang="0">
                  <a:pos x="connsiteX2002" y="connsiteY2002"/>
                </a:cxn>
                <a:cxn ang="0">
                  <a:pos x="connsiteX2003" y="connsiteY2003"/>
                </a:cxn>
                <a:cxn ang="0">
                  <a:pos x="connsiteX2004" y="connsiteY2004"/>
                </a:cxn>
                <a:cxn ang="0">
                  <a:pos x="connsiteX2005" y="connsiteY2005"/>
                </a:cxn>
                <a:cxn ang="0">
                  <a:pos x="connsiteX2006" y="connsiteY2006"/>
                </a:cxn>
                <a:cxn ang="0">
                  <a:pos x="connsiteX2007" y="connsiteY2007"/>
                </a:cxn>
                <a:cxn ang="0">
                  <a:pos x="connsiteX2008" y="connsiteY2008"/>
                </a:cxn>
                <a:cxn ang="0">
                  <a:pos x="connsiteX2009" y="connsiteY2009"/>
                </a:cxn>
                <a:cxn ang="0">
                  <a:pos x="connsiteX2010" y="connsiteY2010"/>
                </a:cxn>
                <a:cxn ang="0">
                  <a:pos x="connsiteX2011" y="connsiteY2011"/>
                </a:cxn>
                <a:cxn ang="0">
                  <a:pos x="connsiteX2012" y="connsiteY2012"/>
                </a:cxn>
                <a:cxn ang="0">
                  <a:pos x="connsiteX2013" y="connsiteY2013"/>
                </a:cxn>
                <a:cxn ang="0">
                  <a:pos x="connsiteX2014" y="connsiteY2014"/>
                </a:cxn>
                <a:cxn ang="0">
                  <a:pos x="connsiteX2015" y="connsiteY2015"/>
                </a:cxn>
                <a:cxn ang="0">
                  <a:pos x="connsiteX2016" y="connsiteY2016"/>
                </a:cxn>
                <a:cxn ang="0">
                  <a:pos x="connsiteX2017" y="connsiteY2017"/>
                </a:cxn>
                <a:cxn ang="0">
                  <a:pos x="connsiteX2018" y="connsiteY2018"/>
                </a:cxn>
                <a:cxn ang="0">
                  <a:pos x="connsiteX2019" y="connsiteY2019"/>
                </a:cxn>
                <a:cxn ang="0">
                  <a:pos x="connsiteX2020" y="connsiteY2020"/>
                </a:cxn>
                <a:cxn ang="0">
                  <a:pos x="connsiteX2021" y="connsiteY2021"/>
                </a:cxn>
                <a:cxn ang="0">
                  <a:pos x="connsiteX2022" y="connsiteY2022"/>
                </a:cxn>
                <a:cxn ang="0">
                  <a:pos x="connsiteX2023" y="connsiteY2023"/>
                </a:cxn>
                <a:cxn ang="0">
                  <a:pos x="connsiteX2024" y="connsiteY2024"/>
                </a:cxn>
                <a:cxn ang="0">
                  <a:pos x="connsiteX2025" y="connsiteY2025"/>
                </a:cxn>
                <a:cxn ang="0">
                  <a:pos x="connsiteX2026" y="connsiteY2026"/>
                </a:cxn>
                <a:cxn ang="0">
                  <a:pos x="connsiteX2027" y="connsiteY2027"/>
                </a:cxn>
                <a:cxn ang="0">
                  <a:pos x="connsiteX2028" y="connsiteY2028"/>
                </a:cxn>
                <a:cxn ang="0">
                  <a:pos x="connsiteX2029" y="connsiteY2029"/>
                </a:cxn>
                <a:cxn ang="0">
                  <a:pos x="connsiteX2030" y="connsiteY2030"/>
                </a:cxn>
                <a:cxn ang="0">
                  <a:pos x="connsiteX2031" y="connsiteY2031"/>
                </a:cxn>
                <a:cxn ang="0">
                  <a:pos x="connsiteX2032" y="connsiteY2032"/>
                </a:cxn>
                <a:cxn ang="0">
                  <a:pos x="connsiteX2033" y="connsiteY2033"/>
                </a:cxn>
                <a:cxn ang="0">
                  <a:pos x="connsiteX2034" y="connsiteY2034"/>
                </a:cxn>
                <a:cxn ang="0">
                  <a:pos x="connsiteX2035" y="connsiteY2035"/>
                </a:cxn>
                <a:cxn ang="0">
                  <a:pos x="connsiteX2036" y="connsiteY2036"/>
                </a:cxn>
                <a:cxn ang="0">
                  <a:pos x="connsiteX2037" y="connsiteY2037"/>
                </a:cxn>
                <a:cxn ang="0">
                  <a:pos x="connsiteX2038" y="connsiteY2038"/>
                </a:cxn>
                <a:cxn ang="0">
                  <a:pos x="connsiteX2039" y="connsiteY2039"/>
                </a:cxn>
                <a:cxn ang="0">
                  <a:pos x="connsiteX2040" y="connsiteY2040"/>
                </a:cxn>
                <a:cxn ang="0">
                  <a:pos x="connsiteX2041" y="connsiteY2041"/>
                </a:cxn>
                <a:cxn ang="0">
                  <a:pos x="connsiteX2042" y="connsiteY2042"/>
                </a:cxn>
                <a:cxn ang="0">
                  <a:pos x="connsiteX2043" y="connsiteY2043"/>
                </a:cxn>
                <a:cxn ang="0">
                  <a:pos x="connsiteX2044" y="connsiteY2044"/>
                </a:cxn>
                <a:cxn ang="0">
                  <a:pos x="connsiteX2045" y="connsiteY2045"/>
                </a:cxn>
                <a:cxn ang="0">
                  <a:pos x="connsiteX2046" y="connsiteY2046"/>
                </a:cxn>
                <a:cxn ang="0">
                  <a:pos x="connsiteX2047" y="connsiteY2047"/>
                </a:cxn>
                <a:cxn ang="0">
                  <a:pos x="connsiteX2048" y="connsiteY2048"/>
                </a:cxn>
                <a:cxn ang="0">
                  <a:pos x="connsiteX2049" y="connsiteY2049"/>
                </a:cxn>
                <a:cxn ang="0">
                  <a:pos x="connsiteX2050" y="connsiteY2050"/>
                </a:cxn>
                <a:cxn ang="0">
                  <a:pos x="connsiteX2051" y="connsiteY2051"/>
                </a:cxn>
                <a:cxn ang="0">
                  <a:pos x="connsiteX2052" y="connsiteY2052"/>
                </a:cxn>
                <a:cxn ang="0">
                  <a:pos x="connsiteX2053" y="connsiteY2053"/>
                </a:cxn>
                <a:cxn ang="0">
                  <a:pos x="connsiteX2054" y="connsiteY2054"/>
                </a:cxn>
                <a:cxn ang="0">
                  <a:pos x="connsiteX2055" y="connsiteY2055"/>
                </a:cxn>
                <a:cxn ang="0">
                  <a:pos x="connsiteX2056" y="connsiteY2056"/>
                </a:cxn>
                <a:cxn ang="0">
                  <a:pos x="connsiteX2057" y="connsiteY2057"/>
                </a:cxn>
                <a:cxn ang="0">
                  <a:pos x="connsiteX2058" y="connsiteY2058"/>
                </a:cxn>
                <a:cxn ang="0">
                  <a:pos x="connsiteX2059" y="connsiteY2059"/>
                </a:cxn>
                <a:cxn ang="0">
                  <a:pos x="connsiteX2060" y="connsiteY2060"/>
                </a:cxn>
                <a:cxn ang="0">
                  <a:pos x="connsiteX2061" y="connsiteY2061"/>
                </a:cxn>
                <a:cxn ang="0">
                  <a:pos x="connsiteX2062" y="connsiteY2062"/>
                </a:cxn>
                <a:cxn ang="0">
                  <a:pos x="connsiteX2063" y="connsiteY2063"/>
                </a:cxn>
                <a:cxn ang="0">
                  <a:pos x="connsiteX2064" y="connsiteY2064"/>
                </a:cxn>
                <a:cxn ang="0">
                  <a:pos x="connsiteX2065" y="connsiteY2065"/>
                </a:cxn>
                <a:cxn ang="0">
                  <a:pos x="connsiteX2066" y="connsiteY2066"/>
                </a:cxn>
                <a:cxn ang="0">
                  <a:pos x="connsiteX2067" y="connsiteY2067"/>
                </a:cxn>
                <a:cxn ang="0">
                  <a:pos x="connsiteX2068" y="connsiteY2068"/>
                </a:cxn>
                <a:cxn ang="0">
                  <a:pos x="connsiteX2069" y="connsiteY2069"/>
                </a:cxn>
                <a:cxn ang="0">
                  <a:pos x="connsiteX2070" y="connsiteY2070"/>
                </a:cxn>
                <a:cxn ang="0">
                  <a:pos x="connsiteX2071" y="connsiteY2071"/>
                </a:cxn>
                <a:cxn ang="0">
                  <a:pos x="connsiteX2072" y="connsiteY2072"/>
                </a:cxn>
                <a:cxn ang="0">
                  <a:pos x="connsiteX2073" y="connsiteY2073"/>
                </a:cxn>
                <a:cxn ang="0">
                  <a:pos x="connsiteX2074" y="connsiteY2074"/>
                </a:cxn>
                <a:cxn ang="0">
                  <a:pos x="connsiteX2075" y="connsiteY2075"/>
                </a:cxn>
                <a:cxn ang="0">
                  <a:pos x="connsiteX2076" y="connsiteY2076"/>
                </a:cxn>
                <a:cxn ang="0">
                  <a:pos x="connsiteX2077" y="connsiteY2077"/>
                </a:cxn>
                <a:cxn ang="0">
                  <a:pos x="connsiteX2078" y="connsiteY2078"/>
                </a:cxn>
                <a:cxn ang="0">
                  <a:pos x="connsiteX2079" y="connsiteY2079"/>
                </a:cxn>
                <a:cxn ang="0">
                  <a:pos x="connsiteX2080" y="connsiteY2080"/>
                </a:cxn>
                <a:cxn ang="0">
                  <a:pos x="connsiteX2081" y="connsiteY2081"/>
                </a:cxn>
                <a:cxn ang="0">
                  <a:pos x="connsiteX2082" y="connsiteY2082"/>
                </a:cxn>
                <a:cxn ang="0">
                  <a:pos x="connsiteX2083" y="connsiteY2083"/>
                </a:cxn>
                <a:cxn ang="0">
                  <a:pos x="connsiteX2084" y="connsiteY2084"/>
                </a:cxn>
              </a:cxnLst>
              <a:rect l="l" t="t" r="r" b="b"/>
              <a:pathLst>
                <a:path w="1473200" h="904738">
                  <a:moveTo>
                    <a:pt x="569913" y="851458"/>
                  </a:moveTo>
                  <a:cubicBezTo>
                    <a:pt x="569913" y="859741"/>
                    <a:pt x="561742" y="864710"/>
                    <a:pt x="563376" y="872993"/>
                  </a:cubicBezTo>
                  <a:cubicBezTo>
                    <a:pt x="565011" y="876306"/>
                    <a:pt x="569913" y="881276"/>
                    <a:pt x="566645" y="884589"/>
                  </a:cubicBezTo>
                  <a:cubicBezTo>
                    <a:pt x="563376" y="886245"/>
                    <a:pt x="556840" y="884589"/>
                    <a:pt x="555205" y="884589"/>
                  </a:cubicBezTo>
                  <a:cubicBezTo>
                    <a:pt x="548669" y="881276"/>
                    <a:pt x="542132" y="876306"/>
                    <a:pt x="535595" y="872993"/>
                  </a:cubicBezTo>
                  <a:cubicBezTo>
                    <a:pt x="529058" y="868023"/>
                    <a:pt x="524155" y="863054"/>
                    <a:pt x="514350" y="863054"/>
                  </a:cubicBezTo>
                  <a:cubicBezTo>
                    <a:pt x="515984" y="856428"/>
                    <a:pt x="522521" y="848145"/>
                    <a:pt x="529058" y="854771"/>
                  </a:cubicBezTo>
                  <a:cubicBezTo>
                    <a:pt x="529058" y="854771"/>
                    <a:pt x="529058" y="854771"/>
                    <a:pt x="525790" y="854771"/>
                  </a:cubicBezTo>
                  <a:cubicBezTo>
                    <a:pt x="533961" y="854771"/>
                    <a:pt x="540498" y="859741"/>
                    <a:pt x="548669" y="858084"/>
                  </a:cubicBezTo>
                  <a:cubicBezTo>
                    <a:pt x="556840" y="858084"/>
                    <a:pt x="560108" y="848145"/>
                    <a:pt x="569913" y="851458"/>
                  </a:cubicBezTo>
                  <a:close/>
                  <a:moveTo>
                    <a:pt x="454963" y="783057"/>
                  </a:moveTo>
                  <a:cubicBezTo>
                    <a:pt x="456622" y="784690"/>
                    <a:pt x="458282" y="786323"/>
                    <a:pt x="459942" y="787955"/>
                  </a:cubicBezTo>
                  <a:cubicBezTo>
                    <a:pt x="459942" y="787955"/>
                    <a:pt x="459942" y="787955"/>
                    <a:pt x="456622" y="791221"/>
                  </a:cubicBezTo>
                  <a:cubicBezTo>
                    <a:pt x="468240" y="794487"/>
                    <a:pt x="466580" y="796120"/>
                    <a:pt x="468240" y="809183"/>
                  </a:cubicBezTo>
                  <a:cubicBezTo>
                    <a:pt x="468240" y="814081"/>
                    <a:pt x="469900" y="818980"/>
                    <a:pt x="468240" y="825511"/>
                  </a:cubicBezTo>
                  <a:cubicBezTo>
                    <a:pt x="466580" y="832043"/>
                    <a:pt x="464921" y="828777"/>
                    <a:pt x="458282" y="832043"/>
                  </a:cubicBezTo>
                  <a:cubicBezTo>
                    <a:pt x="454963" y="833675"/>
                    <a:pt x="451643" y="840207"/>
                    <a:pt x="446664" y="836941"/>
                  </a:cubicBezTo>
                  <a:cubicBezTo>
                    <a:pt x="441685" y="833675"/>
                    <a:pt x="445005" y="828777"/>
                    <a:pt x="446664" y="823878"/>
                  </a:cubicBezTo>
                  <a:cubicBezTo>
                    <a:pt x="446664" y="812448"/>
                    <a:pt x="433387" y="802651"/>
                    <a:pt x="438366" y="792854"/>
                  </a:cubicBezTo>
                  <a:cubicBezTo>
                    <a:pt x="441685" y="787955"/>
                    <a:pt x="449984" y="786323"/>
                    <a:pt x="454963" y="783057"/>
                  </a:cubicBezTo>
                  <a:close/>
                  <a:moveTo>
                    <a:pt x="170971" y="460822"/>
                  </a:moveTo>
                  <a:cubicBezTo>
                    <a:pt x="170971" y="460822"/>
                    <a:pt x="170971" y="460822"/>
                    <a:pt x="175823" y="460822"/>
                  </a:cubicBezTo>
                  <a:cubicBezTo>
                    <a:pt x="175823" y="460822"/>
                    <a:pt x="180675" y="459207"/>
                    <a:pt x="180675" y="460822"/>
                  </a:cubicBezTo>
                  <a:cubicBezTo>
                    <a:pt x="180675" y="460822"/>
                    <a:pt x="183910" y="462438"/>
                    <a:pt x="183910" y="462438"/>
                  </a:cubicBezTo>
                  <a:cubicBezTo>
                    <a:pt x="183910" y="462438"/>
                    <a:pt x="185528" y="464053"/>
                    <a:pt x="187145" y="465668"/>
                  </a:cubicBezTo>
                  <a:cubicBezTo>
                    <a:pt x="188762" y="467284"/>
                    <a:pt x="193615" y="473745"/>
                    <a:pt x="193615" y="473745"/>
                  </a:cubicBezTo>
                  <a:cubicBezTo>
                    <a:pt x="193615" y="475360"/>
                    <a:pt x="195232" y="476976"/>
                    <a:pt x="195232" y="478591"/>
                  </a:cubicBezTo>
                  <a:cubicBezTo>
                    <a:pt x="195232" y="478591"/>
                    <a:pt x="196850" y="480206"/>
                    <a:pt x="195232" y="481822"/>
                  </a:cubicBezTo>
                  <a:cubicBezTo>
                    <a:pt x="195232" y="483437"/>
                    <a:pt x="191997" y="485052"/>
                    <a:pt x="190380" y="486668"/>
                  </a:cubicBezTo>
                  <a:cubicBezTo>
                    <a:pt x="188762" y="486668"/>
                    <a:pt x="188762" y="488283"/>
                    <a:pt x="185528" y="489899"/>
                  </a:cubicBezTo>
                  <a:cubicBezTo>
                    <a:pt x="182293" y="489899"/>
                    <a:pt x="179058" y="491514"/>
                    <a:pt x="179058" y="491514"/>
                  </a:cubicBezTo>
                  <a:cubicBezTo>
                    <a:pt x="177440" y="491514"/>
                    <a:pt x="175823" y="489899"/>
                    <a:pt x="174205" y="489899"/>
                  </a:cubicBezTo>
                  <a:cubicBezTo>
                    <a:pt x="172588" y="488283"/>
                    <a:pt x="170971" y="486668"/>
                    <a:pt x="169353" y="488283"/>
                  </a:cubicBezTo>
                  <a:cubicBezTo>
                    <a:pt x="169353" y="488283"/>
                    <a:pt x="169353" y="489899"/>
                    <a:pt x="169353" y="489899"/>
                  </a:cubicBezTo>
                  <a:cubicBezTo>
                    <a:pt x="170971" y="489899"/>
                    <a:pt x="174205" y="493129"/>
                    <a:pt x="175823" y="493129"/>
                  </a:cubicBezTo>
                  <a:cubicBezTo>
                    <a:pt x="175823" y="494745"/>
                    <a:pt x="179058" y="494745"/>
                    <a:pt x="180675" y="494745"/>
                  </a:cubicBezTo>
                  <a:cubicBezTo>
                    <a:pt x="182293" y="496360"/>
                    <a:pt x="183910" y="499591"/>
                    <a:pt x="183910" y="501206"/>
                  </a:cubicBezTo>
                  <a:cubicBezTo>
                    <a:pt x="183910" y="502821"/>
                    <a:pt x="183910" y="501206"/>
                    <a:pt x="183910" y="507667"/>
                  </a:cubicBezTo>
                  <a:cubicBezTo>
                    <a:pt x="185528" y="514129"/>
                    <a:pt x="177440" y="533513"/>
                    <a:pt x="177440" y="533513"/>
                  </a:cubicBezTo>
                  <a:cubicBezTo>
                    <a:pt x="177440" y="533513"/>
                    <a:pt x="175823" y="533513"/>
                    <a:pt x="174205" y="533513"/>
                  </a:cubicBezTo>
                  <a:cubicBezTo>
                    <a:pt x="172588" y="533513"/>
                    <a:pt x="169353" y="535128"/>
                    <a:pt x="167736" y="535128"/>
                  </a:cubicBezTo>
                  <a:cubicBezTo>
                    <a:pt x="166118" y="535128"/>
                    <a:pt x="164501" y="533513"/>
                    <a:pt x="162883" y="533513"/>
                  </a:cubicBezTo>
                  <a:cubicBezTo>
                    <a:pt x="161266" y="533513"/>
                    <a:pt x="159648" y="533513"/>
                    <a:pt x="158031" y="535128"/>
                  </a:cubicBezTo>
                  <a:cubicBezTo>
                    <a:pt x="156413" y="536744"/>
                    <a:pt x="156413" y="538359"/>
                    <a:pt x="153179" y="539974"/>
                  </a:cubicBezTo>
                  <a:cubicBezTo>
                    <a:pt x="151561" y="541590"/>
                    <a:pt x="151561" y="543205"/>
                    <a:pt x="149944" y="544820"/>
                  </a:cubicBezTo>
                  <a:cubicBezTo>
                    <a:pt x="146709" y="546436"/>
                    <a:pt x="148326" y="544820"/>
                    <a:pt x="143474" y="548051"/>
                  </a:cubicBezTo>
                  <a:cubicBezTo>
                    <a:pt x="137004" y="549667"/>
                    <a:pt x="138621" y="549667"/>
                    <a:pt x="133769" y="551282"/>
                  </a:cubicBezTo>
                  <a:cubicBezTo>
                    <a:pt x="128917" y="551282"/>
                    <a:pt x="127299" y="551282"/>
                    <a:pt x="125682" y="551282"/>
                  </a:cubicBezTo>
                  <a:cubicBezTo>
                    <a:pt x="124064" y="551282"/>
                    <a:pt x="124064" y="549667"/>
                    <a:pt x="120829" y="549667"/>
                  </a:cubicBezTo>
                  <a:cubicBezTo>
                    <a:pt x="119212" y="549667"/>
                    <a:pt x="117595" y="548051"/>
                    <a:pt x="115977" y="548051"/>
                  </a:cubicBezTo>
                  <a:cubicBezTo>
                    <a:pt x="114360" y="548051"/>
                    <a:pt x="112742" y="543205"/>
                    <a:pt x="112742" y="541590"/>
                  </a:cubicBezTo>
                  <a:cubicBezTo>
                    <a:pt x="112742" y="539974"/>
                    <a:pt x="111125" y="538359"/>
                    <a:pt x="112742" y="536744"/>
                  </a:cubicBezTo>
                  <a:cubicBezTo>
                    <a:pt x="112742" y="536744"/>
                    <a:pt x="115977" y="533513"/>
                    <a:pt x="115977" y="533513"/>
                  </a:cubicBezTo>
                  <a:cubicBezTo>
                    <a:pt x="117595" y="531898"/>
                    <a:pt x="120829" y="530282"/>
                    <a:pt x="120829" y="530282"/>
                  </a:cubicBezTo>
                  <a:cubicBezTo>
                    <a:pt x="120829" y="530282"/>
                    <a:pt x="125682" y="527052"/>
                    <a:pt x="125682" y="527052"/>
                  </a:cubicBezTo>
                  <a:cubicBezTo>
                    <a:pt x="125682" y="527052"/>
                    <a:pt x="125682" y="527052"/>
                    <a:pt x="128917" y="522206"/>
                  </a:cubicBezTo>
                  <a:cubicBezTo>
                    <a:pt x="128917" y="522206"/>
                    <a:pt x="127299" y="520590"/>
                    <a:pt x="127299" y="518975"/>
                  </a:cubicBezTo>
                  <a:cubicBezTo>
                    <a:pt x="125682" y="518975"/>
                    <a:pt x="127299" y="515744"/>
                    <a:pt x="128917" y="514129"/>
                  </a:cubicBezTo>
                  <a:cubicBezTo>
                    <a:pt x="128917" y="514129"/>
                    <a:pt x="130534" y="512513"/>
                    <a:pt x="130534" y="512513"/>
                  </a:cubicBezTo>
                  <a:cubicBezTo>
                    <a:pt x="132152" y="512513"/>
                    <a:pt x="132152" y="509283"/>
                    <a:pt x="130534" y="509283"/>
                  </a:cubicBezTo>
                  <a:cubicBezTo>
                    <a:pt x="128917" y="509283"/>
                    <a:pt x="125682" y="507667"/>
                    <a:pt x="124064" y="507667"/>
                  </a:cubicBezTo>
                  <a:cubicBezTo>
                    <a:pt x="122447" y="507667"/>
                    <a:pt x="120829" y="507667"/>
                    <a:pt x="119212" y="507667"/>
                  </a:cubicBezTo>
                  <a:cubicBezTo>
                    <a:pt x="117595" y="507667"/>
                    <a:pt x="115977" y="507667"/>
                    <a:pt x="115977" y="506052"/>
                  </a:cubicBezTo>
                  <a:cubicBezTo>
                    <a:pt x="115977" y="504437"/>
                    <a:pt x="115977" y="504437"/>
                    <a:pt x="117595" y="502821"/>
                  </a:cubicBezTo>
                  <a:cubicBezTo>
                    <a:pt x="119212" y="501206"/>
                    <a:pt x="120829" y="499591"/>
                    <a:pt x="120829" y="497975"/>
                  </a:cubicBezTo>
                  <a:cubicBezTo>
                    <a:pt x="122447" y="496360"/>
                    <a:pt x="119212" y="494745"/>
                    <a:pt x="117595" y="494745"/>
                  </a:cubicBezTo>
                  <a:cubicBezTo>
                    <a:pt x="117595" y="494745"/>
                    <a:pt x="114360" y="491514"/>
                    <a:pt x="114360" y="491514"/>
                  </a:cubicBezTo>
                  <a:cubicBezTo>
                    <a:pt x="114360" y="491514"/>
                    <a:pt x="112742" y="488283"/>
                    <a:pt x="114360" y="486668"/>
                  </a:cubicBezTo>
                  <a:cubicBezTo>
                    <a:pt x="114360" y="485052"/>
                    <a:pt x="114360" y="485052"/>
                    <a:pt x="114360" y="485052"/>
                  </a:cubicBezTo>
                  <a:cubicBezTo>
                    <a:pt x="115977" y="483437"/>
                    <a:pt x="119212" y="483437"/>
                    <a:pt x="119212" y="485052"/>
                  </a:cubicBezTo>
                  <a:cubicBezTo>
                    <a:pt x="120829" y="485052"/>
                    <a:pt x="122447" y="485052"/>
                    <a:pt x="124064" y="485052"/>
                  </a:cubicBezTo>
                  <a:cubicBezTo>
                    <a:pt x="125682" y="486668"/>
                    <a:pt x="128917" y="488283"/>
                    <a:pt x="128917" y="488283"/>
                  </a:cubicBezTo>
                  <a:cubicBezTo>
                    <a:pt x="130534" y="488283"/>
                    <a:pt x="133769" y="486668"/>
                    <a:pt x="133769" y="485052"/>
                  </a:cubicBezTo>
                  <a:cubicBezTo>
                    <a:pt x="135387" y="485052"/>
                    <a:pt x="138621" y="485052"/>
                    <a:pt x="138621" y="485052"/>
                  </a:cubicBezTo>
                  <a:cubicBezTo>
                    <a:pt x="138621" y="485052"/>
                    <a:pt x="138621" y="485052"/>
                    <a:pt x="140239" y="486668"/>
                  </a:cubicBezTo>
                  <a:cubicBezTo>
                    <a:pt x="140239" y="486668"/>
                    <a:pt x="140239" y="486668"/>
                    <a:pt x="145091" y="481822"/>
                  </a:cubicBezTo>
                  <a:cubicBezTo>
                    <a:pt x="145091" y="481822"/>
                    <a:pt x="145091" y="481822"/>
                    <a:pt x="148326" y="480206"/>
                  </a:cubicBezTo>
                  <a:cubicBezTo>
                    <a:pt x="148326" y="480206"/>
                    <a:pt x="149944" y="481822"/>
                    <a:pt x="149944" y="483437"/>
                  </a:cubicBezTo>
                  <a:cubicBezTo>
                    <a:pt x="149944" y="485052"/>
                    <a:pt x="149944" y="485052"/>
                    <a:pt x="151561" y="485052"/>
                  </a:cubicBezTo>
                  <a:cubicBezTo>
                    <a:pt x="153179" y="486668"/>
                    <a:pt x="159648" y="488283"/>
                    <a:pt x="159648" y="488283"/>
                  </a:cubicBezTo>
                  <a:cubicBezTo>
                    <a:pt x="159648" y="488283"/>
                    <a:pt x="159648" y="488283"/>
                    <a:pt x="153179" y="483437"/>
                  </a:cubicBezTo>
                  <a:cubicBezTo>
                    <a:pt x="153179" y="483437"/>
                    <a:pt x="153179" y="483437"/>
                    <a:pt x="153179" y="480206"/>
                  </a:cubicBezTo>
                  <a:cubicBezTo>
                    <a:pt x="153179" y="480206"/>
                    <a:pt x="156413" y="476976"/>
                    <a:pt x="158031" y="476976"/>
                  </a:cubicBezTo>
                  <a:cubicBezTo>
                    <a:pt x="158031" y="475360"/>
                    <a:pt x="161266" y="472130"/>
                    <a:pt x="162883" y="472130"/>
                  </a:cubicBezTo>
                  <a:cubicBezTo>
                    <a:pt x="162883" y="472130"/>
                    <a:pt x="162883" y="467284"/>
                    <a:pt x="162883" y="467284"/>
                  </a:cubicBezTo>
                  <a:cubicBezTo>
                    <a:pt x="162883" y="467284"/>
                    <a:pt x="162883" y="467284"/>
                    <a:pt x="170971" y="460822"/>
                  </a:cubicBezTo>
                  <a:close/>
                  <a:moveTo>
                    <a:pt x="205311" y="371895"/>
                  </a:moveTo>
                  <a:cubicBezTo>
                    <a:pt x="205311" y="371895"/>
                    <a:pt x="205311" y="371895"/>
                    <a:pt x="213423" y="373518"/>
                  </a:cubicBezTo>
                  <a:cubicBezTo>
                    <a:pt x="213423" y="373518"/>
                    <a:pt x="216667" y="376764"/>
                    <a:pt x="218290" y="375141"/>
                  </a:cubicBezTo>
                  <a:cubicBezTo>
                    <a:pt x="219912" y="373518"/>
                    <a:pt x="228024" y="371895"/>
                    <a:pt x="228024" y="371895"/>
                  </a:cubicBezTo>
                  <a:cubicBezTo>
                    <a:pt x="228024" y="371895"/>
                    <a:pt x="228024" y="371895"/>
                    <a:pt x="236136" y="373518"/>
                  </a:cubicBezTo>
                  <a:cubicBezTo>
                    <a:pt x="236136" y="373518"/>
                    <a:pt x="236136" y="373518"/>
                    <a:pt x="236136" y="378387"/>
                  </a:cubicBezTo>
                  <a:cubicBezTo>
                    <a:pt x="236136" y="378387"/>
                    <a:pt x="236136" y="381633"/>
                    <a:pt x="234514" y="383256"/>
                  </a:cubicBezTo>
                  <a:cubicBezTo>
                    <a:pt x="232891" y="383256"/>
                    <a:pt x="229647" y="384879"/>
                    <a:pt x="229647" y="386502"/>
                  </a:cubicBezTo>
                  <a:cubicBezTo>
                    <a:pt x="226402" y="388125"/>
                    <a:pt x="228024" y="388125"/>
                    <a:pt x="226402" y="389748"/>
                  </a:cubicBezTo>
                  <a:cubicBezTo>
                    <a:pt x="226402" y="391371"/>
                    <a:pt x="226402" y="389748"/>
                    <a:pt x="223157" y="391371"/>
                  </a:cubicBezTo>
                  <a:cubicBezTo>
                    <a:pt x="223157" y="391371"/>
                    <a:pt x="223157" y="392995"/>
                    <a:pt x="223157" y="394618"/>
                  </a:cubicBezTo>
                  <a:cubicBezTo>
                    <a:pt x="224779" y="396241"/>
                    <a:pt x="224779" y="397864"/>
                    <a:pt x="224779" y="399487"/>
                  </a:cubicBezTo>
                  <a:cubicBezTo>
                    <a:pt x="224779" y="399487"/>
                    <a:pt x="226402" y="399487"/>
                    <a:pt x="226402" y="399487"/>
                  </a:cubicBezTo>
                  <a:cubicBezTo>
                    <a:pt x="228024" y="399487"/>
                    <a:pt x="229647" y="397864"/>
                    <a:pt x="229647" y="397864"/>
                  </a:cubicBezTo>
                  <a:cubicBezTo>
                    <a:pt x="229647" y="397864"/>
                    <a:pt x="231269" y="396241"/>
                    <a:pt x="232891" y="396241"/>
                  </a:cubicBezTo>
                  <a:cubicBezTo>
                    <a:pt x="232891" y="394618"/>
                    <a:pt x="236136" y="396241"/>
                    <a:pt x="236136" y="396241"/>
                  </a:cubicBezTo>
                  <a:cubicBezTo>
                    <a:pt x="236136" y="396241"/>
                    <a:pt x="241003" y="397864"/>
                    <a:pt x="247493" y="396241"/>
                  </a:cubicBezTo>
                  <a:cubicBezTo>
                    <a:pt x="253983" y="392995"/>
                    <a:pt x="250738" y="396241"/>
                    <a:pt x="250738" y="396241"/>
                  </a:cubicBezTo>
                  <a:cubicBezTo>
                    <a:pt x="250738" y="396241"/>
                    <a:pt x="252360" y="396241"/>
                    <a:pt x="253983" y="396241"/>
                  </a:cubicBezTo>
                  <a:cubicBezTo>
                    <a:pt x="253983" y="396241"/>
                    <a:pt x="255605" y="396241"/>
                    <a:pt x="258850" y="394618"/>
                  </a:cubicBezTo>
                  <a:cubicBezTo>
                    <a:pt x="262095" y="394618"/>
                    <a:pt x="262095" y="399487"/>
                    <a:pt x="262095" y="399487"/>
                  </a:cubicBezTo>
                  <a:cubicBezTo>
                    <a:pt x="262095" y="401110"/>
                    <a:pt x="262095" y="402733"/>
                    <a:pt x="262095" y="402733"/>
                  </a:cubicBezTo>
                  <a:cubicBezTo>
                    <a:pt x="262095" y="402733"/>
                    <a:pt x="262095" y="402733"/>
                    <a:pt x="262095" y="405979"/>
                  </a:cubicBezTo>
                  <a:cubicBezTo>
                    <a:pt x="262095" y="409225"/>
                    <a:pt x="260472" y="409225"/>
                    <a:pt x="260472" y="409225"/>
                  </a:cubicBezTo>
                  <a:cubicBezTo>
                    <a:pt x="260472" y="409225"/>
                    <a:pt x="260472" y="409225"/>
                    <a:pt x="258850" y="412471"/>
                  </a:cubicBezTo>
                  <a:cubicBezTo>
                    <a:pt x="258850" y="412471"/>
                    <a:pt x="258850" y="412471"/>
                    <a:pt x="255605" y="415717"/>
                  </a:cubicBezTo>
                  <a:cubicBezTo>
                    <a:pt x="255605" y="415717"/>
                    <a:pt x="255605" y="415717"/>
                    <a:pt x="255605" y="418963"/>
                  </a:cubicBezTo>
                  <a:cubicBezTo>
                    <a:pt x="255605" y="418963"/>
                    <a:pt x="252360" y="423832"/>
                    <a:pt x="250738" y="423832"/>
                  </a:cubicBezTo>
                  <a:cubicBezTo>
                    <a:pt x="250738" y="425455"/>
                    <a:pt x="249115" y="427078"/>
                    <a:pt x="249115" y="427078"/>
                  </a:cubicBezTo>
                  <a:cubicBezTo>
                    <a:pt x="249115" y="427078"/>
                    <a:pt x="245871" y="428702"/>
                    <a:pt x="245871" y="428702"/>
                  </a:cubicBezTo>
                  <a:cubicBezTo>
                    <a:pt x="245871" y="428702"/>
                    <a:pt x="245871" y="430325"/>
                    <a:pt x="247493" y="431948"/>
                  </a:cubicBezTo>
                  <a:cubicBezTo>
                    <a:pt x="247493" y="431948"/>
                    <a:pt x="245871" y="433571"/>
                    <a:pt x="245871" y="433571"/>
                  </a:cubicBezTo>
                  <a:cubicBezTo>
                    <a:pt x="245871" y="433571"/>
                    <a:pt x="244248" y="435194"/>
                    <a:pt x="242626" y="435194"/>
                  </a:cubicBezTo>
                  <a:cubicBezTo>
                    <a:pt x="241003" y="436817"/>
                    <a:pt x="241003" y="436817"/>
                    <a:pt x="239381" y="438440"/>
                  </a:cubicBezTo>
                  <a:cubicBezTo>
                    <a:pt x="239381" y="438440"/>
                    <a:pt x="239381" y="441686"/>
                    <a:pt x="239381" y="441686"/>
                  </a:cubicBezTo>
                  <a:cubicBezTo>
                    <a:pt x="239381" y="441686"/>
                    <a:pt x="244248" y="440063"/>
                    <a:pt x="245871" y="440063"/>
                  </a:cubicBezTo>
                  <a:cubicBezTo>
                    <a:pt x="245871" y="440063"/>
                    <a:pt x="249115" y="441686"/>
                    <a:pt x="249115" y="441686"/>
                  </a:cubicBezTo>
                  <a:cubicBezTo>
                    <a:pt x="250738" y="440063"/>
                    <a:pt x="250738" y="441686"/>
                    <a:pt x="250738" y="441686"/>
                  </a:cubicBezTo>
                  <a:cubicBezTo>
                    <a:pt x="250738" y="441686"/>
                    <a:pt x="252360" y="441686"/>
                    <a:pt x="253983" y="441686"/>
                  </a:cubicBezTo>
                  <a:cubicBezTo>
                    <a:pt x="255605" y="441686"/>
                    <a:pt x="255605" y="443309"/>
                    <a:pt x="255605" y="443309"/>
                  </a:cubicBezTo>
                  <a:cubicBezTo>
                    <a:pt x="255605" y="443309"/>
                    <a:pt x="255605" y="443309"/>
                    <a:pt x="257227" y="444932"/>
                  </a:cubicBezTo>
                  <a:cubicBezTo>
                    <a:pt x="257227" y="444932"/>
                    <a:pt x="257227" y="444932"/>
                    <a:pt x="258850" y="444932"/>
                  </a:cubicBezTo>
                  <a:cubicBezTo>
                    <a:pt x="258850" y="444932"/>
                    <a:pt x="262095" y="449801"/>
                    <a:pt x="262095" y="449801"/>
                  </a:cubicBezTo>
                  <a:cubicBezTo>
                    <a:pt x="262095" y="449801"/>
                    <a:pt x="262095" y="451424"/>
                    <a:pt x="263717" y="453047"/>
                  </a:cubicBezTo>
                  <a:cubicBezTo>
                    <a:pt x="263717" y="453047"/>
                    <a:pt x="263717" y="456293"/>
                    <a:pt x="265339" y="456293"/>
                  </a:cubicBezTo>
                  <a:cubicBezTo>
                    <a:pt x="265339" y="456293"/>
                    <a:pt x="266962" y="459539"/>
                    <a:pt x="266962" y="459539"/>
                  </a:cubicBezTo>
                  <a:cubicBezTo>
                    <a:pt x="268584" y="459539"/>
                    <a:pt x="268584" y="462785"/>
                    <a:pt x="268584" y="462785"/>
                  </a:cubicBezTo>
                  <a:cubicBezTo>
                    <a:pt x="268584" y="464408"/>
                    <a:pt x="270207" y="467655"/>
                    <a:pt x="270207" y="469278"/>
                  </a:cubicBezTo>
                  <a:cubicBezTo>
                    <a:pt x="271829" y="469278"/>
                    <a:pt x="273451" y="472524"/>
                    <a:pt x="273451" y="472524"/>
                  </a:cubicBezTo>
                  <a:cubicBezTo>
                    <a:pt x="273451" y="472524"/>
                    <a:pt x="278318" y="475770"/>
                    <a:pt x="279941" y="475770"/>
                  </a:cubicBezTo>
                  <a:cubicBezTo>
                    <a:pt x="281563" y="475770"/>
                    <a:pt x="279941" y="477393"/>
                    <a:pt x="284808" y="477393"/>
                  </a:cubicBezTo>
                  <a:cubicBezTo>
                    <a:pt x="288053" y="479016"/>
                    <a:pt x="286430" y="479016"/>
                    <a:pt x="288053" y="480639"/>
                  </a:cubicBezTo>
                  <a:cubicBezTo>
                    <a:pt x="288053" y="480639"/>
                    <a:pt x="288053" y="482262"/>
                    <a:pt x="288053" y="483885"/>
                  </a:cubicBezTo>
                  <a:cubicBezTo>
                    <a:pt x="288053" y="483885"/>
                    <a:pt x="288053" y="483885"/>
                    <a:pt x="288053" y="485508"/>
                  </a:cubicBezTo>
                  <a:cubicBezTo>
                    <a:pt x="288053" y="485508"/>
                    <a:pt x="291298" y="488754"/>
                    <a:pt x="291298" y="488754"/>
                  </a:cubicBezTo>
                  <a:cubicBezTo>
                    <a:pt x="292920" y="488754"/>
                    <a:pt x="291298" y="492000"/>
                    <a:pt x="291298" y="493623"/>
                  </a:cubicBezTo>
                  <a:cubicBezTo>
                    <a:pt x="291298" y="493623"/>
                    <a:pt x="292920" y="496869"/>
                    <a:pt x="292920" y="496869"/>
                  </a:cubicBezTo>
                  <a:cubicBezTo>
                    <a:pt x="292920" y="496869"/>
                    <a:pt x="292920" y="496869"/>
                    <a:pt x="296165" y="500115"/>
                  </a:cubicBezTo>
                  <a:cubicBezTo>
                    <a:pt x="296165" y="500115"/>
                    <a:pt x="296165" y="500115"/>
                    <a:pt x="297787" y="503361"/>
                  </a:cubicBezTo>
                  <a:cubicBezTo>
                    <a:pt x="297787" y="503361"/>
                    <a:pt x="299410" y="504985"/>
                    <a:pt x="301032" y="506608"/>
                  </a:cubicBezTo>
                  <a:cubicBezTo>
                    <a:pt x="301032" y="508231"/>
                    <a:pt x="301032" y="509854"/>
                    <a:pt x="302654" y="511477"/>
                  </a:cubicBezTo>
                  <a:cubicBezTo>
                    <a:pt x="302654" y="511477"/>
                    <a:pt x="301032" y="513100"/>
                    <a:pt x="301032" y="514723"/>
                  </a:cubicBezTo>
                  <a:cubicBezTo>
                    <a:pt x="301032" y="514723"/>
                    <a:pt x="299410" y="514723"/>
                    <a:pt x="299410" y="516346"/>
                  </a:cubicBezTo>
                  <a:cubicBezTo>
                    <a:pt x="297787" y="516346"/>
                    <a:pt x="297787" y="517969"/>
                    <a:pt x="299410" y="517969"/>
                  </a:cubicBezTo>
                  <a:cubicBezTo>
                    <a:pt x="299410" y="517969"/>
                    <a:pt x="304277" y="521215"/>
                    <a:pt x="304277" y="521215"/>
                  </a:cubicBezTo>
                  <a:cubicBezTo>
                    <a:pt x="305899" y="519592"/>
                    <a:pt x="307522" y="519592"/>
                    <a:pt x="309144" y="517969"/>
                  </a:cubicBezTo>
                  <a:cubicBezTo>
                    <a:pt x="312389" y="516346"/>
                    <a:pt x="312389" y="517969"/>
                    <a:pt x="314011" y="517969"/>
                  </a:cubicBezTo>
                  <a:cubicBezTo>
                    <a:pt x="315634" y="517969"/>
                    <a:pt x="315634" y="517969"/>
                    <a:pt x="317256" y="517969"/>
                  </a:cubicBezTo>
                  <a:cubicBezTo>
                    <a:pt x="320501" y="517969"/>
                    <a:pt x="322123" y="519592"/>
                    <a:pt x="323746" y="519592"/>
                  </a:cubicBezTo>
                  <a:cubicBezTo>
                    <a:pt x="325368" y="519592"/>
                    <a:pt x="325368" y="522838"/>
                    <a:pt x="326990" y="524461"/>
                  </a:cubicBezTo>
                  <a:cubicBezTo>
                    <a:pt x="326990" y="524461"/>
                    <a:pt x="328613" y="529330"/>
                    <a:pt x="328613" y="529330"/>
                  </a:cubicBezTo>
                  <a:cubicBezTo>
                    <a:pt x="328613" y="529330"/>
                    <a:pt x="328613" y="529330"/>
                    <a:pt x="326990" y="532576"/>
                  </a:cubicBezTo>
                  <a:cubicBezTo>
                    <a:pt x="326990" y="532576"/>
                    <a:pt x="326990" y="532576"/>
                    <a:pt x="325368" y="534199"/>
                  </a:cubicBezTo>
                  <a:cubicBezTo>
                    <a:pt x="325368" y="534199"/>
                    <a:pt x="325368" y="537445"/>
                    <a:pt x="325368" y="537445"/>
                  </a:cubicBezTo>
                  <a:cubicBezTo>
                    <a:pt x="325368" y="539068"/>
                    <a:pt x="322123" y="542315"/>
                    <a:pt x="320501" y="542315"/>
                  </a:cubicBezTo>
                  <a:cubicBezTo>
                    <a:pt x="320501" y="543938"/>
                    <a:pt x="317256" y="545561"/>
                    <a:pt x="315634" y="547184"/>
                  </a:cubicBezTo>
                  <a:cubicBezTo>
                    <a:pt x="315634" y="548807"/>
                    <a:pt x="314011" y="548807"/>
                    <a:pt x="312389" y="550430"/>
                  </a:cubicBezTo>
                  <a:cubicBezTo>
                    <a:pt x="312389" y="550430"/>
                    <a:pt x="307522" y="552053"/>
                    <a:pt x="305899" y="553676"/>
                  </a:cubicBezTo>
                  <a:cubicBezTo>
                    <a:pt x="304277" y="555299"/>
                    <a:pt x="304277" y="555299"/>
                    <a:pt x="305899" y="556922"/>
                  </a:cubicBezTo>
                  <a:cubicBezTo>
                    <a:pt x="307522" y="558545"/>
                    <a:pt x="310766" y="558545"/>
                    <a:pt x="312389" y="556922"/>
                  </a:cubicBezTo>
                  <a:cubicBezTo>
                    <a:pt x="314011" y="556922"/>
                    <a:pt x="317256" y="558545"/>
                    <a:pt x="317256" y="556922"/>
                  </a:cubicBezTo>
                  <a:cubicBezTo>
                    <a:pt x="318878" y="556922"/>
                    <a:pt x="320501" y="560168"/>
                    <a:pt x="320501" y="560168"/>
                  </a:cubicBezTo>
                  <a:cubicBezTo>
                    <a:pt x="320501" y="560168"/>
                    <a:pt x="320501" y="560168"/>
                    <a:pt x="318878" y="561791"/>
                  </a:cubicBezTo>
                  <a:cubicBezTo>
                    <a:pt x="318878" y="561791"/>
                    <a:pt x="318878" y="561791"/>
                    <a:pt x="314011" y="566660"/>
                  </a:cubicBezTo>
                  <a:cubicBezTo>
                    <a:pt x="314011" y="566660"/>
                    <a:pt x="302654" y="569906"/>
                    <a:pt x="302654" y="569906"/>
                  </a:cubicBezTo>
                  <a:cubicBezTo>
                    <a:pt x="301032" y="569906"/>
                    <a:pt x="299410" y="571529"/>
                    <a:pt x="297787" y="573152"/>
                  </a:cubicBezTo>
                  <a:cubicBezTo>
                    <a:pt x="296165" y="573152"/>
                    <a:pt x="292920" y="573152"/>
                    <a:pt x="292920" y="573152"/>
                  </a:cubicBezTo>
                  <a:cubicBezTo>
                    <a:pt x="291298" y="573152"/>
                    <a:pt x="279941" y="571529"/>
                    <a:pt x="278318" y="571529"/>
                  </a:cubicBezTo>
                  <a:cubicBezTo>
                    <a:pt x="276696" y="571529"/>
                    <a:pt x="276696" y="573152"/>
                    <a:pt x="276696" y="573152"/>
                  </a:cubicBezTo>
                  <a:cubicBezTo>
                    <a:pt x="276696" y="573152"/>
                    <a:pt x="276696" y="573152"/>
                    <a:pt x="268584" y="574775"/>
                  </a:cubicBezTo>
                  <a:cubicBezTo>
                    <a:pt x="268584" y="574775"/>
                    <a:pt x="265339" y="573152"/>
                    <a:pt x="265339" y="571529"/>
                  </a:cubicBezTo>
                  <a:cubicBezTo>
                    <a:pt x="265339" y="571529"/>
                    <a:pt x="260472" y="569906"/>
                    <a:pt x="260472" y="569906"/>
                  </a:cubicBezTo>
                  <a:cubicBezTo>
                    <a:pt x="260472" y="569906"/>
                    <a:pt x="260472" y="569906"/>
                    <a:pt x="257227" y="573152"/>
                  </a:cubicBezTo>
                  <a:cubicBezTo>
                    <a:pt x="257227" y="573152"/>
                    <a:pt x="253983" y="574775"/>
                    <a:pt x="252360" y="574775"/>
                  </a:cubicBezTo>
                  <a:cubicBezTo>
                    <a:pt x="252360" y="574775"/>
                    <a:pt x="245871" y="574775"/>
                    <a:pt x="245871" y="574775"/>
                  </a:cubicBezTo>
                  <a:cubicBezTo>
                    <a:pt x="244248" y="574775"/>
                    <a:pt x="242626" y="574775"/>
                    <a:pt x="241003" y="574775"/>
                  </a:cubicBezTo>
                  <a:cubicBezTo>
                    <a:pt x="241003" y="574775"/>
                    <a:pt x="237759" y="574775"/>
                    <a:pt x="236136" y="574775"/>
                  </a:cubicBezTo>
                  <a:cubicBezTo>
                    <a:pt x="236136" y="574775"/>
                    <a:pt x="234514" y="576399"/>
                    <a:pt x="234514" y="576399"/>
                  </a:cubicBezTo>
                  <a:cubicBezTo>
                    <a:pt x="234514" y="576399"/>
                    <a:pt x="234514" y="576399"/>
                    <a:pt x="232891" y="579645"/>
                  </a:cubicBezTo>
                  <a:cubicBezTo>
                    <a:pt x="232891" y="579645"/>
                    <a:pt x="232891" y="579645"/>
                    <a:pt x="231269" y="581268"/>
                  </a:cubicBezTo>
                  <a:cubicBezTo>
                    <a:pt x="231269" y="581268"/>
                    <a:pt x="226402" y="584514"/>
                    <a:pt x="224779" y="584514"/>
                  </a:cubicBezTo>
                  <a:cubicBezTo>
                    <a:pt x="224779" y="584514"/>
                    <a:pt x="224779" y="584514"/>
                    <a:pt x="223157" y="582891"/>
                  </a:cubicBezTo>
                  <a:cubicBezTo>
                    <a:pt x="223157" y="582891"/>
                    <a:pt x="221535" y="582891"/>
                    <a:pt x="219912" y="581268"/>
                  </a:cubicBezTo>
                  <a:cubicBezTo>
                    <a:pt x="216667" y="578022"/>
                    <a:pt x="216667" y="581268"/>
                    <a:pt x="216667" y="581268"/>
                  </a:cubicBezTo>
                  <a:cubicBezTo>
                    <a:pt x="215045" y="581268"/>
                    <a:pt x="215045" y="582891"/>
                    <a:pt x="213423" y="581268"/>
                  </a:cubicBezTo>
                  <a:cubicBezTo>
                    <a:pt x="213423" y="581268"/>
                    <a:pt x="211800" y="581268"/>
                    <a:pt x="210178" y="581268"/>
                  </a:cubicBezTo>
                  <a:cubicBezTo>
                    <a:pt x="210178" y="581268"/>
                    <a:pt x="208555" y="582891"/>
                    <a:pt x="205311" y="586137"/>
                  </a:cubicBezTo>
                  <a:cubicBezTo>
                    <a:pt x="202066" y="589383"/>
                    <a:pt x="202066" y="589383"/>
                    <a:pt x="202066" y="589383"/>
                  </a:cubicBezTo>
                  <a:cubicBezTo>
                    <a:pt x="202066" y="589383"/>
                    <a:pt x="200443" y="589383"/>
                    <a:pt x="200443" y="589383"/>
                  </a:cubicBezTo>
                  <a:cubicBezTo>
                    <a:pt x="198821" y="589383"/>
                    <a:pt x="197199" y="589383"/>
                    <a:pt x="197199" y="587760"/>
                  </a:cubicBezTo>
                  <a:cubicBezTo>
                    <a:pt x="197199" y="587760"/>
                    <a:pt x="195576" y="586137"/>
                    <a:pt x="198821" y="584514"/>
                  </a:cubicBezTo>
                  <a:cubicBezTo>
                    <a:pt x="198821" y="582891"/>
                    <a:pt x="200443" y="582891"/>
                    <a:pt x="200443" y="582891"/>
                  </a:cubicBezTo>
                  <a:cubicBezTo>
                    <a:pt x="200443" y="581268"/>
                    <a:pt x="203688" y="579645"/>
                    <a:pt x="205311" y="576399"/>
                  </a:cubicBezTo>
                  <a:cubicBezTo>
                    <a:pt x="208555" y="573152"/>
                    <a:pt x="210178" y="574775"/>
                    <a:pt x="210178" y="573152"/>
                  </a:cubicBezTo>
                  <a:cubicBezTo>
                    <a:pt x="211800" y="571529"/>
                    <a:pt x="211800" y="571529"/>
                    <a:pt x="213423" y="569906"/>
                  </a:cubicBezTo>
                  <a:cubicBezTo>
                    <a:pt x="215045" y="568283"/>
                    <a:pt x="215045" y="568283"/>
                    <a:pt x="215045" y="566660"/>
                  </a:cubicBezTo>
                  <a:cubicBezTo>
                    <a:pt x="216667" y="566660"/>
                    <a:pt x="218290" y="565037"/>
                    <a:pt x="218290" y="565037"/>
                  </a:cubicBezTo>
                  <a:cubicBezTo>
                    <a:pt x="218290" y="565037"/>
                    <a:pt x="223157" y="561791"/>
                    <a:pt x="223157" y="560168"/>
                  </a:cubicBezTo>
                  <a:cubicBezTo>
                    <a:pt x="224779" y="560168"/>
                    <a:pt x="226402" y="560168"/>
                    <a:pt x="228024" y="560168"/>
                  </a:cubicBezTo>
                  <a:cubicBezTo>
                    <a:pt x="228024" y="558545"/>
                    <a:pt x="228024" y="560168"/>
                    <a:pt x="229647" y="560168"/>
                  </a:cubicBezTo>
                  <a:cubicBezTo>
                    <a:pt x="231269" y="560168"/>
                    <a:pt x="231269" y="561791"/>
                    <a:pt x="231269" y="561791"/>
                  </a:cubicBezTo>
                  <a:cubicBezTo>
                    <a:pt x="231269" y="561791"/>
                    <a:pt x="232891" y="561791"/>
                    <a:pt x="234514" y="561791"/>
                  </a:cubicBezTo>
                  <a:cubicBezTo>
                    <a:pt x="234514" y="560168"/>
                    <a:pt x="236136" y="561791"/>
                    <a:pt x="236136" y="561791"/>
                  </a:cubicBezTo>
                  <a:cubicBezTo>
                    <a:pt x="237759" y="561791"/>
                    <a:pt x="239381" y="560168"/>
                    <a:pt x="241003" y="560168"/>
                  </a:cubicBezTo>
                  <a:cubicBezTo>
                    <a:pt x="242626" y="558545"/>
                    <a:pt x="242626" y="558545"/>
                    <a:pt x="242626" y="556922"/>
                  </a:cubicBezTo>
                  <a:cubicBezTo>
                    <a:pt x="242626" y="555299"/>
                    <a:pt x="245871" y="556922"/>
                    <a:pt x="245871" y="555299"/>
                  </a:cubicBezTo>
                  <a:cubicBezTo>
                    <a:pt x="247493" y="555299"/>
                    <a:pt x="247493" y="548807"/>
                    <a:pt x="247493" y="548807"/>
                  </a:cubicBezTo>
                  <a:cubicBezTo>
                    <a:pt x="247493" y="548807"/>
                    <a:pt x="245871" y="550430"/>
                    <a:pt x="245871" y="550430"/>
                  </a:cubicBezTo>
                  <a:cubicBezTo>
                    <a:pt x="244248" y="550430"/>
                    <a:pt x="244248" y="550430"/>
                    <a:pt x="244248" y="550430"/>
                  </a:cubicBezTo>
                  <a:cubicBezTo>
                    <a:pt x="244248" y="550430"/>
                    <a:pt x="244248" y="550430"/>
                    <a:pt x="241003" y="552053"/>
                  </a:cubicBezTo>
                  <a:cubicBezTo>
                    <a:pt x="241003" y="552053"/>
                    <a:pt x="241003" y="552053"/>
                    <a:pt x="237759" y="555299"/>
                  </a:cubicBezTo>
                  <a:cubicBezTo>
                    <a:pt x="237759" y="555299"/>
                    <a:pt x="234514" y="555299"/>
                    <a:pt x="232891" y="555299"/>
                  </a:cubicBezTo>
                  <a:cubicBezTo>
                    <a:pt x="232891" y="555299"/>
                    <a:pt x="231269" y="555299"/>
                    <a:pt x="231269" y="555299"/>
                  </a:cubicBezTo>
                  <a:cubicBezTo>
                    <a:pt x="231269" y="555299"/>
                    <a:pt x="229647" y="553676"/>
                    <a:pt x="228024" y="553676"/>
                  </a:cubicBezTo>
                  <a:cubicBezTo>
                    <a:pt x="228024" y="552053"/>
                    <a:pt x="228024" y="553676"/>
                    <a:pt x="226402" y="553676"/>
                  </a:cubicBezTo>
                  <a:cubicBezTo>
                    <a:pt x="226402" y="553676"/>
                    <a:pt x="219912" y="552053"/>
                    <a:pt x="219912" y="550430"/>
                  </a:cubicBezTo>
                  <a:cubicBezTo>
                    <a:pt x="218290" y="550430"/>
                    <a:pt x="215045" y="548807"/>
                    <a:pt x="215045" y="548807"/>
                  </a:cubicBezTo>
                  <a:cubicBezTo>
                    <a:pt x="215045" y="548807"/>
                    <a:pt x="215045" y="548807"/>
                    <a:pt x="211800" y="548807"/>
                  </a:cubicBezTo>
                  <a:cubicBezTo>
                    <a:pt x="211800" y="548807"/>
                    <a:pt x="211800" y="548807"/>
                    <a:pt x="208555" y="548807"/>
                  </a:cubicBezTo>
                  <a:cubicBezTo>
                    <a:pt x="208555" y="548807"/>
                    <a:pt x="208555" y="548807"/>
                    <a:pt x="205311" y="550430"/>
                  </a:cubicBezTo>
                  <a:cubicBezTo>
                    <a:pt x="205311" y="550430"/>
                    <a:pt x="205311" y="550430"/>
                    <a:pt x="202066" y="548807"/>
                  </a:cubicBezTo>
                  <a:cubicBezTo>
                    <a:pt x="202066" y="547184"/>
                    <a:pt x="203688" y="542315"/>
                    <a:pt x="203688" y="542315"/>
                  </a:cubicBezTo>
                  <a:cubicBezTo>
                    <a:pt x="203688" y="542315"/>
                    <a:pt x="206933" y="542315"/>
                    <a:pt x="206933" y="540692"/>
                  </a:cubicBezTo>
                  <a:cubicBezTo>
                    <a:pt x="208555" y="540692"/>
                    <a:pt x="208555" y="539068"/>
                    <a:pt x="210178" y="539068"/>
                  </a:cubicBezTo>
                  <a:cubicBezTo>
                    <a:pt x="211800" y="537445"/>
                    <a:pt x="211800" y="539068"/>
                    <a:pt x="213423" y="539068"/>
                  </a:cubicBezTo>
                  <a:cubicBezTo>
                    <a:pt x="215045" y="537445"/>
                    <a:pt x="216667" y="537445"/>
                    <a:pt x="218290" y="535822"/>
                  </a:cubicBezTo>
                  <a:cubicBezTo>
                    <a:pt x="219912" y="534199"/>
                    <a:pt x="218290" y="532576"/>
                    <a:pt x="218290" y="532576"/>
                  </a:cubicBezTo>
                  <a:cubicBezTo>
                    <a:pt x="218290" y="530953"/>
                    <a:pt x="219912" y="530953"/>
                    <a:pt x="219912" y="529330"/>
                  </a:cubicBezTo>
                  <a:cubicBezTo>
                    <a:pt x="221535" y="529330"/>
                    <a:pt x="223157" y="529330"/>
                    <a:pt x="223157" y="527707"/>
                  </a:cubicBezTo>
                  <a:cubicBezTo>
                    <a:pt x="223157" y="527707"/>
                    <a:pt x="223157" y="524461"/>
                    <a:pt x="223157" y="524461"/>
                  </a:cubicBezTo>
                  <a:cubicBezTo>
                    <a:pt x="223157" y="522838"/>
                    <a:pt x="221535" y="522838"/>
                    <a:pt x="221535" y="521215"/>
                  </a:cubicBezTo>
                  <a:cubicBezTo>
                    <a:pt x="219912" y="521215"/>
                    <a:pt x="218290" y="519592"/>
                    <a:pt x="218290" y="517969"/>
                  </a:cubicBezTo>
                  <a:cubicBezTo>
                    <a:pt x="218290" y="517969"/>
                    <a:pt x="216667" y="516346"/>
                    <a:pt x="218290" y="516346"/>
                  </a:cubicBezTo>
                  <a:cubicBezTo>
                    <a:pt x="218290" y="514723"/>
                    <a:pt x="218290" y="514723"/>
                    <a:pt x="218290" y="513100"/>
                  </a:cubicBezTo>
                  <a:cubicBezTo>
                    <a:pt x="218290" y="513100"/>
                    <a:pt x="218290" y="513100"/>
                    <a:pt x="219912" y="511477"/>
                  </a:cubicBezTo>
                  <a:cubicBezTo>
                    <a:pt x="221535" y="509854"/>
                    <a:pt x="221535" y="509854"/>
                    <a:pt x="221535" y="509854"/>
                  </a:cubicBezTo>
                  <a:cubicBezTo>
                    <a:pt x="223157" y="509854"/>
                    <a:pt x="221535" y="509854"/>
                    <a:pt x="223157" y="509854"/>
                  </a:cubicBezTo>
                  <a:cubicBezTo>
                    <a:pt x="224779" y="509854"/>
                    <a:pt x="224779" y="509854"/>
                    <a:pt x="226402" y="509854"/>
                  </a:cubicBezTo>
                  <a:cubicBezTo>
                    <a:pt x="226402" y="508231"/>
                    <a:pt x="228024" y="508231"/>
                    <a:pt x="229647" y="508231"/>
                  </a:cubicBezTo>
                  <a:cubicBezTo>
                    <a:pt x="231269" y="508231"/>
                    <a:pt x="232891" y="508231"/>
                    <a:pt x="234514" y="508231"/>
                  </a:cubicBezTo>
                  <a:cubicBezTo>
                    <a:pt x="234514" y="508231"/>
                    <a:pt x="237759" y="509854"/>
                    <a:pt x="237759" y="509854"/>
                  </a:cubicBezTo>
                  <a:cubicBezTo>
                    <a:pt x="237759" y="509854"/>
                    <a:pt x="239381" y="508231"/>
                    <a:pt x="239381" y="508231"/>
                  </a:cubicBezTo>
                  <a:cubicBezTo>
                    <a:pt x="239381" y="506608"/>
                    <a:pt x="241003" y="504985"/>
                    <a:pt x="239381" y="503361"/>
                  </a:cubicBezTo>
                  <a:cubicBezTo>
                    <a:pt x="239381" y="501738"/>
                    <a:pt x="239381" y="501738"/>
                    <a:pt x="239381" y="498492"/>
                  </a:cubicBezTo>
                  <a:cubicBezTo>
                    <a:pt x="241003" y="496869"/>
                    <a:pt x="239381" y="496869"/>
                    <a:pt x="239381" y="496869"/>
                  </a:cubicBezTo>
                  <a:cubicBezTo>
                    <a:pt x="239381" y="495246"/>
                    <a:pt x="239381" y="495246"/>
                    <a:pt x="239381" y="493623"/>
                  </a:cubicBezTo>
                  <a:cubicBezTo>
                    <a:pt x="239381" y="493623"/>
                    <a:pt x="239381" y="493623"/>
                    <a:pt x="241003" y="490377"/>
                  </a:cubicBezTo>
                  <a:cubicBezTo>
                    <a:pt x="242626" y="488754"/>
                    <a:pt x="241003" y="488754"/>
                    <a:pt x="241003" y="488754"/>
                  </a:cubicBezTo>
                  <a:cubicBezTo>
                    <a:pt x="241003" y="488754"/>
                    <a:pt x="239381" y="488754"/>
                    <a:pt x="237759" y="487131"/>
                  </a:cubicBezTo>
                  <a:cubicBezTo>
                    <a:pt x="237759" y="487131"/>
                    <a:pt x="236136" y="487131"/>
                    <a:pt x="236136" y="485508"/>
                  </a:cubicBezTo>
                  <a:cubicBezTo>
                    <a:pt x="236136" y="485508"/>
                    <a:pt x="236136" y="483885"/>
                    <a:pt x="236136" y="483885"/>
                  </a:cubicBezTo>
                  <a:cubicBezTo>
                    <a:pt x="236136" y="482262"/>
                    <a:pt x="232891" y="480639"/>
                    <a:pt x="232891" y="480639"/>
                  </a:cubicBezTo>
                  <a:cubicBezTo>
                    <a:pt x="231269" y="479016"/>
                    <a:pt x="229647" y="479016"/>
                    <a:pt x="229647" y="479016"/>
                  </a:cubicBezTo>
                  <a:cubicBezTo>
                    <a:pt x="229647" y="479016"/>
                    <a:pt x="229647" y="477393"/>
                    <a:pt x="229647" y="475770"/>
                  </a:cubicBezTo>
                  <a:cubicBezTo>
                    <a:pt x="231269" y="474147"/>
                    <a:pt x="231269" y="474147"/>
                    <a:pt x="232891" y="472524"/>
                  </a:cubicBezTo>
                  <a:cubicBezTo>
                    <a:pt x="234514" y="472524"/>
                    <a:pt x="234514" y="470901"/>
                    <a:pt x="234514" y="469278"/>
                  </a:cubicBezTo>
                  <a:cubicBezTo>
                    <a:pt x="234514" y="469278"/>
                    <a:pt x="232891" y="467655"/>
                    <a:pt x="232891" y="467655"/>
                  </a:cubicBezTo>
                  <a:cubicBezTo>
                    <a:pt x="232891" y="467655"/>
                    <a:pt x="231269" y="467655"/>
                    <a:pt x="228024" y="467655"/>
                  </a:cubicBezTo>
                  <a:cubicBezTo>
                    <a:pt x="224779" y="469278"/>
                    <a:pt x="226402" y="469278"/>
                    <a:pt x="226402" y="469278"/>
                  </a:cubicBezTo>
                  <a:cubicBezTo>
                    <a:pt x="226402" y="470901"/>
                    <a:pt x="226402" y="470901"/>
                    <a:pt x="224779" y="470901"/>
                  </a:cubicBezTo>
                  <a:cubicBezTo>
                    <a:pt x="224779" y="470901"/>
                    <a:pt x="224779" y="470901"/>
                    <a:pt x="221535" y="472524"/>
                  </a:cubicBezTo>
                  <a:cubicBezTo>
                    <a:pt x="221535" y="472524"/>
                    <a:pt x="221535" y="472524"/>
                    <a:pt x="218290" y="470901"/>
                  </a:cubicBezTo>
                  <a:cubicBezTo>
                    <a:pt x="218290" y="470901"/>
                    <a:pt x="216667" y="472524"/>
                    <a:pt x="216667" y="472524"/>
                  </a:cubicBezTo>
                  <a:cubicBezTo>
                    <a:pt x="215045" y="472524"/>
                    <a:pt x="213423" y="472524"/>
                    <a:pt x="211800" y="472524"/>
                  </a:cubicBezTo>
                  <a:cubicBezTo>
                    <a:pt x="211800" y="470901"/>
                    <a:pt x="205311" y="472524"/>
                    <a:pt x="205311" y="472524"/>
                  </a:cubicBezTo>
                  <a:cubicBezTo>
                    <a:pt x="205311" y="470901"/>
                    <a:pt x="205311" y="470901"/>
                    <a:pt x="203688" y="469278"/>
                  </a:cubicBezTo>
                  <a:cubicBezTo>
                    <a:pt x="203688" y="469278"/>
                    <a:pt x="202066" y="466032"/>
                    <a:pt x="202066" y="466032"/>
                  </a:cubicBezTo>
                  <a:cubicBezTo>
                    <a:pt x="202066" y="464408"/>
                    <a:pt x="205311" y="462785"/>
                    <a:pt x="205311" y="462785"/>
                  </a:cubicBezTo>
                  <a:cubicBezTo>
                    <a:pt x="206933" y="461162"/>
                    <a:pt x="206933" y="459539"/>
                    <a:pt x="206933" y="459539"/>
                  </a:cubicBezTo>
                  <a:cubicBezTo>
                    <a:pt x="206933" y="459539"/>
                    <a:pt x="208555" y="457916"/>
                    <a:pt x="208555" y="456293"/>
                  </a:cubicBezTo>
                  <a:cubicBezTo>
                    <a:pt x="210178" y="456293"/>
                    <a:pt x="211800" y="454670"/>
                    <a:pt x="211800" y="453047"/>
                  </a:cubicBezTo>
                  <a:cubicBezTo>
                    <a:pt x="211800" y="451424"/>
                    <a:pt x="208555" y="453047"/>
                    <a:pt x="208555" y="453047"/>
                  </a:cubicBezTo>
                  <a:cubicBezTo>
                    <a:pt x="208555" y="453047"/>
                    <a:pt x="210178" y="451424"/>
                    <a:pt x="210178" y="451424"/>
                  </a:cubicBezTo>
                  <a:cubicBezTo>
                    <a:pt x="211800" y="449801"/>
                    <a:pt x="210178" y="448178"/>
                    <a:pt x="210178" y="448178"/>
                  </a:cubicBezTo>
                  <a:cubicBezTo>
                    <a:pt x="210178" y="448178"/>
                    <a:pt x="206933" y="446555"/>
                    <a:pt x="206933" y="446555"/>
                  </a:cubicBezTo>
                  <a:cubicBezTo>
                    <a:pt x="205311" y="446555"/>
                    <a:pt x="206933" y="443309"/>
                    <a:pt x="206933" y="443309"/>
                  </a:cubicBezTo>
                  <a:cubicBezTo>
                    <a:pt x="206933" y="441686"/>
                    <a:pt x="208555" y="440063"/>
                    <a:pt x="208555" y="438440"/>
                  </a:cubicBezTo>
                  <a:cubicBezTo>
                    <a:pt x="208555" y="438440"/>
                    <a:pt x="205311" y="436817"/>
                    <a:pt x="205311" y="435194"/>
                  </a:cubicBezTo>
                  <a:cubicBezTo>
                    <a:pt x="205311" y="435194"/>
                    <a:pt x="203688" y="436817"/>
                    <a:pt x="203688" y="436817"/>
                  </a:cubicBezTo>
                  <a:cubicBezTo>
                    <a:pt x="202066" y="438440"/>
                    <a:pt x="200443" y="440063"/>
                    <a:pt x="198821" y="438440"/>
                  </a:cubicBezTo>
                  <a:cubicBezTo>
                    <a:pt x="198821" y="438440"/>
                    <a:pt x="198821" y="438440"/>
                    <a:pt x="197199" y="438440"/>
                  </a:cubicBezTo>
                  <a:cubicBezTo>
                    <a:pt x="197199" y="438440"/>
                    <a:pt x="197199" y="438440"/>
                    <a:pt x="193954" y="441686"/>
                  </a:cubicBezTo>
                  <a:cubicBezTo>
                    <a:pt x="193954" y="441686"/>
                    <a:pt x="192332" y="441686"/>
                    <a:pt x="190709" y="441686"/>
                  </a:cubicBezTo>
                  <a:cubicBezTo>
                    <a:pt x="190709" y="440063"/>
                    <a:pt x="192332" y="440063"/>
                    <a:pt x="192332" y="438440"/>
                  </a:cubicBezTo>
                  <a:cubicBezTo>
                    <a:pt x="192332" y="436817"/>
                    <a:pt x="192332" y="438440"/>
                    <a:pt x="192332" y="436817"/>
                  </a:cubicBezTo>
                  <a:cubicBezTo>
                    <a:pt x="193954" y="435194"/>
                    <a:pt x="195576" y="435194"/>
                    <a:pt x="195576" y="433571"/>
                  </a:cubicBezTo>
                  <a:cubicBezTo>
                    <a:pt x="195576" y="431948"/>
                    <a:pt x="195576" y="431948"/>
                    <a:pt x="195576" y="431948"/>
                  </a:cubicBezTo>
                  <a:cubicBezTo>
                    <a:pt x="195576" y="431948"/>
                    <a:pt x="200443" y="428702"/>
                    <a:pt x="200443" y="427078"/>
                  </a:cubicBezTo>
                  <a:cubicBezTo>
                    <a:pt x="202066" y="427078"/>
                    <a:pt x="202066" y="425455"/>
                    <a:pt x="202066" y="425455"/>
                  </a:cubicBezTo>
                  <a:cubicBezTo>
                    <a:pt x="202066" y="425455"/>
                    <a:pt x="200443" y="423832"/>
                    <a:pt x="198821" y="425455"/>
                  </a:cubicBezTo>
                  <a:cubicBezTo>
                    <a:pt x="198821" y="425455"/>
                    <a:pt x="198821" y="425455"/>
                    <a:pt x="197199" y="425455"/>
                  </a:cubicBezTo>
                  <a:cubicBezTo>
                    <a:pt x="197199" y="425455"/>
                    <a:pt x="197199" y="425455"/>
                    <a:pt x="195576" y="425455"/>
                  </a:cubicBezTo>
                  <a:cubicBezTo>
                    <a:pt x="195576" y="425455"/>
                    <a:pt x="195576" y="425455"/>
                    <a:pt x="193954" y="427078"/>
                  </a:cubicBezTo>
                  <a:cubicBezTo>
                    <a:pt x="193954" y="427078"/>
                    <a:pt x="193954" y="427078"/>
                    <a:pt x="193954" y="430325"/>
                  </a:cubicBezTo>
                  <a:cubicBezTo>
                    <a:pt x="193954" y="430325"/>
                    <a:pt x="193954" y="430325"/>
                    <a:pt x="192332" y="431948"/>
                  </a:cubicBezTo>
                  <a:cubicBezTo>
                    <a:pt x="192332" y="431948"/>
                    <a:pt x="190709" y="431948"/>
                    <a:pt x="189087" y="433571"/>
                  </a:cubicBezTo>
                  <a:cubicBezTo>
                    <a:pt x="189087" y="433571"/>
                    <a:pt x="187464" y="433571"/>
                    <a:pt x="187464" y="433571"/>
                  </a:cubicBezTo>
                  <a:cubicBezTo>
                    <a:pt x="185842" y="433571"/>
                    <a:pt x="189087" y="431948"/>
                    <a:pt x="189087" y="431948"/>
                  </a:cubicBezTo>
                  <a:cubicBezTo>
                    <a:pt x="189087" y="431948"/>
                    <a:pt x="189087" y="431948"/>
                    <a:pt x="189087" y="430325"/>
                  </a:cubicBezTo>
                  <a:cubicBezTo>
                    <a:pt x="189087" y="430325"/>
                    <a:pt x="189087" y="430325"/>
                    <a:pt x="189087" y="427078"/>
                  </a:cubicBezTo>
                  <a:cubicBezTo>
                    <a:pt x="189087" y="427078"/>
                    <a:pt x="189087" y="427078"/>
                    <a:pt x="187464" y="428702"/>
                  </a:cubicBezTo>
                  <a:cubicBezTo>
                    <a:pt x="187464" y="428702"/>
                    <a:pt x="187464" y="428702"/>
                    <a:pt x="185842" y="428702"/>
                  </a:cubicBezTo>
                  <a:lnTo>
                    <a:pt x="182597" y="427078"/>
                  </a:lnTo>
                  <a:cubicBezTo>
                    <a:pt x="180975" y="427078"/>
                    <a:pt x="185842" y="422209"/>
                    <a:pt x="185842" y="422209"/>
                  </a:cubicBezTo>
                  <a:cubicBezTo>
                    <a:pt x="185842" y="422209"/>
                    <a:pt x="185842" y="422209"/>
                    <a:pt x="190709" y="418963"/>
                  </a:cubicBezTo>
                  <a:cubicBezTo>
                    <a:pt x="190709" y="418963"/>
                    <a:pt x="195576" y="410848"/>
                    <a:pt x="195576" y="409225"/>
                  </a:cubicBezTo>
                  <a:cubicBezTo>
                    <a:pt x="195576" y="407602"/>
                    <a:pt x="192332" y="404356"/>
                    <a:pt x="192332" y="404356"/>
                  </a:cubicBezTo>
                  <a:cubicBezTo>
                    <a:pt x="192332" y="404356"/>
                    <a:pt x="192332" y="401110"/>
                    <a:pt x="190709" y="397864"/>
                  </a:cubicBezTo>
                  <a:cubicBezTo>
                    <a:pt x="189087" y="396241"/>
                    <a:pt x="192332" y="394618"/>
                    <a:pt x="192332" y="391371"/>
                  </a:cubicBezTo>
                  <a:cubicBezTo>
                    <a:pt x="192332" y="389748"/>
                    <a:pt x="200443" y="391371"/>
                    <a:pt x="200443" y="391371"/>
                  </a:cubicBezTo>
                  <a:cubicBezTo>
                    <a:pt x="200443" y="391371"/>
                    <a:pt x="200443" y="391371"/>
                    <a:pt x="198821" y="381633"/>
                  </a:cubicBezTo>
                  <a:cubicBezTo>
                    <a:pt x="198821" y="381633"/>
                    <a:pt x="198821" y="381633"/>
                    <a:pt x="202066" y="383256"/>
                  </a:cubicBezTo>
                  <a:cubicBezTo>
                    <a:pt x="202066" y="383256"/>
                    <a:pt x="205311" y="378387"/>
                    <a:pt x="205311" y="371895"/>
                  </a:cubicBezTo>
                  <a:close/>
                  <a:moveTo>
                    <a:pt x="146477" y="146470"/>
                  </a:moveTo>
                  <a:cubicBezTo>
                    <a:pt x="148104" y="148084"/>
                    <a:pt x="149732" y="149699"/>
                    <a:pt x="151359" y="149699"/>
                  </a:cubicBezTo>
                  <a:cubicBezTo>
                    <a:pt x="151359" y="151313"/>
                    <a:pt x="152987" y="151313"/>
                    <a:pt x="152987" y="152928"/>
                  </a:cubicBezTo>
                  <a:cubicBezTo>
                    <a:pt x="152987" y="152928"/>
                    <a:pt x="154614" y="156156"/>
                    <a:pt x="154614" y="156156"/>
                  </a:cubicBezTo>
                  <a:cubicBezTo>
                    <a:pt x="154614" y="156156"/>
                    <a:pt x="156242" y="156156"/>
                    <a:pt x="156242" y="157771"/>
                  </a:cubicBezTo>
                  <a:cubicBezTo>
                    <a:pt x="157869" y="157771"/>
                    <a:pt x="159497" y="157771"/>
                    <a:pt x="159497" y="157771"/>
                  </a:cubicBezTo>
                  <a:cubicBezTo>
                    <a:pt x="161124" y="156156"/>
                    <a:pt x="161124" y="156156"/>
                    <a:pt x="162752" y="156156"/>
                  </a:cubicBezTo>
                  <a:cubicBezTo>
                    <a:pt x="162752" y="154542"/>
                    <a:pt x="162752" y="152928"/>
                    <a:pt x="162752" y="152928"/>
                  </a:cubicBezTo>
                  <a:cubicBezTo>
                    <a:pt x="162752" y="152928"/>
                    <a:pt x="166007" y="151313"/>
                    <a:pt x="166007" y="151313"/>
                  </a:cubicBezTo>
                  <a:cubicBezTo>
                    <a:pt x="167634" y="151313"/>
                    <a:pt x="169262" y="151313"/>
                    <a:pt x="170889" y="151313"/>
                  </a:cubicBezTo>
                  <a:cubicBezTo>
                    <a:pt x="170889" y="152928"/>
                    <a:pt x="169262" y="154542"/>
                    <a:pt x="169262" y="154542"/>
                  </a:cubicBezTo>
                  <a:cubicBezTo>
                    <a:pt x="167634" y="156156"/>
                    <a:pt x="167634" y="157771"/>
                    <a:pt x="167634" y="157771"/>
                  </a:cubicBezTo>
                  <a:cubicBezTo>
                    <a:pt x="167634" y="157771"/>
                    <a:pt x="167634" y="159385"/>
                    <a:pt x="167634" y="161000"/>
                  </a:cubicBezTo>
                  <a:cubicBezTo>
                    <a:pt x="167634" y="161000"/>
                    <a:pt x="170889" y="161000"/>
                    <a:pt x="170889" y="161000"/>
                  </a:cubicBezTo>
                  <a:cubicBezTo>
                    <a:pt x="172517" y="162614"/>
                    <a:pt x="172517" y="162614"/>
                    <a:pt x="172517" y="162614"/>
                  </a:cubicBezTo>
                  <a:cubicBezTo>
                    <a:pt x="172517" y="162614"/>
                    <a:pt x="170889" y="165843"/>
                    <a:pt x="170889" y="165843"/>
                  </a:cubicBezTo>
                  <a:cubicBezTo>
                    <a:pt x="170889" y="167457"/>
                    <a:pt x="170889" y="167457"/>
                    <a:pt x="169262" y="167457"/>
                  </a:cubicBezTo>
                  <a:cubicBezTo>
                    <a:pt x="169262" y="169072"/>
                    <a:pt x="169262" y="169072"/>
                    <a:pt x="170889" y="170686"/>
                  </a:cubicBezTo>
                  <a:cubicBezTo>
                    <a:pt x="172517" y="170686"/>
                    <a:pt x="177400" y="170686"/>
                    <a:pt x="177400" y="172300"/>
                  </a:cubicBezTo>
                  <a:cubicBezTo>
                    <a:pt x="177400" y="172300"/>
                    <a:pt x="174145" y="175529"/>
                    <a:pt x="175772" y="175529"/>
                  </a:cubicBezTo>
                  <a:cubicBezTo>
                    <a:pt x="177400" y="177144"/>
                    <a:pt x="179027" y="175529"/>
                    <a:pt x="180655" y="175529"/>
                  </a:cubicBezTo>
                  <a:cubicBezTo>
                    <a:pt x="180655" y="175529"/>
                    <a:pt x="183910" y="173915"/>
                    <a:pt x="183910" y="175529"/>
                  </a:cubicBezTo>
                  <a:cubicBezTo>
                    <a:pt x="183910" y="175529"/>
                    <a:pt x="188792" y="175529"/>
                    <a:pt x="188792" y="175529"/>
                  </a:cubicBezTo>
                  <a:cubicBezTo>
                    <a:pt x="188792" y="175529"/>
                    <a:pt x="188792" y="175529"/>
                    <a:pt x="193675" y="180372"/>
                  </a:cubicBezTo>
                  <a:cubicBezTo>
                    <a:pt x="193675" y="180372"/>
                    <a:pt x="190420" y="180372"/>
                    <a:pt x="190420" y="181987"/>
                  </a:cubicBezTo>
                  <a:cubicBezTo>
                    <a:pt x="190420" y="183601"/>
                    <a:pt x="192047" y="185216"/>
                    <a:pt x="192047" y="185216"/>
                  </a:cubicBezTo>
                  <a:cubicBezTo>
                    <a:pt x="192047" y="185216"/>
                    <a:pt x="192047" y="193288"/>
                    <a:pt x="192047" y="193288"/>
                  </a:cubicBezTo>
                  <a:cubicBezTo>
                    <a:pt x="192047" y="193288"/>
                    <a:pt x="192047" y="193288"/>
                    <a:pt x="190420" y="193288"/>
                  </a:cubicBezTo>
                  <a:cubicBezTo>
                    <a:pt x="190420" y="194902"/>
                    <a:pt x="187165" y="193288"/>
                    <a:pt x="187165" y="194902"/>
                  </a:cubicBezTo>
                  <a:cubicBezTo>
                    <a:pt x="185537" y="198131"/>
                    <a:pt x="187165" y="198131"/>
                    <a:pt x="185537" y="198131"/>
                  </a:cubicBezTo>
                  <a:cubicBezTo>
                    <a:pt x="185537" y="199745"/>
                    <a:pt x="183910" y="201360"/>
                    <a:pt x="183910" y="201360"/>
                  </a:cubicBezTo>
                  <a:cubicBezTo>
                    <a:pt x="183910" y="201360"/>
                    <a:pt x="182282" y="199745"/>
                    <a:pt x="180655" y="201360"/>
                  </a:cubicBezTo>
                  <a:cubicBezTo>
                    <a:pt x="179027" y="202974"/>
                    <a:pt x="179027" y="201360"/>
                    <a:pt x="177400" y="202974"/>
                  </a:cubicBezTo>
                  <a:cubicBezTo>
                    <a:pt x="177400" y="206203"/>
                    <a:pt x="177400" y="206203"/>
                    <a:pt x="177400" y="206203"/>
                  </a:cubicBezTo>
                  <a:cubicBezTo>
                    <a:pt x="177400" y="206203"/>
                    <a:pt x="175772" y="209432"/>
                    <a:pt x="175772" y="209432"/>
                  </a:cubicBezTo>
                  <a:cubicBezTo>
                    <a:pt x="174145" y="209432"/>
                    <a:pt x="174145" y="209432"/>
                    <a:pt x="172517" y="211046"/>
                  </a:cubicBezTo>
                  <a:cubicBezTo>
                    <a:pt x="172517" y="212661"/>
                    <a:pt x="170889" y="214275"/>
                    <a:pt x="170889" y="214275"/>
                  </a:cubicBezTo>
                  <a:cubicBezTo>
                    <a:pt x="170889" y="214275"/>
                    <a:pt x="169262" y="212661"/>
                    <a:pt x="167634" y="212661"/>
                  </a:cubicBezTo>
                  <a:cubicBezTo>
                    <a:pt x="166007" y="212661"/>
                    <a:pt x="161124" y="212661"/>
                    <a:pt x="161124" y="212661"/>
                  </a:cubicBezTo>
                  <a:cubicBezTo>
                    <a:pt x="161124" y="212661"/>
                    <a:pt x="159497" y="212661"/>
                    <a:pt x="157869" y="214275"/>
                  </a:cubicBezTo>
                  <a:cubicBezTo>
                    <a:pt x="157869" y="215889"/>
                    <a:pt x="157869" y="215889"/>
                    <a:pt x="154614" y="217504"/>
                  </a:cubicBezTo>
                  <a:cubicBezTo>
                    <a:pt x="151359" y="219118"/>
                    <a:pt x="149732" y="217504"/>
                    <a:pt x="149732" y="217504"/>
                  </a:cubicBezTo>
                  <a:cubicBezTo>
                    <a:pt x="149732" y="219118"/>
                    <a:pt x="151359" y="215889"/>
                    <a:pt x="148104" y="219118"/>
                  </a:cubicBezTo>
                  <a:cubicBezTo>
                    <a:pt x="144849" y="220733"/>
                    <a:pt x="144849" y="222347"/>
                    <a:pt x="143222" y="223961"/>
                  </a:cubicBezTo>
                  <a:cubicBezTo>
                    <a:pt x="141594" y="223961"/>
                    <a:pt x="141594" y="222347"/>
                    <a:pt x="139967" y="223961"/>
                  </a:cubicBezTo>
                  <a:cubicBezTo>
                    <a:pt x="139967" y="225576"/>
                    <a:pt x="139967" y="227190"/>
                    <a:pt x="136712" y="227190"/>
                  </a:cubicBezTo>
                  <a:cubicBezTo>
                    <a:pt x="135084" y="227190"/>
                    <a:pt x="133456" y="227190"/>
                    <a:pt x="133456" y="228805"/>
                  </a:cubicBezTo>
                  <a:cubicBezTo>
                    <a:pt x="131829" y="228805"/>
                    <a:pt x="131829" y="228805"/>
                    <a:pt x="130201" y="228805"/>
                  </a:cubicBezTo>
                  <a:cubicBezTo>
                    <a:pt x="128574" y="228805"/>
                    <a:pt x="125319" y="228805"/>
                    <a:pt x="125319" y="228805"/>
                  </a:cubicBezTo>
                  <a:cubicBezTo>
                    <a:pt x="125319" y="228805"/>
                    <a:pt x="120436" y="230419"/>
                    <a:pt x="120436" y="230419"/>
                  </a:cubicBezTo>
                  <a:cubicBezTo>
                    <a:pt x="120436" y="232033"/>
                    <a:pt x="117181" y="230419"/>
                    <a:pt x="117181" y="232033"/>
                  </a:cubicBezTo>
                  <a:cubicBezTo>
                    <a:pt x="115554" y="233648"/>
                    <a:pt x="115554" y="236877"/>
                    <a:pt x="115554" y="236877"/>
                  </a:cubicBezTo>
                  <a:cubicBezTo>
                    <a:pt x="113926" y="236877"/>
                    <a:pt x="112299" y="236877"/>
                    <a:pt x="110671" y="238491"/>
                  </a:cubicBezTo>
                  <a:cubicBezTo>
                    <a:pt x="109044" y="240106"/>
                    <a:pt x="109044" y="236877"/>
                    <a:pt x="109044" y="236877"/>
                  </a:cubicBezTo>
                  <a:cubicBezTo>
                    <a:pt x="109044" y="236877"/>
                    <a:pt x="105789" y="235262"/>
                    <a:pt x="105789" y="236877"/>
                  </a:cubicBezTo>
                  <a:cubicBezTo>
                    <a:pt x="104161" y="238491"/>
                    <a:pt x="104161" y="238491"/>
                    <a:pt x="102534" y="240106"/>
                  </a:cubicBezTo>
                  <a:cubicBezTo>
                    <a:pt x="100906" y="241720"/>
                    <a:pt x="100906" y="241720"/>
                    <a:pt x="97651" y="240106"/>
                  </a:cubicBezTo>
                  <a:cubicBezTo>
                    <a:pt x="96023" y="240106"/>
                    <a:pt x="96023" y="240106"/>
                    <a:pt x="92768" y="240106"/>
                  </a:cubicBezTo>
                  <a:cubicBezTo>
                    <a:pt x="87886" y="240106"/>
                    <a:pt x="84631" y="240106"/>
                    <a:pt x="84631" y="240106"/>
                  </a:cubicBezTo>
                  <a:cubicBezTo>
                    <a:pt x="84631" y="240106"/>
                    <a:pt x="79748" y="240106"/>
                    <a:pt x="79748" y="238491"/>
                  </a:cubicBezTo>
                  <a:cubicBezTo>
                    <a:pt x="78121" y="236877"/>
                    <a:pt x="76493" y="236877"/>
                    <a:pt x="74866" y="236877"/>
                  </a:cubicBezTo>
                  <a:cubicBezTo>
                    <a:pt x="73238" y="235262"/>
                    <a:pt x="73238" y="235262"/>
                    <a:pt x="71611" y="235262"/>
                  </a:cubicBezTo>
                  <a:cubicBezTo>
                    <a:pt x="69983" y="235262"/>
                    <a:pt x="68356" y="235262"/>
                    <a:pt x="68356" y="233648"/>
                  </a:cubicBezTo>
                  <a:cubicBezTo>
                    <a:pt x="68356" y="232033"/>
                    <a:pt x="68356" y="230419"/>
                    <a:pt x="68356" y="230419"/>
                  </a:cubicBezTo>
                  <a:cubicBezTo>
                    <a:pt x="66728" y="230419"/>
                    <a:pt x="63473" y="230419"/>
                    <a:pt x="61846" y="230419"/>
                  </a:cubicBezTo>
                  <a:cubicBezTo>
                    <a:pt x="61846" y="228805"/>
                    <a:pt x="60218" y="227190"/>
                    <a:pt x="60218" y="227190"/>
                  </a:cubicBezTo>
                  <a:cubicBezTo>
                    <a:pt x="58591" y="227190"/>
                    <a:pt x="58591" y="227190"/>
                    <a:pt x="56963" y="225576"/>
                  </a:cubicBezTo>
                  <a:cubicBezTo>
                    <a:pt x="56963" y="225576"/>
                    <a:pt x="58591" y="220733"/>
                    <a:pt x="55335" y="223961"/>
                  </a:cubicBezTo>
                  <a:cubicBezTo>
                    <a:pt x="53708" y="225576"/>
                    <a:pt x="52080" y="227190"/>
                    <a:pt x="50453" y="227190"/>
                  </a:cubicBezTo>
                  <a:cubicBezTo>
                    <a:pt x="48825" y="228805"/>
                    <a:pt x="48825" y="227190"/>
                    <a:pt x="47198" y="227190"/>
                  </a:cubicBezTo>
                  <a:cubicBezTo>
                    <a:pt x="43943" y="227190"/>
                    <a:pt x="39060" y="227190"/>
                    <a:pt x="37433" y="228805"/>
                  </a:cubicBezTo>
                  <a:cubicBezTo>
                    <a:pt x="35805" y="228805"/>
                    <a:pt x="34178" y="228805"/>
                    <a:pt x="30923" y="228805"/>
                  </a:cubicBezTo>
                  <a:cubicBezTo>
                    <a:pt x="29295" y="227190"/>
                    <a:pt x="26040" y="227190"/>
                    <a:pt x="26040" y="225576"/>
                  </a:cubicBezTo>
                  <a:cubicBezTo>
                    <a:pt x="27668" y="223961"/>
                    <a:pt x="26040" y="222347"/>
                    <a:pt x="27668" y="222347"/>
                  </a:cubicBezTo>
                  <a:cubicBezTo>
                    <a:pt x="29295" y="222347"/>
                    <a:pt x="35805" y="220733"/>
                    <a:pt x="37433" y="220733"/>
                  </a:cubicBezTo>
                  <a:cubicBezTo>
                    <a:pt x="37433" y="219118"/>
                    <a:pt x="40688" y="219118"/>
                    <a:pt x="40688" y="217504"/>
                  </a:cubicBezTo>
                  <a:cubicBezTo>
                    <a:pt x="42315" y="217504"/>
                    <a:pt x="43943" y="215889"/>
                    <a:pt x="43943" y="215889"/>
                  </a:cubicBezTo>
                  <a:cubicBezTo>
                    <a:pt x="43943" y="214275"/>
                    <a:pt x="42315" y="211046"/>
                    <a:pt x="40688" y="211046"/>
                  </a:cubicBezTo>
                  <a:cubicBezTo>
                    <a:pt x="40688" y="211046"/>
                    <a:pt x="39060" y="211046"/>
                    <a:pt x="40688" y="209432"/>
                  </a:cubicBezTo>
                  <a:cubicBezTo>
                    <a:pt x="42315" y="207817"/>
                    <a:pt x="42315" y="207817"/>
                    <a:pt x="42315" y="207817"/>
                  </a:cubicBezTo>
                  <a:cubicBezTo>
                    <a:pt x="43943" y="206203"/>
                    <a:pt x="43943" y="206203"/>
                    <a:pt x="43943" y="206203"/>
                  </a:cubicBezTo>
                  <a:cubicBezTo>
                    <a:pt x="43943" y="206203"/>
                    <a:pt x="43943" y="206203"/>
                    <a:pt x="35805" y="207817"/>
                  </a:cubicBezTo>
                  <a:cubicBezTo>
                    <a:pt x="35805" y="207817"/>
                    <a:pt x="34178" y="207817"/>
                    <a:pt x="34178" y="206203"/>
                  </a:cubicBezTo>
                  <a:cubicBezTo>
                    <a:pt x="32550" y="204589"/>
                    <a:pt x="32550" y="201360"/>
                    <a:pt x="32550" y="201360"/>
                  </a:cubicBezTo>
                  <a:cubicBezTo>
                    <a:pt x="32550" y="199745"/>
                    <a:pt x="32550" y="198131"/>
                    <a:pt x="30923" y="199745"/>
                  </a:cubicBezTo>
                  <a:cubicBezTo>
                    <a:pt x="29295" y="199745"/>
                    <a:pt x="29295" y="198131"/>
                    <a:pt x="27668" y="199745"/>
                  </a:cubicBezTo>
                  <a:cubicBezTo>
                    <a:pt x="26040" y="199745"/>
                    <a:pt x="26040" y="199745"/>
                    <a:pt x="24413" y="201360"/>
                  </a:cubicBezTo>
                  <a:cubicBezTo>
                    <a:pt x="24413" y="201360"/>
                    <a:pt x="22785" y="198131"/>
                    <a:pt x="22785" y="199745"/>
                  </a:cubicBezTo>
                  <a:cubicBezTo>
                    <a:pt x="21158" y="199745"/>
                    <a:pt x="16275" y="201360"/>
                    <a:pt x="14647" y="201360"/>
                  </a:cubicBezTo>
                  <a:cubicBezTo>
                    <a:pt x="14647" y="201360"/>
                    <a:pt x="13020" y="199745"/>
                    <a:pt x="11392" y="201360"/>
                  </a:cubicBezTo>
                  <a:cubicBezTo>
                    <a:pt x="11392" y="201360"/>
                    <a:pt x="9765" y="199745"/>
                    <a:pt x="8137" y="201360"/>
                  </a:cubicBezTo>
                  <a:cubicBezTo>
                    <a:pt x="6510" y="201360"/>
                    <a:pt x="6510" y="198131"/>
                    <a:pt x="6510" y="198131"/>
                  </a:cubicBezTo>
                  <a:cubicBezTo>
                    <a:pt x="8137" y="196517"/>
                    <a:pt x="8137" y="194902"/>
                    <a:pt x="9765" y="194902"/>
                  </a:cubicBezTo>
                  <a:cubicBezTo>
                    <a:pt x="11392" y="194902"/>
                    <a:pt x="16275" y="194902"/>
                    <a:pt x="17902" y="194902"/>
                  </a:cubicBezTo>
                  <a:cubicBezTo>
                    <a:pt x="19530" y="194902"/>
                    <a:pt x="19530" y="193288"/>
                    <a:pt x="22785" y="193288"/>
                  </a:cubicBezTo>
                  <a:cubicBezTo>
                    <a:pt x="24413" y="194902"/>
                    <a:pt x="29295" y="193288"/>
                    <a:pt x="30923" y="193288"/>
                  </a:cubicBezTo>
                  <a:cubicBezTo>
                    <a:pt x="30923" y="193288"/>
                    <a:pt x="32550" y="191673"/>
                    <a:pt x="32550" y="191673"/>
                  </a:cubicBezTo>
                  <a:cubicBezTo>
                    <a:pt x="32550" y="191673"/>
                    <a:pt x="32550" y="191673"/>
                    <a:pt x="35805" y="190059"/>
                  </a:cubicBezTo>
                  <a:cubicBezTo>
                    <a:pt x="35805" y="190059"/>
                    <a:pt x="34178" y="188445"/>
                    <a:pt x="37433" y="190059"/>
                  </a:cubicBezTo>
                  <a:cubicBezTo>
                    <a:pt x="39060" y="193288"/>
                    <a:pt x="40688" y="190059"/>
                    <a:pt x="40688" y="190059"/>
                  </a:cubicBezTo>
                  <a:cubicBezTo>
                    <a:pt x="40688" y="190059"/>
                    <a:pt x="40688" y="190059"/>
                    <a:pt x="32550" y="186830"/>
                  </a:cubicBezTo>
                  <a:cubicBezTo>
                    <a:pt x="32550" y="186830"/>
                    <a:pt x="32550" y="186830"/>
                    <a:pt x="37433" y="185216"/>
                  </a:cubicBezTo>
                  <a:cubicBezTo>
                    <a:pt x="37433" y="185216"/>
                    <a:pt x="39060" y="181987"/>
                    <a:pt x="39060" y="180372"/>
                  </a:cubicBezTo>
                  <a:cubicBezTo>
                    <a:pt x="39060" y="178758"/>
                    <a:pt x="40688" y="175529"/>
                    <a:pt x="39060" y="177144"/>
                  </a:cubicBezTo>
                  <a:cubicBezTo>
                    <a:pt x="39060" y="177144"/>
                    <a:pt x="32550" y="175529"/>
                    <a:pt x="32550" y="175529"/>
                  </a:cubicBezTo>
                  <a:cubicBezTo>
                    <a:pt x="32550" y="175529"/>
                    <a:pt x="32550" y="175529"/>
                    <a:pt x="27668" y="180372"/>
                  </a:cubicBezTo>
                  <a:cubicBezTo>
                    <a:pt x="27668" y="180372"/>
                    <a:pt x="27668" y="180372"/>
                    <a:pt x="24413" y="178758"/>
                  </a:cubicBezTo>
                  <a:cubicBezTo>
                    <a:pt x="19530" y="178758"/>
                    <a:pt x="17902" y="178758"/>
                    <a:pt x="17902" y="178758"/>
                  </a:cubicBezTo>
                  <a:cubicBezTo>
                    <a:pt x="14647" y="183601"/>
                    <a:pt x="8137" y="181987"/>
                    <a:pt x="8137" y="181987"/>
                  </a:cubicBezTo>
                  <a:cubicBezTo>
                    <a:pt x="4882" y="183601"/>
                    <a:pt x="3255" y="180372"/>
                    <a:pt x="1627" y="181987"/>
                  </a:cubicBezTo>
                  <a:cubicBezTo>
                    <a:pt x="0" y="181987"/>
                    <a:pt x="1627" y="186830"/>
                    <a:pt x="0" y="181987"/>
                  </a:cubicBezTo>
                  <a:cubicBezTo>
                    <a:pt x="0" y="177144"/>
                    <a:pt x="0" y="175529"/>
                    <a:pt x="1627" y="175529"/>
                  </a:cubicBezTo>
                  <a:cubicBezTo>
                    <a:pt x="1627" y="175529"/>
                    <a:pt x="1627" y="175529"/>
                    <a:pt x="6510" y="172300"/>
                  </a:cubicBezTo>
                  <a:cubicBezTo>
                    <a:pt x="11392" y="172300"/>
                    <a:pt x="11392" y="169072"/>
                    <a:pt x="11392" y="169072"/>
                  </a:cubicBezTo>
                  <a:cubicBezTo>
                    <a:pt x="11392" y="169072"/>
                    <a:pt x="11392" y="169072"/>
                    <a:pt x="9765" y="165843"/>
                  </a:cubicBezTo>
                  <a:cubicBezTo>
                    <a:pt x="9765" y="165843"/>
                    <a:pt x="9765" y="165843"/>
                    <a:pt x="14647" y="164228"/>
                  </a:cubicBezTo>
                  <a:cubicBezTo>
                    <a:pt x="14647" y="164228"/>
                    <a:pt x="13020" y="159385"/>
                    <a:pt x="13020" y="161000"/>
                  </a:cubicBezTo>
                  <a:cubicBezTo>
                    <a:pt x="13020" y="161000"/>
                    <a:pt x="16275" y="157771"/>
                    <a:pt x="17902" y="159385"/>
                  </a:cubicBezTo>
                  <a:cubicBezTo>
                    <a:pt x="22785" y="162614"/>
                    <a:pt x="22785" y="164228"/>
                    <a:pt x="24413" y="164228"/>
                  </a:cubicBezTo>
                  <a:cubicBezTo>
                    <a:pt x="26040" y="164228"/>
                    <a:pt x="29295" y="162614"/>
                    <a:pt x="29295" y="162614"/>
                  </a:cubicBezTo>
                  <a:cubicBezTo>
                    <a:pt x="29295" y="162614"/>
                    <a:pt x="29295" y="162614"/>
                    <a:pt x="24413" y="157771"/>
                  </a:cubicBezTo>
                  <a:cubicBezTo>
                    <a:pt x="26040" y="152928"/>
                    <a:pt x="24413" y="149699"/>
                    <a:pt x="22785" y="151313"/>
                  </a:cubicBezTo>
                  <a:cubicBezTo>
                    <a:pt x="21158" y="151313"/>
                    <a:pt x="19530" y="151313"/>
                    <a:pt x="19530" y="151313"/>
                  </a:cubicBezTo>
                  <a:cubicBezTo>
                    <a:pt x="19530" y="151313"/>
                    <a:pt x="19530" y="148084"/>
                    <a:pt x="22785" y="148084"/>
                  </a:cubicBezTo>
                  <a:cubicBezTo>
                    <a:pt x="24413" y="148084"/>
                    <a:pt x="27668" y="146470"/>
                    <a:pt x="29295" y="148084"/>
                  </a:cubicBezTo>
                  <a:cubicBezTo>
                    <a:pt x="30923" y="149699"/>
                    <a:pt x="34178" y="149699"/>
                    <a:pt x="35805" y="151313"/>
                  </a:cubicBezTo>
                  <a:cubicBezTo>
                    <a:pt x="37433" y="151313"/>
                    <a:pt x="40688" y="152928"/>
                    <a:pt x="40688" y="152928"/>
                  </a:cubicBezTo>
                  <a:cubicBezTo>
                    <a:pt x="45570" y="156156"/>
                    <a:pt x="50453" y="154542"/>
                    <a:pt x="50453" y="157771"/>
                  </a:cubicBezTo>
                  <a:cubicBezTo>
                    <a:pt x="50453" y="161000"/>
                    <a:pt x="50453" y="165843"/>
                    <a:pt x="50453" y="165843"/>
                  </a:cubicBezTo>
                  <a:cubicBezTo>
                    <a:pt x="50453" y="165843"/>
                    <a:pt x="43943" y="170686"/>
                    <a:pt x="45570" y="172300"/>
                  </a:cubicBezTo>
                  <a:cubicBezTo>
                    <a:pt x="45570" y="173915"/>
                    <a:pt x="48825" y="170686"/>
                    <a:pt x="50453" y="173915"/>
                  </a:cubicBezTo>
                  <a:cubicBezTo>
                    <a:pt x="52080" y="175529"/>
                    <a:pt x="53708" y="178758"/>
                    <a:pt x="53708" y="178758"/>
                  </a:cubicBezTo>
                  <a:cubicBezTo>
                    <a:pt x="53708" y="180372"/>
                    <a:pt x="53708" y="185216"/>
                    <a:pt x="53708" y="185216"/>
                  </a:cubicBezTo>
                  <a:cubicBezTo>
                    <a:pt x="53708" y="185216"/>
                    <a:pt x="53708" y="185216"/>
                    <a:pt x="58591" y="186830"/>
                  </a:cubicBezTo>
                  <a:cubicBezTo>
                    <a:pt x="58591" y="186830"/>
                    <a:pt x="58591" y="186830"/>
                    <a:pt x="58591" y="178758"/>
                  </a:cubicBezTo>
                  <a:cubicBezTo>
                    <a:pt x="60218" y="175529"/>
                    <a:pt x="56963" y="175529"/>
                    <a:pt x="60218" y="175529"/>
                  </a:cubicBezTo>
                  <a:cubicBezTo>
                    <a:pt x="65101" y="177144"/>
                    <a:pt x="66728" y="172300"/>
                    <a:pt x="66728" y="173915"/>
                  </a:cubicBezTo>
                  <a:cubicBezTo>
                    <a:pt x="68356" y="177144"/>
                    <a:pt x="68356" y="177144"/>
                    <a:pt x="68356" y="177144"/>
                  </a:cubicBezTo>
                  <a:cubicBezTo>
                    <a:pt x="68356" y="177144"/>
                    <a:pt x="71611" y="175529"/>
                    <a:pt x="71611" y="173915"/>
                  </a:cubicBezTo>
                  <a:cubicBezTo>
                    <a:pt x="71611" y="172300"/>
                    <a:pt x="69983" y="167457"/>
                    <a:pt x="69983" y="167457"/>
                  </a:cubicBezTo>
                  <a:cubicBezTo>
                    <a:pt x="73238" y="162614"/>
                    <a:pt x="69983" y="161000"/>
                    <a:pt x="73238" y="162614"/>
                  </a:cubicBezTo>
                  <a:cubicBezTo>
                    <a:pt x="76493" y="164228"/>
                    <a:pt x="81376" y="162614"/>
                    <a:pt x="81376" y="164228"/>
                  </a:cubicBezTo>
                  <a:cubicBezTo>
                    <a:pt x="86258" y="169072"/>
                    <a:pt x="87886" y="169072"/>
                    <a:pt x="87886" y="167457"/>
                  </a:cubicBezTo>
                  <a:cubicBezTo>
                    <a:pt x="89513" y="165843"/>
                    <a:pt x="87886" y="162614"/>
                    <a:pt x="87886" y="162614"/>
                  </a:cubicBezTo>
                  <a:cubicBezTo>
                    <a:pt x="87886" y="162614"/>
                    <a:pt x="91141" y="161000"/>
                    <a:pt x="94396" y="161000"/>
                  </a:cubicBezTo>
                  <a:cubicBezTo>
                    <a:pt x="94396" y="161000"/>
                    <a:pt x="94396" y="161000"/>
                    <a:pt x="97651" y="159385"/>
                  </a:cubicBezTo>
                  <a:cubicBezTo>
                    <a:pt x="97651" y="159385"/>
                    <a:pt x="102534" y="156156"/>
                    <a:pt x="102534" y="159385"/>
                  </a:cubicBezTo>
                  <a:cubicBezTo>
                    <a:pt x="102534" y="162614"/>
                    <a:pt x="107416" y="161000"/>
                    <a:pt x="107416" y="164228"/>
                  </a:cubicBezTo>
                  <a:cubicBezTo>
                    <a:pt x="107416" y="165843"/>
                    <a:pt x="107416" y="167457"/>
                    <a:pt x="109044" y="169072"/>
                  </a:cubicBezTo>
                  <a:cubicBezTo>
                    <a:pt x="109044" y="170686"/>
                    <a:pt x="112299" y="167457"/>
                    <a:pt x="112299" y="169072"/>
                  </a:cubicBezTo>
                  <a:cubicBezTo>
                    <a:pt x="112299" y="169072"/>
                    <a:pt x="112299" y="169072"/>
                    <a:pt x="112299" y="165843"/>
                  </a:cubicBezTo>
                  <a:cubicBezTo>
                    <a:pt x="110671" y="165843"/>
                    <a:pt x="109044" y="165843"/>
                    <a:pt x="109044" y="165843"/>
                  </a:cubicBezTo>
                  <a:cubicBezTo>
                    <a:pt x="109044" y="164228"/>
                    <a:pt x="109044" y="162614"/>
                    <a:pt x="109044" y="162614"/>
                  </a:cubicBezTo>
                  <a:cubicBezTo>
                    <a:pt x="109044" y="161000"/>
                    <a:pt x="109044" y="159385"/>
                    <a:pt x="110671" y="159385"/>
                  </a:cubicBezTo>
                  <a:cubicBezTo>
                    <a:pt x="110671" y="159385"/>
                    <a:pt x="112299" y="159385"/>
                    <a:pt x="113926" y="161000"/>
                  </a:cubicBezTo>
                  <a:cubicBezTo>
                    <a:pt x="115554" y="161000"/>
                    <a:pt x="118809" y="159385"/>
                    <a:pt x="118809" y="161000"/>
                  </a:cubicBezTo>
                  <a:cubicBezTo>
                    <a:pt x="118809" y="162614"/>
                    <a:pt x="122064" y="164228"/>
                    <a:pt x="122064" y="164228"/>
                  </a:cubicBezTo>
                  <a:cubicBezTo>
                    <a:pt x="122064" y="164228"/>
                    <a:pt x="123691" y="164228"/>
                    <a:pt x="123691" y="162614"/>
                  </a:cubicBezTo>
                  <a:cubicBezTo>
                    <a:pt x="123691" y="161000"/>
                    <a:pt x="125319" y="159385"/>
                    <a:pt x="125319" y="159385"/>
                  </a:cubicBezTo>
                  <a:cubicBezTo>
                    <a:pt x="128574" y="156156"/>
                    <a:pt x="128574" y="154542"/>
                    <a:pt x="130201" y="156156"/>
                  </a:cubicBezTo>
                  <a:cubicBezTo>
                    <a:pt x="131829" y="157771"/>
                    <a:pt x="131829" y="156156"/>
                    <a:pt x="133456" y="157771"/>
                  </a:cubicBezTo>
                  <a:cubicBezTo>
                    <a:pt x="135084" y="157771"/>
                    <a:pt x="136712" y="157771"/>
                    <a:pt x="138339" y="159385"/>
                  </a:cubicBezTo>
                  <a:cubicBezTo>
                    <a:pt x="138339" y="159385"/>
                    <a:pt x="138339" y="157771"/>
                    <a:pt x="139967" y="157771"/>
                  </a:cubicBezTo>
                  <a:cubicBezTo>
                    <a:pt x="139967" y="157771"/>
                    <a:pt x="141594" y="154542"/>
                    <a:pt x="141594" y="154542"/>
                  </a:cubicBezTo>
                  <a:cubicBezTo>
                    <a:pt x="141594" y="154542"/>
                    <a:pt x="141594" y="152928"/>
                    <a:pt x="139967" y="151313"/>
                  </a:cubicBezTo>
                  <a:cubicBezTo>
                    <a:pt x="139967" y="149699"/>
                    <a:pt x="141594" y="146470"/>
                    <a:pt x="141594" y="148084"/>
                  </a:cubicBezTo>
                  <a:cubicBezTo>
                    <a:pt x="143222" y="148084"/>
                    <a:pt x="144849" y="146470"/>
                    <a:pt x="146477" y="146470"/>
                  </a:cubicBezTo>
                  <a:close/>
                  <a:moveTo>
                    <a:pt x="1163638" y="52983"/>
                  </a:moveTo>
                  <a:cubicBezTo>
                    <a:pt x="1173163" y="49632"/>
                    <a:pt x="1192213" y="59686"/>
                    <a:pt x="1192213" y="63038"/>
                  </a:cubicBezTo>
                  <a:cubicBezTo>
                    <a:pt x="1192213" y="66389"/>
                    <a:pt x="1192213" y="66389"/>
                    <a:pt x="1187451" y="68065"/>
                  </a:cubicBezTo>
                  <a:cubicBezTo>
                    <a:pt x="1185863" y="69741"/>
                    <a:pt x="1185863" y="69741"/>
                    <a:pt x="1184276" y="71416"/>
                  </a:cubicBezTo>
                  <a:cubicBezTo>
                    <a:pt x="1182688" y="73092"/>
                    <a:pt x="1181101" y="73092"/>
                    <a:pt x="1179513" y="74768"/>
                  </a:cubicBezTo>
                  <a:cubicBezTo>
                    <a:pt x="1177926" y="78119"/>
                    <a:pt x="1173163" y="76443"/>
                    <a:pt x="1171576" y="74768"/>
                  </a:cubicBezTo>
                  <a:cubicBezTo>
                    <a:pt x="1171576" y="73092"/>
                    <a:pt x="1169988" y="76443"/>
                    <a:pt x="1165225" y="78119"/>
                  </a:cubicBezTo>
                  <a:cubicBezTo>
                    <a:pt x="1162050" y="79795"/>
                    <a:pt x="1160463" y="78119"/>
                    <a:pt x="1158875" y="78119"/>
                  </a:cubicBezTo>
                  <a:cubicBezTo>
                    <a:pt x="1157288" y="78119"/>
                    <a:pt x="1155700" y="74768"/>
                    <a:pt x="1152525" y="71416"/>
                  </a:cubicBezTo>
                  <a:cubicBezTo>
                    <a:pt x="1149350" y="68065"/>
                    <a:pt x="1154113" y="66389"/>
                    <a:pt x="1155700" y="63038"/>
                  </a:cubicBezTo>
                  <a:cubicBezTo>
                    <a:pt x="1155700" y="59686"/>
                    <a:pt x="1160463" y="54659"/>
                    <a:pt x="1163638" y="52983"/>
                  </a:cubicBezTo>
                  <a:close/>
                  <a:moveTo>
                    <a:pt x="797701" y="454"/>
                  </a:moveTo>
                  <a:cubicBezTo>
                    <a:pt x="800948" y="2075"/>
                    <a:pt x="802572" y="454"/>
                    <a:pt x="804196" y="3697"/>
                  </a:cubicBezTo>
                  <a:cubicBezTo>
                    <a:pt x="805820" y="6940"/>
                    <a:pt x="805820" y="6940"/>
                    <a:pt x="804196" y="6940"/>
                  </a:cubicBezTo>
                  <a:cubicBezTo>
                    <a:pt x="802572" y="8561"/>
                    <a:pt x="799325" y="8561"/>
                    <a:pt x="799325" y="10183"/>
                  </a:cubicBezTo>
                  <a:cubicBezTo>
                    <a:pt x="797701" y="11805"/>
                    <a:pt x="796077" y="13426"/>
                    <a:pt x="796077" y="16669"/>
                  </a:cubicBezTo>
                  <a:cubicBezTo>
                    <a:pt x="796077" y="18291"/>
                    <a:pt x="799325" y="23156"/>
                    <a:pt x="799325" y="23156"/>
                  </a:cubicBezTo>
                  <a:cubicBezTo>
                    <a:pt x="799325" y="23156"/>
                    <a:pt x="800948" y="23156"/>
                    <a:pt x="800948" y="23156"/>
                  </a:cubicBezTo>
                  <a:cubicBezTo>
                    <a:pt x="802572" y="21534"/>
                    <a:pt x="807444" y="8561"/>
                    <a:pt x="809067" y="8561"/>
                  </a:cubicBezTo>
                  <a:cubicBezTo>
                    <a:pt x="809067" y="8561"/>
                    <a:pt x="810691" y="6940"/>
                    <a:pt x="812315" y="8561"/>
                  </a:cubicBezTo>
                  <a:cubicBezTo>
                    <a:pt x="813939" y="8561"/>
                    <a:pt x="820434" y="8561"/>
                    <a:pt x="822058" y="10183"/>
                  </a:cubicBezTo>
                  <a:cubicBezTo>
                    <a:pt x="822058" y="10183"/>
                    <a:pt x="823682" y="10183"/>
                    <a:pt x="825305" y="10183"/>
                  </a:cubicBezTo>
                  <a:cubicBezTo>
                    <a:pt x="826929" y="8561"/>
                    <a:pt x="828553" y="8561"/>
                    <a:pt x="830177" y="10183"/>
                  </a:cubicBezTo>
                  <a:cubicBezTo>
                    <a:pt x="831801" y="11805"/>
                    <a:pt x="836672" y="11805"/>
                    <a:pt x="838296" y="13426"/>
                  </a:cubicBezTo>
                  <a:cubicBezTo>
                    <a:pt x="838296" y="16669"/>
                    <a:pt x="846415" y="13426"/>
                    <a:pt x="846415" y="16669"/>
                  </a:cubicBezTo>
                  <a:cubicBezTo>
                    <a:pt x="848039" y="18291"/>
                    <a:pt x="848039" y="23156"/>
                    <a:pt x="848039" y="23156"/>
                  </a:cubicBezTo>
                  <a:cubicBezTo>
                    <a:pt x="848039" y="23156"/>
                    <a:pt x="851286" y="24777"/>
                    <a:pt x="846415" y="26399"/>
                  </a:cubicBezTo>
                  <a:cubicBezTo>
                    <a:pt x="843167" y="29642"/>
                    <a:pt x="844791" y="28020"/>
                    <a:pt x="839920" y="31264"/>
                  </a:cubicBezTo>
                  <a:cubicBezTo>
                    <a:pt x="835048" y="36128"/>
                    <a:pt x="831801" y="37750"/>
                    <a:pt x="828553" y="37750"/>
                  </a:cubicBezTo>
                  <a:cubicBezTo>
                    <a:pt x="826929" y="37750"/>
                    <a:pt x="825305" y="34507"/>
                    <a:pt x="823682" y="34507"/>
                  </a:cubicBezTo>
                  <a:cubicBezTo>
                    <a:pt x="822058" y="36128"/>
                    <a:pt x="818810" y="37750"/>
                    <a:pt x="818810" y="37750"/>
                  </a:cubicBezTo>
                  <a:cubicBezTo>
                    <a:pt x="818810" y="37750"/>
                    <a:pt x="825305" y="44236"/>
                    <a:pt x="826929" y="44236"/>
                  </a:cubicBezTo>
                  <a:cubicBezTo>
                    <a:pt x="826929" y="44236"/>
                    <a:pt x="831801" y="45858"/>
                    <a:pt x="831801" y="45858"/>
                  </a:cubicBezTo>
                  <a:cubicBezTo>
                    <a:pt x="831801" y="45858"/>
                    <a:pt x="831801" y="49101"/>
                    <a:pt x="836672" y="47479"/>
                  </a:cubicBezTo>
                  <a:cubicBezTo>
                    <a:pt x="841543" y="45858"/>
                    <a:pt x="843167" y="44236"/>
                    <a:pt x="843167" y="44236"/>
                  </a:cubicBezTo>
                  <a:cubicBezTo>
                    <a:pt x="843167" y="44236"/>
                    <a:pt x="849662" y="45858"/>
                    <a:pt x="851286" y="45858"/>
                  </a:cubicBezTo>
                  <a:cubicBezTo>
                    <a:pt x="852910" y="45858"/>
                    <a:pt x="856157" y="45858"/>
                    <a:pt x="856157" y="45858"/>
                  </a:cubicBezTo>
                  <a:cubicBezTo>
                    <a:pt x="856157" y="45858"/>
                    <a:pt x="856157" y="45858"/>
                    <a:pt x="859405" y="40993"/>
                  </a:cubicBezTo>
                  <a:cubicBezTo>
                    <a:pt x="859405" y="40993"/>
                    <a:pt x="864276" y="40993"/>
                    <a:pt x="864276" y="42615"/>
                  </a:cubicBezTo>
                  <a:cubicBezTo>
                    <a:pt x="865900" y="44236"/>
                    <a:pt x="869148" y="40993"/>
                    <a:pt x="869148" y="40993"/>
                  </a:cubicBezTo>
                  <a:cubicBezTo>
                    <a:pt x="869148" y="40993"/>
                    <a:pt x="880514" y="40993"/>
                    <a:pt x="880514" y="42615"/>
                  </a:cubicBezTo>
                  <a:cubicBezTo>
                    <a:pt x="882138" y="44236"/>
                    <a:pt x="882138" y="44236"/>
                    <a:pt x="883762" y="45858"/>
                  </a:cubicBezTo>
                  <a:cubicBezTo>
                    <a:pt x="885386" y="49101"/>
                    <a:pt x="877267" y="50722"/>
                    <a:pt x="877267" y="50722"/>
                  </a:cubicBezTo>
                  <a:cubicBezTo>
                    <a:pt x="875643" y="50722"/>
                    <a:pt x="872395" y="49101"/>
                    <a:pt x="874019" y="52344"/>
                  </a:cubicBezTo>
                  <a:cubicBezTo>
                    <a:pt x="875643" y="55587"/>
                    <a:pt x="878891" y="53966"/>
                    <a:pt x="880514" y="55587"/>
                  </a:cubicBezTo>
                  <a:cubicBezTo>
                    <a:pt x="880514" y="57209"/>
                    <a:pt x="883762" y="57209"/>
                    <a:pt x="883762" y="57209"/>
                  </a:cubicBezTo>
                  <a:cubicBezTo>
                    <a:pt x="885386" y="57209"/>
                    <a:pt x="885386" y="57209"/>
                    <a:pt x="885386" y="57209"/>
                  </a:cubicBezTo>
                  <a:cubicBezTo>
                    <a:pt x="885386" y="57209"/>
                    <a:pt x="887010" y="57209"/>
                    <a:pt x="888633" y="55587"/>
                  </a:cubicBezTo>
                  <a:cubicBezTo>
                    <a:pt x="890257" y="55587"/>
                    <a:pt x="891881" y="53966"/>
                    <a:pt x="891881" y="55587"/>
                  </a:cubicBezTo>
                  <a:cubicBezTo>
                    <a:pt x="891881" y="55587"/>
                    <a:pt x="891881" y="58830"/>
                    <a:pt x="891881" y="60452"/>
                  </a:cubicBezTo>
                  <a:cubicBezTo>
                    <a:pt x="893505" y="60452"/>
                    <a:pt x="893505" y="60452"/>
                    <a:pt x="895129" y="60452"/>
                  </a:cubicBezTo>
                  <a:cubicBezTo>
                    <a:pt x="896752" y="60452"/>
                    <a:pt x="896752" y="58830"/>
                    <a:pt x="896752" y="60452"/>
                  </a:cubicBezTo>
                  <a:cubicBezTo>
                    <a:pt x="898376" y="60452"/>
                    <a:pt x="901624" y="57209"/>
                    <a:pt x="901624" y="57209"/>
                  </a:cubicBezTo>
                  <a:cubicBezTo>
                    <a:pt x="901624" y="57209"/>
                    <a:pt x="901624" y="57209"/>
                    <a:pt x="906495" y="57209"/>
                  </a:cubicBezTo>
                  <a:cubicBezTo>
                    <a:pt x="906495" y="57209"/>
                    <a:pt x="911367" y="57209"/>
                    <a:pt x="911367" y="58830"/>
                  </a:cubicBezTo>
                  <a:cubicBezTo>
                    <a:pt x="911367" y="60452"/>
                    <a:pt x="914614" y="60452"/>
                    <a:pt x="914614" y="62074"/>
                  </a:cubicBezTo>
                  <a:cubicBezTo>
                    <a:pt x="916238" y="63695"/>
                    <a:pt x="924357" y="62074"/>
                    <a:pt x="925981" y="62074"/>
                  </a:cubicBezTo>
                  <a:cubicBezTo>
                    <a:pt x="925981" y="62074"/>
                    <a:pt x="930852" y="60452"/>
                    <a:pt x="932476" y="60452"/>
                  </a:cubicBezTo>
                  <a:cubicBezTo>
                    <a:pt x="934100" y="62074"/>
                    <a:pt x="937347" y="62074"/>
                    <a:pt x="938971" y="63695"/>
                  </a:cubicBezTo>
                  <a:cubicBezTo>
                    <a:pt x="938971" y="65317"/>
                    <a:pt x="940595" y="66938"/>
                    <a:pt x="942219" y="68560"/>
                  </a:cubicBezTo>
                  <a:cubicBezTo>
                    <a:pt x="943843" y="68560"/>
                    <a:pt x="948714" y="70181"/>
                    <a:pt x="948714" y="70181"/>
                  </a:cubicBezTo>
                  <a:cubicBezTo>
                    <a:pt x="950338" y="70181"/>
                    <a:pt x="953585" y="71803"/>
                    <a:pt x="955209" y="73425"/>
                  </a:cubicBezTo>
                  <a:cubicBezTo>
                    <a:pt x="956833" y="75046"/>
                    <a:pt x="961704" y="73425"/>
                    <a:pt x="964952" y="75046"/>
                  </a:cubicBezTo>
                  <a:cubicBezTo>
                    <a:pt x="966576" y="78289"/>
                    <a:pt x="968199" y="79911"/>
                    <a:pt x="969823" y="81532"/>
                  </a:cubicBezTo>
                  <a:cubicBezTo>
                    <a:pt x="969823" y="83154"/>
                    <a:pt x="971447" y="83154"/>
                    <a:pt x="971447" y="83154"/>
                  </a:cubicBezTo>
                  <a:cubicBezTo>
                    <a:pt x="973071" y="81532"/>
                    <a:pt x="976318" y="81532"/>
                    <a:pt x="977942" y="84776"/>
                  </a:cubicBezTo>
                  <a:cubicBezTo>
                    <a:pt x="981190" y="88019"/>
                    <a:pt x="989309" y="92884"/>
                    <a:pt x="989309" y="92884"/>
                  </a:cubicBezTo>
                  <a:cubicBezTo>
                    <a:pt x="990933" y="94505"/>
                    <a:pt x="995804" y="96127"/>
                    <a:pt x="997428" y="96127"/>
                  </a:cubicBezTo>
                  <a:cubicBezTo>
                    <a:pt x="999052" y="97748"/>
                    <a:pt x="1000675" y="97748"/>
                    <a:pt x="1003923" y="97748"/>
                  </a:cubicBezTo>
                  <a:cubicBezTo>
                    <a:pt x="1007171" y="97748"/>
                    <a:pt x="1007171" y="97748"/>
                    <a:pt x="1008794" y="99370"/>
                  </a:cubicBezTo>
                  <a:cubicBezTo>
                    <a:pt x="1010418" y="102613"/>
                    <a:pt x="1013666" y="100991"/>
                    <a:pt x="1015290" y="105856"/>
                  </a:cubicBezTo>
                  <a:cubicBezTo>
                    <a:pt x="1018537" y="110721"/>
                    <a:pt x="1021785" y="110721"/>
                    <a:pt x="1023409" y="112343"/>
                  </a:cubicBezTo>
                  <a:cubicBezTo>
                    <a:pt x="1025032" y="115586"/>
                    <a:pt x="1026656" y="115586"/>
                    <a:pt x="1026656" y="117207"/>
                  </a:cubicBezTo>
                  <a:cubicBezTo>
                    <a:pt x="1028280" y="120450"/>
                    <a:pt x="1029904" y="122072"/>
                    <a:pt x="1029904" y="123694"/>
                  </a:cubicBezTo>
                  <a:cubicBezTo>
                    <a:pt x="1031528" y="126937"/>
                    <a:pt x="1031528" y="128558"/>
                    <a:pt x="1031528" y="130180"/>
                  </a:cubicBezTo>
                  <a:cubicBezTo>
                    <a:pt x="1031528" y="133423"/>
                    <a:pt x="1031528" y="135045"/>
                    <a:pt x="1029904" y="136666"/>
                  </a:cubicBezTo>
                  <a:cubicBezTo>
                    <a:pt x="1026656" y="139909"/>
                    <a:pt x="1026656" y="139909"/>
                    <a:pt x="1023409" y="144774"/>
                  </a:cubicBezTo>
                  <a:cubicBezTo>
                    <a:pt x="1020161" y="148017"/>
                    <a:pt x="1016913" y="149639"/>
                    <a:pt x="1013666" y="151260"/>
                  </a:cubicBezTo>
                  <a:cubicBezTo>
                    <a:pt x="1012042" y="152882"/>
                    <a:pt x="1005547" y="156125"/>
                    <a:pt x="1005547" y="156125"/>
                  </a:cubicBezTo>
                  <a:cubicBezTo>
                    <a:pt x="1005547" y="156125"/>
                    <a:pt x="1005547" y="156125"/>
                    <a:pt x="1002299" y="156125"/>
                  </a:cubicBezTo>
                  <a:cubicBezTo>
                    <a:pt x="1002299" y="156125"/>
                    <a:pt x="1002299" y="156125"/>
                    <a:pt x="997428" y="157747"/>
                  </a:cubicBezTo>
                  <a:cubicBezTo>
                    <a:pt x="990933" y="159368"/>
                    <a:pt x="987685" y="157747"/>
                    <a:pt x="986061" y="159368"/>
                  </a:cubicBezTo>
                  <a:cubicBezTo>
                    <a:pt x="984437" y="160990"/>
                    <a:pt x="968199" y="159368"/>
                    <a:pt x="964952" y="159368"/>
                  </a:cubicBezTo>
                  <a:cubicBezTo>
                    <a:pt x="961704" y="157747"/>
                    <a:pt x="960080" y="157747"/>
                    <a:pt x="955209" y="156125"/>
                  </a:cubicBezTo>
                  <a:cubicBezTo>
                    <a:pt x="951962" y="154504"/>
                    <a:pt x="945466" y="154504"/>
                    <a:pt x="943843" y="154504"/>
                  </a:cubicBezTo>
                  <a:cubicBezTo>
                    <a:pt x="943843" y="154504"/>
                    <a:pt x="943843" y="154504"/>
                    <a:pt x="942219" y="154504"/>
                  </a:cubicBezTo>
                  <a:cubicBezTo>
                    <a:pt x="938971" y="154504"/>
                    <a:pt x="935724" y="154504"/>
                    <a:pt x="932476" y="152882"/>
                  </a:cubicBezTo>
                  <a:cubicBezTo>
                    <a:pt x="927605" y="151260"/>
                    <a:pt x="924357" y="151260"/>
                    <a:pt x="921109" y="151260"/>
                  </a:cubicBezTo>
                  <a:cubicBezTo>
                    <a:pt x="919486" y="149639"/>
                    <a:pt x="916238" y="144774"/>
                    <a:pt x="912990" y="144774"/>
                  </a:cubicBezTo>
                  <a:cubicBezTo>
                    <a:pt x="911367" y="144774"/>
                    <a:pt x="906495" y="144774"/>
                    <a:pt x="904871" y="143153"/>
                  </a:cubicBezTo>
                  <a:cubicBezTo>
                    <a:pt x="903248" y="143153"/>
                    <a:pt x="900000" y="143153"/>
                    <a:pt x="900000" y="141531"/>
                  </a:cubicBezTo>
                  <a:cubicBezTo>
                    <a:pt x="898376" y="141531"/>
                    <a:pt x="898376" y="141531"/>
                    <a:pt x="895129" y="141531"/>
                  </a:cubicBezTo>
                  <a:cubicBezTo>
                    <a:pt x="891881" y="139909"/>
                    <a:pt x="891881" y="141531"/>
                    <a:pt x="888633" y="138288"/>
                  </a:cubicBezTo>
                  <a:cubicBezTo>
                    <a:pt x="885386" y="136666"/>
                    <a:pt x="885386" y="136666"/>
                    <a:pt x="883762" y="135045"/>
                  </a:cubicBezTo>
                  <a:cubicBezTo>
                    <a:pt x="880514" y="133423"/>
                    <a:pt x="880514" y="130180"/>
                    <a:pt x="878891" y="130180"/>
                  </a:cubicBezTo>
                  <a:cubicBezTo>
                    <a:pt x="877267" y="130180"/>
                    <a:pt x="878891" y="128558"/>
                    <a:pt x="875643" y="128558"/>
                  </a:cubicBezTo>
                  <a:cubicBezTo>
                    <a:pt x="872395" y="128558"/>
                    <a:pt x="870772" y="128558"/>
                    <a:pt x="870772" y="128558"/>
                  </a:cubicBezTo>
                  <a:cubicBezTo>
                    <a:pt x="870772" y="128558"/>
                    <a:pt x="870772" y="128558"/>
                    <a:pt x="875643" y="131801"/>
                  </a:cubicBezTo>
                  <a:cubicBezTo>
                    <a:pt x="875643" y="131801"/>
                    <a:pt x="877267" y="138288"/>
                    <a:pt x="878891" y="138288"/>
                  </a:cubicBezTo>
                  <a:cubicBezTo>
                    <a:pt x="878891" y="139909"/>
                    <a:pt x="882138" y="143153"/>
                    <a:pt x="883762" y="143153"/>
                  </a:cubicBezTo>
                  <a:cubicBezTo>
                    <a:pt x="885386" y="144774"/>
                    <a:pt x="887010" y="143153"/>
                    <a:pt x="888633" y="144774"/>
                  </a:cubicBezTo>
                  <a:cubicBezTo>
                    <a:pt x="888633" y="146396"/>
                    <a:pt x="890257" y="146396"/>
                    <a:pt x="891881" y="148017"/>
                  </a:cubicBezTo>
                  <a:cubicBezTo>
                    <a:pt x="893505" y="149639"/>
                    <a:pt x="893505" y="151260"/>
                    <a:pt x="895129" y="154504"/>
                  </a:cubicBezTo>
                  <a:cubicBezTo>
                    <a:pt x="896752" y="156125"/>
                    <a:pt x="896752" y="156125"/>
                    <a:pt x="900000" y="157747"/>
                  </a:cubicBezTo>
                  <a:cubicBezTo>
                    <a:pt x="903248" y="159368"/>
                    <a:pt x="904871" y="157747"/>
                    <a:pt x="908119" y="159368"/>
                  </a:cubicBezTo>
                  <a:cubicBezTo>
                    <a:pt x="909743" y="160990"/>
                    <a:pt x="906495" y="160990"/>
                    <a:pt x="911367" y="162611"/>
                  </a:cubicBezTo>
                  <a:cubicBezTo>
                    <a:pt x="914614" y="164233"/>
                    <a:pt x="916238" y="162611"/>
                    <a:pt x="916238" y="165855"/>
                  </a:cubicBezTo>
                  <a:cubicBezTo>
                    <a:pt x="916238" y="169098"/>
                    <a:pt x="916238" y="170719"/>
                    <a:pt x="916238" y="172341"/>
                  </a:cubicBezTo>
                  <a:cubicBezTo>
                    <a:pt x="916238" y="175584"/>
                    <a:pt x="912990" y="178827"/>
                    <a:pt x="912990" y="178827"/>
                  </a:cubicBezTo>
                  <a:cubicBezTo>
                    <a:pt x="909743" y="183692"/>
                    <a:pt x="911367" y="186935"/>
                    <a:pt x="911367" y="188557"/>
                  </a:cubicBezTo>
                  <a:cubicBezTo>
                    <a:pt x="912990" y="190178"/>
                    <a:pt x="914614" y="193421"/>
                    <a:pt x="916238" y="195043"/>
                  </a:cubicBezTo>
                  <a:cubicBezTo>
                    <a:pt x="917862" y="196665"/>
                    <a:pt x="917862" y="201529"/>
                    <a:pt x="917862" y="203151"/>
                  </a:cubicBezTo>
                  <a:cubicBezTo>
                    <a:pt x="917862" y="204773"/>
                    <a:pt x="917862" y="204773"/>
                    <a:pt x="916238" y="206394"/>
                  </a:cubicBezTo>
                  <a:cubicBezTo>
                    <a:pt x="916238" y="209637"/>
                    <a:pt x="917862" y="209637"/>
                    <a:pt x="919486" y="211259"/>
                  </a:cubicBezTo>
                  <a:cubicBezTo>
                    <a:pt x="921109" y="211259"/>
                    <a:pt x="925981" y="211259"/>
                    <a:pt x="929228" y="211259"/>
                  </a:cubicBezTo>
                  <a:cubicBezTo>
                    <a:pt x="929228" y="212880"/>
                    <a:pt x="930852" y="212880"/>
                    <a:pt x="930852" y="212880"/>
                  </a:cubicBezTo>
                  <a:cubicBezTo>
                    <a:pt x="930852" y="211259"/>
                    <a:pt x="930852" y="211259"/>
                    <a:pt x="934100" y="212880"/>
                  </a:cubicBezTo>
                  <a:cubicBezTo>
                    <a:pt x="937347" y="214502"/>
                    <a:pt x="938971" y="216124"/>
                    <a:pt x="940595" y="217745"/>
                  </a:cubicBezTo>
                  <a:cubicBezTo>
                    <a:pt x="942219" y="219367"/>
                    <a:pt x="947090" y="220988"/>
                    <a:pt x="947090" y="220988"/>
                  </a:cubicBezTo>
                  <a:cubicBezTo>
                    <a:pt x="948714" y="222610"/>
                    <a:pt x="948714" y="224231"/>
                    <a:pt x="951962" y="224231"/>
                  </a:cubicBezTo>
                  <a:cubicBezTo>
                    <a:pt x="955209" y="225853"/>
                    <a:pt x="958457" y="224231"/>
                    <a:pt x="960080" y="224231"/>
                  </a:cubicBezTo>
                  <a:cubicBezTo>
                    <a:pt x="961704" y="224231"/>
                    <a:pt x="963328" y="225853"/>
                    <a:pt x="964952" y="224231"/>
                  </a:cubicBezTo>
                  <a:cubicBezTo>
                    <a:pt x="966576" y="222610"/>
                    <a:pt x="968199" y="220988"/>
                    <a:pt x="969823" y="219367"/>
                  </a:cubicBezTo>
                  <a:cubicBezTo>
                    <a:pt x="971447" y="219367"/>
                    <a:pt x="971447" y="217745"/>
                    <a:pt x="971447" y="217745"/>
                  </a:cubicBezTo>
                  <a:cubicBezTo>
                    <a:pt x="971447" y="216124"/>
                    <a:pt x="964952" y="212880"/>
                    <a:pt x="963328" y="212880"/>
                  </a:cubicBezTo>
                  <a:cubicBezTo>
                    <a:pt x="961704" y="212880"/>
                    <a:pt x="956833" y="212880"/>
                    <a:pt x="955209" y="211259"/>
                  </a:cubicBezTo>
                  <a:cubicBezTo>
                    <a:pt x="953585" y="209637"/>
                    <a:pt x="950338" y="206394"/>
                    <a:pt x="950338" y="204773"/>
                  </a:cubicBezTo>
                  <a:cubicBezTo>
                    <a:pt x="948714" y="203151"/>
                    <a:pt x="948714" y="199908"/>
                    <a:pt x="947090" y="198286"/>
                  </a:cubicBezTo>
                  <a:cubicBezTo>
                    <a:pt x="945466" y="198286"/>
                    <a:pt x="945466" y="195043"/>
                    <a:pt x="945466" y="193421"/>
                  </a:cubicBezTo>
                  <a:cubicBezTo>
                    <a:pt x="947090" y="193421"/>
                    <a:pt x="950338" y="188557"/>
                    <a:pt x="951962" y="188557"/>
                  </a:cubicBezTo>
                  <a:cubicBezTo>
                    <a:pt x="951962" y="188557"/>
                    <a:pt x="956833" y="185314"/>
                    <a:pt x="956833" y="185314"/>
                  </a:cubicBezTo>
                  <a:cubicBezTo>
                    <a:pt x="956833" y="185314"/>
                    <a:pt x="964952" y="188557"/>
                    <a:pt x="966576" y="191800"/>
                  </a:cubicBezTo>
                  <a:cubicBezTo>
                    <a:pt x="966576" y="193421"/>
                    <a:pt x="973071" y="198286"/>
                    <a:pt x="973071" y="199908"/>
                  </a:cubicBezTo>
                  <a:cubicBezTo>
                    <a:pt x="974695" y="199908"/>
                    <a:pt x="979566" y="199908"/>
                    <a:pt x="979566" y="201529"/>
                  </a:cubicBezTo>
                  <a:cubicBezTo>
                    <a:pt x="979566" y="201529"/>
                    <a:pt x="981190" y="201529"/>
                    <a:pt x="984437" y="199908"/>
                  </a:cubicBezTo>
                  <a:cubicBezTo>
                    <a:pt x="986061" y="199908"/>
                    <a:pt x="986061" y="199908"/>
                    <a:pt x="987685" y="199908"/>
                  </a:cubicBezTo>
                  <a:cubicBezTo>
                    <a:pt x="989309" y="199908"/>
                    <a:pt x="994180" y="201529"/>
                    <a:pt x="995804" y="201529"/>
                  </a:cubicBezTo>
                  <a:cubicBezTo>
                    <a:pt x="995804" y="203151"/>
                    <a:pt x="997428" y="203151"/>
                    <a:pt x="997428" y="203151"/>
                  </a:cubicBezTo>
                  <a:cubicBezTo>
                    <a:pt x="999052" y="203151"/>
                    <a:pt x="1000675" y="203151"/>
                    <a:pt x="1002299" y="203151"/>
                  </a:cubicBezTo>
                  <a:cubicBezTo>
                    <a:pt x="1003923" y="203151"/>
                    <a:pt x="1003923" y="203151"/>
                    <a:pt x="1008794" y="203151"/>
                  </a:cubicBezTo>
                  <a:cubicBezTo>
                    <a:pt x="1015290" y="201529"/>
                    <a:pt x="1016913" y="201529"/>
                    <a:pt x="1016913" y="201529"/>
                  </a:cubicBezTo>
                  <a:cubicBezTo>
                    <a:pt x="1016913" y="201529"/>
                    <a:pt x="1012042" y="190178"/>
                    <a:pt x="1010418" y="188557"/>
                  </a:cubicBezTo>
                  <a:cubicBezTo>
                    <a:pt x="1010418" y="188557"/>
                    <a:pt x="1008794" y="188557"/>
                    <a:pt x="1008794" y="188557"/>
                  </a:cubicBezTo>
                  <a:cubicBezTo>
                    <a:pt x="1007171" y="188557"/>
                    <a:pt x="1005547" y="188557"/>
                    <a:pt x="1003923" y="183692"/>
                  </a:cubicBezTo>
                  <a:cubicBezTo>
                    <a:pt x="1003923" y="177206"/>
                    <a:pt x="1010418" y="172341"/>
                    <a:pt x="1012042" y="172341"/>
                  </a:cubicBezTo>
                  <a:cubicBezTo>
                    <a:pt x="1012042" y="172341"/>
                    <a:pt x="1018537" y="167476"/>
                    <a:pt x="1020161" y="167476"/>
                  </a:cubicBezTo>
                  <a:cubicBezTo>
                    <a:pt x="1020161" y="165855"/>
                    <a:pt x="1021785" y="165855"/>
                    <a:pt x="1025032" y="164233"/>
                  </a:cubicBezTo>
                  <a:cubicBezTo>
                    <a:pt x="1029904" y="162611"/>
                    <a:pt x="1031528" y="160990"/>
                    <a:pt x="1033151" y="160990"/>
                  </a:cubicBezTo>
                  <a:cubicBezTo>
                    <a:pt x="1036399" y="159368"/>
                    <a:pt x="1047766" y="148017"/>
                    <a:pt x="1047766" y="148017"/>
                  </a:cubicBezTo>
                  <a:cubicBezTo>
                    <a:pt x="1047766" y="148017"/>
                    <a:pt x="1051013" y="146396"/>
                    <a:pt x="1054261" y="148017"/>
                  </a:cubicBezTo>
                  <a:cubicBezTo>
                    <a:pt x="1055884" y="149639"/>
                    <a:pt x="1059132" y="149639"/>
                    <a:pt x="1062380" y="149639"/>
                  </a:cubicBezTo>
                  <a:cubicBezTo>
                    <a:pt x="1064003" y="151260"/>
                    <a:pt x="1067251" y="149639"/>
                    <a:pt x="1068875" y="151260"/>
                  </a:cubicBezTo>
                  <a:cubicBezTo>
                    <a:pt x="1068875" y="152882"/>
                    <a:pt x="1072122" y="152882"/>
                    <a:pt x="1073746" y="154504"/>
                  </a:cubicBezTo>
                  <a:cubicBezTo>
                    <a:pt x="1073746" y="156125"/>
                    <a:pt x="1075370" y="157747"/>
                    <a:pt x="1076994" y="159368"/>
                  </a:cubicBezTo>
                  <a:cubicBezTo>
                    <a:pt x="1076994" y="160990"/>
                    <a:pt x="1078618" y="159368"/>
                    <a:pt x="1078618" y="160990"/>
                  </a:cubicBezTo>
                  <a:cubicBezTo>
                    <a:pt x="1080241" y="164233"/>
                    <a:pt x="1080241" y="159368"/>
                    <a:pt x="1080241" y="156125"/>
                  </a:cubicBezTo>
                  <a:cubicBezTo>
                    <a:pt x="1081865" y="152882"/>
                    <a:pt x="1081865" y="149639"/>
                    <a:pt x="1081865" y="148017"/>
                  </a:cubicBezTo>
                  <a:cubicBezTo>
                    <a:pt x="1083489" y="146396"/>
                    <a:pt x="1083489" y="146396"/>
                    <a:pt x="1083489" y="144774"/>
                  </a:cubicBezTo>
                  <a:cubicBezTo>
                    <a:pt x="1085113" y="141531"/>
                    <a:pt x="1086737" y="138288"/>
                    <a:pt x="1086737" y="136666"/>
                  </a:cubicBezTo>
                  <a:cubicBezTo>
                    <a:pt x="1085113" y="135045"/>
                    <a:pt x="1085113" y="131801"/>
                    <a:pt x="1083489" y="130180"/>
                  </a:cubicBezTo>
                  <a:cubicBezTo>
                    <a:pt x="1083489" y="128558"/>
                    <a:pt x="1081865" y="128558"/>
                    <a:pt x="1080241" y="126937"/>
                  </a:cubicBezTo>
                  <a:cubicBezTo>
                    <a:pt x="1076994" y="126937"/>
                    <a:pt x="1075370" y="126937"/>
                    <a:pt x="1075370" y="125315"/>
                  </a:cubicBezTo>
                  <a:cubicBezTo>
                    <a:pt x="1073746" y="125315"/>
                    <a:pt x="1075370" y="122072"/>
                    <a:pt x="1076994" y="120450"/>
                  </a:cubicBezTo>
                  <a:cubicBezTo>
                    <a:pt x="1078618" y="117207"/>
                    <a:pt x="1081865" y="112343"/>
                    <a:pt x="1081865" y="110721"/>
                  </a:cubicBezTo>
                  <a:cubicBezTo>
                    <a:pt x="1081865" y="107478"/>
                    <a:pt x="1083489" y="105856"/>
                    <a:pt x="1081865" y="104235"/>
                  </a:cubicBezTo>
                  <a:cubicBezTo>
                    <a:pt x="1081865" y="104235"/>
                    <a:pt x="1081865" y="102613"/>
                    <a:pt x="1081865" y="100991"/>
                  </a:cubicBezTo>
                  <a:cubicBezTo>
                    <a:pt x="1081865" y="99370"/>
                    <a:pt x="1081865" y="97748"/>
                    <a:pt x="1081865" y="96127"/>
                  </a:cubicBezTo>
                  <a:cubicBezTo>
                    <a:pt x="1081865" y="96127"/>
                    <a:pt x="1081865" y="94505"/>
                    <a:pt x="1081865" y="92884"/>
                  </a:cubicBezTo>
                  <a:cubicBezTo>
                    <a:pt x="1080241" y="91262"/>
                    <a:pt x="1076994" y="88019"/>
                    <a:pt x="1076994" y="88019"/>
                  </a:cubicBezTo>
                  <a:cubicBezTo>
                    <a:pt x="1075370" y="88019"/>
                    <a:pt x="1073746" y="86397"/>
                    <a:pt x="1072122" y="86397"/>
                  </a:cubicBezTo>
                  <a:cubicBezTo>
                    <a:pt x="1068875" y="86397"/>
                    <a:pt x="1067251" y="83154"/>
                    <a:pt x="1067251" y="83154"/>
                  </a:cubicBezTo>
                  <a:cubicBezTo>
                    <a:pt x="1067251" y="83154"/>
                    <a:pt x="1075370" y="84776"/>
                    <a:pt x="1078618" y="84776"/>
                  </a:cubicBezTo>
                  <a:cubicBezTo>
                    <a:pt x="1080241" y="83154"/>
                    <a:pt x="1083489" y="83154"/>
                    <a:pt x="1086737" y="83154"/>
                  </a:cubicBezTo>
                  <a:cubicBezTo>
                    <a:pt x="1088360" y="83154"/>
                    <a:pt x="1088360" y="83154"/>
                    <a:pt x="1089984" y="83154"/>
                  </a:cubicBezTo>
                  <a:cubicBezTo>
                    <a:pt x="1093232" y="83154"/>
                    <a:pt x="1094856" y="83154"/>
                    <a:pt x="1096479" y="83154"/>
                  </a:cubicBezTo>
                  <a:cubicBezTo>
                    <a:pt x="1096479" y="83154"/>
                    <a:pt x="1098103" y="83154"/>
                    <a:pt x="1099727" y="83154"/>
                  </a:cubicBezTo>
                  <a:cubicBezTo>
                    <a:pt x="1099727" y="83154"/>
                    <a:pt x="1102975" y="83154"/>
                    <a:pt x="1102975" y="83154"/>
                  </a:cubicBezTo>
                  <a:cubicBezTo>
                    <a:pt x="1106222" y="84776"/>
                    <a:pt x="1109470" y="83154"/>
                    <a:pt x="1109470" y="84776"/>
                  </a:cubicBezTo>
                  <a:cubicBezTo>
                    <a:pt x="1111094" y="86397"/>
                    <a:pt x="1117589" y="88019"/>
                    <a:pt x="1117589" y="89640"/>
                  </a:cubicBezTo>
                  <a:cubicBezTo>
                    <a:pt x="1117589" y="91262"/>
                    <a:pt x="1127332" y="97748"/>
                    <a:pt x="1127332" y="100991"/>
                  </a:cubicBezTo>
                  <a:cubicBezTo>
                    <a:pt x="1127332" y="104235"/>
                    <a:pt x="1130579" y="104235"/>
                    <a:pt x="1128955" y="104235"/>
                  </a:cubicBezTo>
                  <a:cubicBezTo>
                    <a:pt x="1127332" y="105856"/>
                    <a:pt x="1120836" y="105856"/>
                    <a:pt x="1120836" y="105856"/>
                  </a:cubicBezTo>
                  <a:cubicBezTo>
                    <a:pt x="1120836" y="105856"/>
                    <a:pt x="1120836" y="105856"/>
                    <a:pt x="1112717" y="107478"/>
                  </a:cubicBezTo>
                  <a:cubicBezTo>
                    <a:pt x="1112717" y="107478"/>
                    <a:pt x="1109470" y="105856"/>
                    <a:pt x="1107846" y="107478"/>
                  </a:cubicBezTo>
                  <a:cubicBezTo>
                    <a:pt x="1104598" y="109099"/>
                    <a:pt x="1102975" y="109099"/>
                    <a:pt x="1101351" y="112343"/>
                  </a:cubicBezTo>
                  <a:cubicBezTo>
                    <a:pt x="1101351" y="113964"/>
                    <a:pt x="1099727" y="112343"/>
                    <a:pt x="1098103" y="115586"/>
                  </a:cubicBezTo>
                  <a:cubicBezTo>
                    <a:pt x="1098103" y="117207"/>
                    <a:pt x="1094856" y="118829"/>
                    <a:pt x="1096479" y="120450"/>
                  </a:cubicBezTo>
                  <a:cubicBezTo>
                    <a:pt x="1098103" y="122072"/>
                    <a:pt x="1098103" y="123694"/>
                    <a:pt x="1102975" y="125315"/>
                  </a:cubicBezTo>
                  <a:cubicBezTo>
                    <a:pt x="1104598" y="125315"/>
                    <a:pt x="1104598" y="125315"/>
                    <a:pt x="1106222" y="125315"/>
                  </a:cubicBezTo>
                  <a:cubicBezTo>
                    <a:pt x="1107846" y="123694"/>
                    <a:pt x="1107846" y="123694"/>
                    <a:pt x="1107846" y="125315"/>
                  </a:cubicBezTo>
                  <a:cubicBezTo>
                    <a:pt x="1107846" y="128558"/>
                    <a:pt x="1112717" y="135045"/>
                    <a:pt x="1114341" y="136666"/>
                  </a:cubicBezTo>
                  <a:cubicBezTo>
                    <a:pt x="1115965" y="136666"/>
                    <a:pt x="1120836" y="135045"/>
                    <a:pt x="1120836" y="135045"/>
                  </a:cubicBezTo>
                  <a:cubicBezTo>
                    <a:pt x="1120836" y="135045"/>
                    <a:pt x="1120836" y="135045"/>
                    <a:pt x="1140322" y="131801"/>
                  </a:cubicBezTo>
                  <a:cubicBezTo>
                    <a:pt x="1140322" y="131801"/>
                    <a:pt x="1141946" y="130180"/>
                    <a:pt x="1143570" y="128558"/>
                  </a:cubicBezTo>
                  <a:cubicBezTo>
                    <a:pt x="1145193" y="126937"/>
                    <a:pt x="1148441" y="123694"/>
                    <a:pt x="1148441" y="125315"/>
                  </a:cubicBezTo>
                  <a:cubicBezTo>
                    <a:pt x="1148441" y="125315"/>
                    <a:pt x="1148441" y="115586"/>
                    <a:pt x="1150065" y="115586"/>
                  </a:cubicBezTo>
                  <a:cubicBezTo>
                    <a:pt x="1150065" y="113964"/>
                    <a:pt x="1150065" y="112343"/>
                    <a:pt x="1154936" y="110721"/>
                  </a:cubicBezTo>
                  <a:cubicBezTo>
                    <a:pt x="1159807" y="110721"/>
                    <a:pt x="1180917" y="104235"/>
                    <a:pt x="1180917" y="104235"/>
                  </a:cubicBezTo>
                  <a:cubicBezTo>
                    <a:pt x="1180917" y="104235"/>
                    <a:pt x="1176045" y="102613"/>
                    <a:pt x="1177669" y="102613"/>
                  </a:cubicBezTo>
                  <a:cubicBezTo>
                    <a:pt x="1177669" y="102613"/>
                    <a:pt x="1187412" y="97748"/>
                    <a:pt x="1189036" y="96127"/>
                  </a:cubicBezTo>
                  <a:cubicBezTo>
                    <a:pt x="1190660" y="94505"/>
                    <a:pt x="1195531" y="91262"/>
                    <a:pt x="1195531" y="89640"/>
                  </a:cubicBezTo>
                  <a:cubicBezTo>
                    <a:pt x="1197155" y="89640"/>
                    <a:pt x="1202026" y="88019"/>
                    <a:pt x="1202026" y="88019"/>
                  </a:cubicBezTo>
                  <a:cubicBezTo>
                    <a:pt x="1202026" y="88019"/>
                    <a:pt x="1208521" y="88019"/>
                    <a:pt x="1210145" y="88019"/>
                  </a:cubicBezTo>
                  <a:cubicBezTo>
                    <a:pt x="1211769" y="86397"/>
                    <a:pt x="1218264" y="83154"/>
                    <a:pt x="1218264" y="83154"/>
                  </a:cubicBezTo>
                  <a:cubicBezTo>
                    <a:pt x="1218264" y="83154"/>
                    <a:pt x="1221512" y="79911"/>
                    <a:pt x="1221512" y="83154"/>
                  </a:cubicBezTo>
                  <a:cubicBezTo>
                    <a:pt x="1221512" y="84776"/>
                    <a:pt x="1226383" y="83154"/>
                    <a:pt x="1226383" y="84776"/>
                  </a:cubicBezTo>
                  <a:cubicBezTo>
                    <a:pt x="1228007" y="86397"/>
                    <a:pt x="1226383" y="89640"/>
                    <a:pt x="1228007" y="89640"/>
                  </a:cubicBezTo>
                  <a:cubicBezTo>
                    <a:pt x="1229631" y="88019"/>
                    <a:pt x="1234502" y="83154"/>
                    <a:pt x="1234502" y="83154"/>
                  </a:cubicBezTo>
                  <a:cubicBezTo>
                    <a:pt x="1234502" y="83154"/>
                    <a:pt x="1236126" y="76668"/>
                    <a:pt x="1237750" y="76668"/>
                  </a:cubicBezTo>
                  <a:cubicBezTo>
                    <a:pt x="1239373" y="76668"/>
                    <a:pt x="1244245" y="75046"/>
                    <a:pt x="1245869" y="73425"/>
                  </a:cubicBezTo>
                  <a:cubicBezTo>
                    <a:pt x="1245869" y="73425"/>
                    <a:pt x="1250740" y="70181"/>
                    <a:pt x="1250740" y="70181"/>
                  </a:cubicBezTo>
                  <a:cubicBezTo>
                    <a:pt x="1250740" y="70181"/>
                    <a:pt x="1262107" y="68560"/>
                    <a:pt x="1262107" y="70181"/>
                  </a:cubicBezTo>
                  <a:cubicBezTo>
                    <a:pt x="1262107" y="70181"/>
                    <a:pt x="1262107" y="70181"/>
                    <a:pt x="1255611" y="78289"/>
                  </a:cubicBezTo>
                  <a:cubicBezTo>
                    <a:pt x="1255611" y="78289"/>
                    <a:pt x="1255611" y="81532"/>
                    <a:pt x="1255611" y="83154"/>
                  </a:cubicBezTo>
                  <a:cubicBezTo>
                    <a:pt x="1255611" y="86397"/>
                    <a:pt x="1252364" y="89640"/>
                    <a:pt x="1250740" y="89640"/>
                  </a:cubicBezTo>
                  <a:cubicBezTo>
                    <a:pt x="1249116" y="89640"/>
                    <a:pt x="1244245" y="91262"/>
                    <a:pt x="1245869" y="91262"/>
                  </a:cubicBezTo>
                  <a:cubicBezTo>
                    <a:pt x="1247492" y="92884"/>
                    <a:pt x="1249116" y="92884"/>
                    <a:pt x="1252364" y="92884"/>
                  </a:cubicBezTo>
                  <a:cubicBezTo>
                    <a:pt x="1253988" y="92884"/>
                    <a:pt x="1255611" y="92884"/>
                    <a:pt x="1255611" y="92884"/>
                  </a:cubicBezTo>
                  <a:cubicBezTo>
                    <a:pt x="1257235" y="92884"/>
                    <a:pt x="1268602" y="91262"/>
                    <a:pt x="1268602" y="91262"/>
                  </a:cubicBezTo>
                  <a:cubicBezTo>
                    <a:pt x="1270226" y="91262"/>
                    <a:pt x="1286464" y="84776"/>
                    <a:pt x="1286464" y="84776"/>
                  </a:cubicBezTo>
                  <a:cubicBezTo>
                    <a:pt x="1286464" y="84776"/>
                    <a:pt x="1286464" y="84776"/>
                    <a:pt x="1292959" y="83154"/>
                  </a:cubicBezTo>
                  <a:cubicBezTo>
                    <a:pt x="1292959" y="83154"/>
                    <a:pt x="1292959" y="83154"/>
                    <a:pt x="1296206" y="83154"/>
                  </a:cubicBezTo>
                  <a:cubicBezTo>
                    <a:pt x="1296206" y="83154"/>
                    <a:pt x="1296206" y="83154"/>
                    <a:pt x="1304325" y="81532"/>
                  </a:cubicBezTo>
                  <a:cubicBezTo>
                    <a:pt x="1304325" y="81532"/>
                    <a:pt x="1304325" y="81532"/>
                    <a:pt x="1314068" y="84776"/>
                  </a:cubicBezTo>
                  <a:cubicBezTo>
                    <a:pt x="1314068" y="84776"/>
                    <a:pt x="1314068" y="84776"/>
                    <a:pt x="1320563" y="81532"/>
                  </a:cubicBezTo>
                  <a:cubicBezTo>
                    <a:pt x="1320563" y="81532"/>
                    <a:pt x="1323811" y="78289"/>
                    <a:pt x="1325435" y="78289"/>
                  </a:cubicBezTo>
                  <a:cubicBezTo>
                    <a:pt x="1327058" y="76668"/>
                    <a:pt x="1331930" y="73425"/>
                    <a:pt x="1331930" y="73425"/>
                  </a:cubicBezTo>
                  <a:cubicBezTo>
                    <a:pt x="1331930" y="73425"/>
                    <a:pt x="1331930" y="71803"/>
                    <a:pt x="1335177" y="71803"/>
                  </a:cubicBezTo>
                  <a:cubicBezTo>
                    <a:pt x="1336801" y="71803"/>
                    <a:pt x="1338425" y="71803"/>
                    <a:pt x="1340049" y="71803"/>
                  </a:cubicBezTo>
                  <a:cubicBezTo>
                    <a:pt x="1341673" y="70181"/>
                    <a:pt x="1343296" y="70181"/>
                    <a:pt x="1343296" y="70181"/>
                  </a:cubicBezTo>
                  <a:cubicBezTo>
                    <a:pt x="1349792" y="73425"/>
                    <a:pt x="1349792" y="73425"/>
                    <a:pt x="1349792" y="73425"/>
                  </a:cubicBezTo>
                  <a:cubicBezTo>
                    <a:pt x="1349792" y="73425"/>
                    <a:pt x="1353039" y="75046"/>
                    <a:pt x="1351415" y="78289"/>
                  </a:cubicBezTo>
                  <a:cubicBezTo>
                    <a:pt x="1351415" y="81532"/>
                    <a:pt x="1349792" y="86397"/>
                    <a:pt x="1349792" y="86397"/>
                  </a:cubicBezTo>
                  <a:cubicBezTo>
                    <a:pt x="1349792" y="86397"/>
                    <a:pt x="1351415" y="88019"/>
                    <a:pt x="1353039" y="89640"/>
                  </a:cubicBezTo>
                  <a:cubicBezTo>
                    <a:pt x="1353039" y="89640"/>
                    <a:pt x="1359534" y="91262"/>
                    <a:pt x="1359534" y="91262"/>
                  </a:cubicBezTo>
                  <a:cubicBezTo>
                    <a:pt x="1359534" y="91262"/>
                    <a:pt x="1359534" y="91262"/>
                    <a:pt x="1361158" y="89640"/>
                  </a:cubicBezTo>
                  <a:cubicBezTo>
                    <a:pt x="1361158" y="89640"/>
                    <a:pt x="1361158" y="89640"/>
                    <a:pt x="1364406" y="86397"/>
                  </a:cubicBezTo>
                  <a:cubicBezTo>
                    <a:pt x="1364406" y="86397"/>
                    <a:pt x="1364406" y="86397"/>
                    <a:pt x="1362782" y="83154"/>
                  </a:cubicBezTo>
                  <a:cubicBezTo>
                    <a:pt x="1362782" y="83154"/>
                    <a:pt x="1364406" y="78289"/>
                    <a:pt x="1366030" y="79911"/>
                  </a:cubicBezTo>
                  <a:cubicBezTo>
                    <a:pt x="1367653" y="79911"/>
                    <a:pt x="1374149" y="76668"/>
                    <a:pt x="1374149" y="76668"/>
                  </a:cubicBezTo>
                  <a:cubicBezTo>
                    <a:pt x="1374149" y="76668"/>
                    <a:pt x="1375772" y="75046"/>
                    <a:pt x="1375772" y="73425"/>
                  </a:cubicBezTo>
                  <a:cubicBezTo>
                    <a:pt x="1375772" y="71803"/>
                    <a:pt x="1377396" y="70181"/>
                    <a:pt x="1377396" y="70181"/>
                  </a:cubicBezTo>
                  <a:cubicBezTo>
                    <a:pt x="1377396" y="68560"/>
                    <a:pt x="1375772" y="63695"/>
                    <a:pt x="1374149" y="63695"/>
                  </a:cubicBezTo>
                  <a:cubicBezTo>
                    <a:pt x="1370901" y="63695"/>
                    <a:pt x="1370901" y="60452"/>
                    <a:pt x="1370901" y="58830"/>
                  </a:cubicBezTo>
                  <a:cubicBezTo>
                    <a:pt x="1370901" y="57209"/>
                    <a:pt x="1370901" y="55587"/>
                    <a:pt x="1369277" y="55587"/>
                  </a:cubicBezTo>
                  <a:cubicBezTo>
                    <a:pt x="1367653" y="57209"/>
                    <a:pt x="1369277" y="52344"/>
                    <a:pt x="1366030" y="52344"/>
                  </a:cubicBezTo>
                  <a:cubicBezTo>
                    <a:pt x="1362782" y="52344"/>
                    <a:pt x="1361158" y="49101"/>
                    <a:pt x="1359534" y="49101"/>
                  </a:cubicBezTo>
                  <a:cubicBezTo>
                    <a:pt x="1359534" y="47479"/>
                    <a:pt x="1357911" y="44236"/>
                    <a:pt x="1356287" y="44236"/>
                  </a:cubicBezTo>
                  <a:cubicBezTo>
                    <a:pt x="1353039" y="44236"/>
                    <a:pt x="1351415" y="42615"/>
                    <a:pt x="1349792" y="42615"/>
                  </a:cubicBezTo>
                  <a:cubicBezTo>
                    <a:pt x="1346544" y="40993"/>
                    <a:pt x="1346544" y="39371"/>
                    <a:pt x="1344920" y="39371"/>
                  </a:cubicBezTo>
                  <a:cubicBezTo>
                    <a:pt x="1341673" y="39371"/>
                    <a:pt x="1340049" y="37750"/>
                    <a:pt x="1340049" y="37750"/>
                  </a:cubicBezTo>
                  <a:cubicBezTo>
                    <a:pt x="1340049" y="37750"/>
                    <a:pt x="1340049" y="36128"/>
                    <a:pt x="1340049" y="36128"/>
                  </a:cubicBezTo>
                  <a:cubicBezTo>
                    <a:pt x="1340049" y="34507"/>
                    <a:pt x="1340049" y="29642"/>
                    <a:pt x="1340049" y="28020"/>
                  </a:cubicBezTo>
                  <a:cubicBezTo>
                    <a:pt x="1340049" y="26399"/>
                    <a:pt x="1343296" y="23156"/>
                    <a:pt x="1343296" y="23156"/>
                  </a:cubicBezTo>
                  <a:cubicBezTo>
                    <a:pt x="1344920" y="23156"/>
                    <a:pt x="1344920" y="23156"/>
                    <a:pt x="1344920" y="23156"/>
                  </a:cubicBezTo>
                  <a:cubicBezTo>
                    <a:pt x="1346544" y="23156"/>
                    <a:pt x="1348168" y="23156"/>
                    <a:pt x="1348168" y="23156"/>
                  </a:cubicBezTo>
                  <a:cubicBezTo>
                    <a:pt x="1349792" y="23156"/>
                    <a:pt x="1356287" y="23156"/>
                    <a:pt x="1357911" y="24777"/>
                  </a:cubicBezTo>
                  <a:cubicBezTo>
                    <a:pt x="1357911" y="26399"/>
                    <a:pt x="1362782" y="31264"/>
                    <a:pt x="1362782" y="32885"/>
                  </a:cubicBezTo>
                  <a:cubicBezTo>
                    <a:pt x="1364406" y="34507"/>
                    <a:pt x="1367653" y="36128"/>
                    <a:pt x="1367653" y="36128"/>
                  </a:cubicBezTo>
                  <a:cubicBezTo>
                    <a:pt x="1367653" y="36128"/>
                    <a:pt x="1367653" y="36128"/>
                    <a:pt x="1382268" y="42615"/>
                  </a:cubicBezTo>
                  <a:cubicBezTo>
                    <a:pt x="1382268" y="42615"/>
                    <a:pt x="1388763" y="42615"/>
                    <a:pt x="1390387" y="42615"/>
                  </a:cubicBezTo>
                  <a:cubicBezTo>
                    <a:pt x="1392010" y="42615"/>
                    <a:pt x="1416367" y="45858"/>
                    <a:pt x="1416367" y="45858"/>
                  </a:cubicBezTo>
                  <a:cubicBezTo>
                    <a:pt x="1416367" y="47479"/>
                    <a:pt x="1417991" y="47479"/>
                    <a:pt x="1419615" y="45858"/>
                  </a:cubicBezTo>
                  <a:cubicBezTo>
                    <a:pt x="1419615" y="45858"/>
                    <a:pt x="1421239" y="45858"/>
                    <a:pt x="1421239" y="45858"/>
                  </a:cubicBezTo>
                  <a:cubicBezTo>
                    <a:pt x="1422862" y="47479"/>
                    <a:pt x="1427734" y="49101"/>
                    <a:pt x="1427734" y="49101"/>
                  </a:cubicBezTo>
                  <a:cubicBezTo>
                    <a:pt x="1427734" y="50722"/>
                    <a:pt x="1429358" y="49101"/>
                    <a:pt x="1430981" y="49101"/>
                  </a:cubicBezTo>
                  <a:cubicBezTo>
                    <a:pt x="1432605" y="49101"/>
                    <a:pt x="1434229" y="49101"/>
                    <a:pt x="1434229" y="50722"/>
                  </a:cubicBezTo>
                  <a:cubicBezTo>
                    <a:pt x="1434229" y="50722"/>
                    <a:pt x="1440724" y="52344"/>
                    <a:pt x="1442348" y="53966"/>
                  </a:cubicBezTo>
                  <a:cubicBezTo>
                    <a:pt x="1442348" y="53966"/>
                    <a:pt x="1447219" y="53966"/>
                    <a:pt x="1447219" y="53966"/>
                  </a:cubicBezTo>
                  <a:cubicBezTo>
                    <a:pt x="1448843" y="55587"/>
                    <a:pt x="1450467" y="57209"/>
                    <a:pt x="1450467" y="57209"/>
                  </a:cubicBezTo>
                  <a:cubicBezTo>
                    <a:pt x="1447219" y="58830"/>
                    <a:pt x="1447219" y="62074"/>
                    <a:pt x="1448843" y="66938"/>
                  </a:cubicBezTo>
                  <a:cubicBezTo>
                    <a:pt x="1443972" y="68560"/>
                    <a:pt x="1442348" y="71803"/>
                    <a:pt x="1442348" y="76668"/>
                  </a:cubicBezTo>
                  <a:cubicBezTo>
                    <a:pt x="1452091" y="78289"/>
                    <a:pt x="1456962" y="75046"/>
                    <a:pt x="1460210" y="83154"/>
                  </a:cubicBezTo>
                  <a:cubicBezTo>
                    <a:pt x="1460210" y="84776"/>
                    <a:pt x="1460210" y="88019"/>
                    <a:pt x="1460210" y="89640"/>
                  </a:cubicBezTo>
                  <a:cubicBezTo>
                    <a:pt x="1460210" y="94505"/>
                    <a:pt x="1456962" y="99370"/>
                    <a:pt x="1460210" y="105856"/>
                  </a:cubicBezTo>
                  <a:cubicBezTo>
                    <a:pt x="1460210" y="105856"/>
                    <a:pt x="1460210" y="105856"/>
                    <a:pt x="1461834" y="105856"/>
                  </a:cubicBezTo>
                  <a:cubicBezTo>
                    <a:pt x="1466705" y="107478"/>
                    <a:pt x="1469953" y="109099"/>
                    <a:pt x="1473200" y="109099"/>
                  </a:cubicBezTo>
                  <a:cubicBezTo>
                    <a:pt x="1473200" y="109099"/>
                    <a:pt x="1473200" y="109099"/>
                    <a:pt x="1473200" y="113964"/>
                  </a:cubicBezTo>
                  <a:cubicBezTo>
                    <a:pt x="1469953" y="115586"/>
                    <a:pt x="1469953" y="115586"/>
                    <a:pt x="1469953" y="118829"/>
                  </a:cubicBezTo>
                  <a:cubicBezTo>
                    <a:pt x="1465081" y="123694"/>
                    <a:pt x="1456962" y="128558"/>
                    <a:pt x="1456962" y="136666"/>
                  </a:cubicBezTo>
                  <a:cubicBezTo>
                    <a:pt x="1447219" y="135045"/>
                    <a:pt x="1417991" y="156125"/>
                    <a:pt x="1417991" y="165855"/>
                  </a:cubicBezTo>
                  <a:cubicBezTo>
                    <a:pt x="1408248" y="170719"/>
                    <a:pt x="1403377" y="169098"/>
                    <a:pt x="1395258" y="177206"/>
                  </a:cubicBezTo>
                  <a:cubicBezTo>
                    <a:pt x="1388763" y="183692"/>
                    <a:pt x="1385515" y="191800"/>
                    <a:pt x="1375772" y="195043"/>
                  </a:cubicBezTo>
                  <a:cubicBezTo>
                    <a:pt x="1374149" y="195043"/>
                    <a:pt x="1372525" y="191800"/>
                    <a:pt x="1369277" y="191800"/>
                  </a:cubicBezTo>
                  <a:cubicBezTo>
                    <a:pt x="1367653" y="191800"/>
                    <a:pt x="1366030" y="191800"/>
                    <a:pt x="1366030" y="193421"/>
                  </a:cubicBezTo>
                  <a:cubicBezTo>
                    <a:pt x="1364406" y="193421"/>
                    <a:pt x="1359534" y="203151"/>
                    <a:pt x="1359534" y="204773"/>
                  </a:cubicBezTo>
                  <a:cubicBezTo>
                    <a:pt x="1357911" y="212880"/>
                    <a:pt x="1361158" y="220988"/>
                    <a:pt x="1357911" y="230718"/>
                  </a:cubicBezTo>
                  <a:cubicBezTo>
                    <a:pt x="1353039" y="240447"/>
                    <a:pt x="1353039" y="246934"/>
                    <a:pt x="1354663" y="256663"/>
                  </a:cubicBezTo>
                  <a:cubicBezTo>
                    <a:pt x="1356287" y="266393"/>
                    <a:pt x="1357911" y="276122"/>
                    <a:pt x="1353039" y="284230"/>
                  </a:cubicBezTo>
                  <a:cubicBezTo>
                    <a:pt x="1346544" y="297203"/>
                    <a:pt x="1333554" y="297203"/>
                    <a:pt x="1318940" y="295581"/>
                  </a:cubicBezTo>
                  <a:cubicBezTo>
                    <a:pt x="1312444" y="295581"/>
                    <a:pt x="1304325" y="295581"/>
                    <a:pt x="1299454" y="297203"/>
                  </a:cubicBezTo>
                  <a:cubicBezTo>
                    <a:pt x="1291335" y="298824"/>
                    <a:pt x="1283216" y="305310"/>
                    <a:pt x="1275097" y="306932"/>
                  </a:cubicBezTo>
                  <a:cubicBezTo>
                    <a:pt x="1270226" y="308554"/>
                    <a:pt x="1258859" y="310175"/>
                    <a:pt x="1250740" y="310175"/>
                  </a:cubicBezTo>
                  <a:cubicBezTo>
                    <a:pt x="1249116" y="310175"/>
                    <a:pt x="1247492" y="310175"/>
                    <a:pt x="1245869" y="310175"/>
                  </a:cubicBezTo>
                  <a:cubicBezTo>
                    <a:pt x="1245869" y="308554"/>
                    <a:pt x="1244245" y="306932"/>
                    <a:pt x="1240997" y="306932"/>
                  </a:cubicBezTo>
                  <a:cubicBezTo>
                    <a:pt x="1234502" y="305310"/>
                    <a:pt x="1224759" y="310175"/>
                    <a:pt x="1219888" y="313418"/>
                  </a:cubicBezTo>
                  <a:cubicBezTo>
                    <a:pt x="1219888" y="313418"/>
                    <a:pt x="1219888" y="313418"/>
                    <a:pt x="1219888" y="315040"/>
                  </a:cubicBezTo>
                  <a:cubicBezTo>
                    <a:pt x="1219888" y="315040"/>
                    <a:pt x="1219888" y="316662"/>
                    <a:pt x="1219888" y="318283"/>
                  </a:cubicBezTo>
                  <a:cubicBezTo>
                    <a:pt x="1219888" y="318283"/>
                    <a:pt x="1219888" y="318283"/>
                    <a:pt x="1219888" y="319905"/>
                  </a:cubicBezTo>
                  <a:cubicBezTo>
                    <a:pt x="1219888" y="319905"/>
                    <a:pt x="1221512" y="321526"/>
                    <a:pt x="1221512" y="321526"/>
                  </a:cubicBezTo>
                  <a:cubicBezTo>
                    <a:pt x="1221512" y="321526"/>
                    <a:pt x="1221512" y="321526"/>
                    <a:pt x="1223136" y="323148"/>
                  </a:cubicBezTo>
                  <a:cubicBezTo>
                    <a:pt x="1223136" y="324769"/>
                    <a:pt x="1223136" y="324769"/>
                    <a:pt x="1224759" y="326391"/>
                  </a:cubicBezTo>
                  <a:cubicBezTo>
                    <a:pt x="1224759" y="326391"/>
                    <a:pt x="1224759" y="326391"/>
                    <a:pt x="1226383" y="326391"/>
                  </a:cubicBezTo>
                  <a:cubicBezTo>
                    <a:pt x="1226383" y="328013"/>
                    <a:pt x="1228007" y="328013"/>
                    <a:pt x="1228007" y="328013"/>
                  </a:cubicBezTo>
                  <a:cubicBezTo>
                    <a:pt x="1226383" y="328013"/>
                    <a:pt x="1223136" y="328013"/>
                    <a:pt x="1221512" y="328013"/>
                  </a:cubicBezTo>
                  <a:cubicBezTo>
                    <a:pt x="1219888" y="332877"/>
                    <a:pt x="1215017" y="332877"/>
                    <a:pt x="1215017" y="336120"/>
                  </a:cubicBezTo>
                  <a:cubicBezTo>
                    <a:pt x="1213393" y="336120"/>
                    <a:pt x="1211769" y="336120"/>
                    <a:pt x="1210145" y="336120"/>
                  </a:cubicBezTo>
                  <a:cubicBezTo>
                    <a:pt x="1208521" y="336120"/>
                    <a:pt x="1206898" y="336120"/>
                    <a:pt x="1203650" y="336120"/>
                  </a:cubicBezTo>
                  <a:cubicBezTo>
                    <a:pt x="1200402" y="337742"/>
                    <a:pt x="1197155" y="339364"/>
                    <a:pt x="1193907" y="340985"/>
                  </a:cubicBezTo>
                  <a:cubicBezTo>
                    <a:pt x="1185788" y="344228"/>
                    <a:pt x="1182541" y="344228"/>
                    <a:pt x="1182541" y="355579"/>
                  </a:cubicBezTo>
                  <a:cubicBezTo>
                    <a:pt x="1180917" y="355579"/>
                    <a:pt x="1179293" y="355579"/>
                    <a:pt x="1177669" y="353958"/>
                  </a:cubicBezTo>
                  <a:cubicBezTo>
                    <a:pt x="1176045" y="352336"/>
                    <a:pt x="1176045" y="350715"/>
                    <a:pt x="1174422" y="349093"/>
                  </a:cubicBezTo>
                  <a:cubicBezTo>
                    <a:pt x="1174422" y="349093"/>
                    <a:pt x="1174422" y="349093"/>
                    <a:pt x="1172798" y="349093"/>
                  </a:cubicBezTo>
                  <a:cubicBezTo>
                    <a:pt x="1169550" y="349093"/>
                    <a:pt x="1161431" y="344228"/>
                    <a:pt x="1159807" y="340985"/>
                  </a:cubicBezTo>
                  <a:cubicBezTo>
                    <a:pt x="1158184" y="339364"/>
                    <a:pt x="1158184" y="337742"/>
                    <a:pt x="1158184" y="337742"/>
                  </a:cubicBezTo>
                  <a:cubicBezTo>
                    <a:pt x="1158184" y="332877"/>
                    <a:pt x="1159807" y="328013"/>
                    <a:pt x="1161431" y="323148"/>
                  </a:cubicBezTo>
                  <a:cubicBezTo>
                    <a:pt x="1161431" y="323148"/>
                    <a:pt x="1163055" y="324769"/>
                    <a:pt x="1163055" y="324769"/>
                  </a:cubicBezTo>
                  <a:cubicBezTo>
                    <a:pt x="1159807" y="319905"/>
                    <a:pt x="1161431" y="316662"/>
                    <a:pt x="1159807" y="313418"/>
                  </a:cubicBezTo>
                  <a:cubicBezTo>
                    <a:pt x="1156560" y="310175"/>
                    <a:pt x="1151688" y="310175"/>
                    <a:pt x="1148441" y="308554"/>
                  </a:cubicBezTo>
                  <a:cubicBezTo>
                    <a:pt x="1143570" y="305310"/>
                    <a:pt x="1141946" y="305310"/>
                    <a:pt x="1137074" y="308554"/>
                  </a:cubicBezTo>
                  <a:cubicBezTo>
                    <a:pt x="1130579" y="311797"/>
                    <a:pt x="1132203" y="315040"/>
                    <a:pt x="1130579" y="319905"/>
                  </a:cubicBezTo>
                  <a:cubicBezTo>
                    <a:pt x="1128955" y="326391"/>
                    <a:pt x="1125708" y="328013"/>
                    <a:pt x="1122460" y="331256"/>
                  </a:cubicBezTo>
                  <a:cubicBezTo>
                    <a:pt x="1124084" y="331256"/>
                    <a:pt x="1130579" y="332877"/>
                    <a:pt x="1132203" y="334499"/>
                  </a:cubicBezTo>
                  <a:cubicBezTo>
                    <a:pt x="1133827" y="336120"/>
                    <a:pt x="1132203" y="339364"/>
                    <a:pt x="1133827" y="342607"/>
                  </a:cubicBezTo>
                  <a:cubicBezTo>
                    <a:pt x="1133827" y="344228"/>
                    <a:pt x="1135451" y="350715"/>
                    <a:pt x="1135451" y="352336"/>
                  </a:cubicBezTo>
                  <a:cubicBezTo>
                    <a:pt x="1137074" y="355579"/>
                    <a:pt x="1140322" y="357201"/>
                    <a:pt x="1140322" y="360444"/>
                  </a:cubicBezTo>
                  <a:cubicBezTo>
                    <a:pt x="1140322" y="362066"/>
                    <a:pt x="1140322" y="362066"/>
                    <a:pt x="1140322" y="363687"/>
                  </a:cubicBezTo>
                  <a:cubicBezTo>
                    <a:pt x="1137074" y="371795"/>
                    <a:pt x="1115965" y="378282"/>
                    <a:pt x="1120836" y="388011"/>
                  </a:cubicBezTo>
                  <a:cubicBezTo>
                    <a:pt x="1120836" y="388011"/>
                    <a:pt x="1122460" y="388011"/>
                    <a:pt x="1122460" y="388011"/>
                  </a:cubicBezTo>
                  <a:cubicBezTo>
                    <a:pt x="1127332" y="389633"/>
                    <a:pt x="1132203" y="389633"/>
                    <a:pt x="1137074" y="391254"/>
                  </a:cubicBezTo>
                  <a:cubicBezTo>
                    <a:pt x="1140322" y="391254"/>
                    <a:pt x="1143570" y="391254"/>
                    <a:pt x="1143570" y="392876"/>
                  </a:cubicBezTo>
                  <a:cubicBezTo>
                    <a:pt x="1143570" y="394497"/>
                    <a:pt x="1141946" y="396119"/>
                    <a:pt x="1141946" y="397741"/>
                  </a:cubicBezTo>
                  <a:cubicBezTo>
                    <a:pt x="1137074" y="402605"/>
                    <a:pt x="1133827" y="399362"/>
                    <a:pt x="1130579" y="402605"/>
                  </a:cubicBezTo>
                  <a:cubicBezTo>
                    <a:pt x="1125708" y="405848"/>
                    <a:pt x="1128955" y="410713"/>
                    <a:pt x="1128955" y="417199"/>
                  </a:cubicBezTo>
                  <a:cubicBezTo>
                    <a:pt x="1132203" y="415578"/>
                    <a:pt x="1135451" y="417199"/>
                    <a:pt x="1137074" y="417199"/>
                  </a:cubicBezTo>
                  <a:cubicBezTo>
                    <a:pt x="1138698" y="418821"/>
                    <a:pt x="1141946" y="420443"/>
                    <a:pt x="1141946" y="418821"/>
                  </a:cubicBezTo>
                  <a:cubicBezTo>
                    <a:pt x="1145193" y="418821"/>
                    <a:pt x="1143570" y="417199"/>
                    <a:pt x="1145193" y="417199"/>
                  </a:cubicBezTo>
                  <a:cubicBezTo>
                    <a:pt x="1148441" y="415578"/>
                    <a:pt x="1150065" y="415578"/>
                    <a:pt x="1153312" y="415578"/>
                  </a:cubicBezTo>
                  <a:cubicBezTo>
                    <a:pt x="1156560" y="413956"/>
                    <a:pt x="1159807" y="412335"/>
                    <a:pt x="1163055" y="412335"/>
                  </a:cubicBezTo>
                  <a:cubicBezTo>
                    <a:pt x="1169550" y="410713"/>
                    <a:pt x="1176045" y="412335"/>
                    <a:pt x="1179293" y="415578"/>
                  </a:cubicBezTo>
                  <a:cubicBezTo>
                    <a:pt x="1180917" y="417199"/>
                    <a:pt x="1182541" y="417199"/>
                    <a:pt x="1184164" y="418821"/>
                  </a:cubicBezTo>
                  <a:cubicBezTo>
                    <a:pt x="1185788" y="418821"/>
                    <a:pt x="1187412" y="418821"/>
                    <a:pt x="1187412" y="418821"/>
                  </a:cubicBezTo>
                  <a:cubicBezTo>
                    <a:pt x="1189036" y="420443"/>
                    <a:pt x="1190660" y="425307"/>
                    <a:pt x="1189036" y="426929"/>
                  </a:cubicBezTo>
                  <a:cubicBezTo>
                    <a:pt x="1197155" y="423686"/>
                    <a:pt x="1197155" y="430172"/>
                    <a:pt x="1202026" y="435037"/>
                  </a:cubicBezTo>
                  <a:cubicBezTo>
                    <a:pt x="1203650" y="435037"/>
                    <a:pt x="1205274" y="435037"/>
                    <a:pt x="1206898" y="436658"/>
                  </a:cubicBezTo>
                  <a:cubicBezTo>
                    <a:pt x="1206898" y="436658"/>
                    <a:pt x="1208521" y="436658"/>
                    <a:pt x="1210145" y="438280"/>
                  </a:cubicBezTo>
                  <a:cubicBezTo>
                    <a:pt x="1211769" y="438280"/>
                    <a:pt x="1211769" y="438280"/>
                    <a:pt x="1213393" y="439902"/>
                  </a:cubicBezTo>
                  <a:cubicBezTo>
                    <a:pt x="1215017" y="439902"/>
                    <a:pt x="1216640" y="441523"/>
                    <a:pt x="1218264" y="441523"/>
                  </a:cubicBezTo>
                  <a:cubicBezTo>
                    <a:pt x="1219888" y="441523"/>
                    <a:pt x="1221512" y="441523"/>
                    <a:pt x="1223136" y="441523"/>
                  </a:cubicBezTo>
                  <a:cubicBezTo>
                    <a:pt x="1224759" y="441523"/>
                    <a:pt x="1228007" y="439902"/>
                    <a:pt x="1231254" y="439902"/>
                  </a:cubicBezTo>
                  <a:cubicBezTo>
                    <a:pt x="1231254" y="439902"/>
                    <a:pt x="1232878" y="438280"/>
                    <a:pt x="1234502" y="438280"/>
                  </a:cubicBezTo>
                  <a:cubicBezTo>
                    <a:pt x="1234502" y="436658"/>
                    <a:pt x="1236126" y="436658"/>
                    <a:pt x="1236126" y="435037"/>
                  </a:cubicBezTo>
                  <a:cubicBezTo>
                    <a:pt x="1237750" y="433415"/>
                    <a:pt x="1239373" y="426929"/>
                    <a:pt x="1242621" y="428551"/>
                  </a:cubicBezTo>
                  <a:cubicBezTo>
                    <a:pt x="1244245" y="430172"/>
                    <a:pt x="1240997" y="436658"/>
                    <a:pt x="1240997" y="438280"/>
                  </a:cubicBezTo>
                  <a:cubicBezTo>
                    <a:pt x="1244245" y="438280"/>
                    <a:pt x="1245869" y="438280"/>
                    <a:pt x="1249116" y="436658"/>
                  </a:cubicBezTo>
                  <a:cubicBezTo>
                    <a:pt x="1253988" y="446388"/>
                    <a:pt x="1244245" y="441523"/>
                    <a:pt x="1242621" y="444766"/>
                  </a:cubicBezTo>
                  <a:cubicBezTo>
                    <a:pt x="1247492" y="446388"/>
                    <a:pt x="1252364" y="448009"/>
                    <a:pt x="1255611" y="443145"/>
                  </a:cubicBezTo>
                  <a:cubicBezTo>
                    <a:pt x="1255611" y="443145"/>
                    <a:pt x="1255611" y="443145"/>
                    <a:pt x="1257235" y="443145"/>
                  </a:cubicBezTo>
                  <a:cubicBezTo>
                    <a:pt x="1257235" y="443145"/>
                    <a:pt x="1257235" y="443145"/>
                    <a:pt x="1255611" y="444766"/>
                  </a:cubicBezTo>
                  <a:cubicBezTo>
                    <a:pt x="1255611" y="446388"/>
                    <a:pt x="1260483" y="449631"/>
                    <a:pt x="1258859" y="452874"/>
                  </a:cubicBezTo>
                  <a:cubicBezTo>
                    <a:pt x="1258859" y="457739"/>
                    <a:pt x="1250740" y="457739"/>
                    <a:pt x="1250740" y="465847"/>
                  </a:cubicBezTo>
                  <a:cubicBezTo>
                    <a:pt x="1249116" y="464225"/>
                    <a:pt x="1247492" y="464225"/>
                    <a:pt x="1245869" y="464225"/>
                  </a:cubicBezTo>
                  <a:cubicBezTo>
                    <a:pt x="1244245" y="464225"/>
                    <a:pt x="1244245" y="464225"/>
                    <a:pt x="1244245" y="464225"/>
                  </a:cubicBezTo>
                  <a:cubicBezTo>
                    <a:pt x="1253988" y="469090"/>
                    <a:pt x="1245869" y="482063"/>
                    <a:pt x="1247492" y="490170"/>
                  </a:cubicBezTo>
                  <a:cubicBezTo>
                    <a:pt x="1247492" y="490170"/>
                    <a:pt x="1247492" y="490170"/>
                    <a:pt x="1244245" y="490170"/>
                  </a:cubicBezTo>
                  <a:cubicBezTo>
                    <a:pt x="1244245" y="488549"/>
                    <a:pt x="1240997" y="486927"/>
                    <a:pt x="1239373" y="486927"/>
                  </a:cubicBezTo>
                  <a:cubicBezTo>
                    <a:pt x="1239373" y="486927"/>
                    <a:pt x="1237750" y="485306"/>
                    <a:pt x="1237750" y="485306"/>
                  </a:cubicBezTo>
                  <a:cubicBezTo>
                    <a:pt x="1234502" y="485306"/>
                    <a:pt x="1232878" y="483684"/>
                    <a:pt x="1229631" y="482063"/>
                  </a:cubicBezTo>
                  <a:cubicBezTo>
                    <a:pt x="1229631" y="482063"/>
                    <a:pt x="1229631" y="482063"/>
                    <a:pt x="1229631" y="480441"/>
                  </a:cubicBezTo>
                  <a:cubicBezTo>
                    <a:pt x="1228007" y="480441"/>
                    <a:pt x="1224759" y="480441"/>
                    <a:pt x="1223136" y="480441"/>
                  </a:cubicBezTo>
                  <a:cubicBezTo>
                    <a:pt x="1223136" y="480441"/>
                    <a:pt x="1223136" y="478819"/>
                    <a:pt x="1223136" y="478819"/>
                  </a:cubicBezTo>
                  <a:cubicBezTo>
                    <a:pt x="1218264" y="477198"/>
                    <a:pt x="1216640" y="478819"/>
                    <a:pt x="1211769" y="478819"/>
                  </a:cubicBezTo>
                  <a:cubicBezTo>
                    <a:pt x="1211769" y="478819"/>
                    <a:pt x="1210145" y="478819"/>
                    <a:pt x="1210145" y="478819"/>
                  </a:cubicBezTo>
                  <a:cubicBezTo>
                    <a:pt x="1206898" y="477198"/>
                    <a:pt x="1205274" y="477198"/>
                    <a:pt x="1203650" y="480441"/>
                  </a:cubicBezTo>
                  <a:cubicBezTo>
                    <a:pt x="1203650" y="480441"/>
                    <a:pt x="1202026" y="480441"/>
                    <a:pt x="1200402" y="480441"/>
                  </a:cubicBezTo>
                  <a:cubicBezTo>
                    <a:pt x="1198779" y="482063"/>
                    <a:pt x="1197155" y="482063"/>
                    <a:pt x="1195531" y="480441"/>
                  </a:cubicBezTo>
                  <a:cubicBezTo>
                    <a:pt x="1193907" y="480441"/>
                    <a:pt x="1193907" y="480441"/>
                    <a:pt x="1193907" y="480441"/>
                  </a:cubicBezTo>
                  <a:cubicBezTo>
                    <a:pt x="1193907" y="478819"/>
                    <a:pt x="1192283" y="478819"/>
                    <a:pt x="1192283" y="478819"/>
                  </a:cubicBezTo>
                  <a:cubicBezTo>
                    <a:pt x="1190660" y="478819"/>
                    <a:pt x="1190660" y="478819"/>
                    <a:pt x="1189036" y="478819"/>
                  </a:cubicBezTo>
                  <a:cubicBezTo>
                    <a:pt x="1189036" y="482063"/>
                    <a:pt x="1190660" y="482063"/>
                    <a:pt x="1192283" y="483684"/>
                  </a:cubicBezTo>
                  <a:cubicBezTo>
                    <a:pt x="1192283" y="483684"/>
                    <a:pt x="1192283" y="483684"/>
                    <a:pt x="1193907" y="485306"/>
                  </a:cubicBezTo>
                  <a:cubicBezTo>
                    <a:pt x="1193907" y="486927"/>
                    <a:pt x="1195531" y="486927"/>
                    <a:pt x="1195531" y="488549"/>
                  </a:cubicBezTo>
                  <a:cubicBezTo>
                    <a:pt x="1195531" y="493414"/>
                    <a:pt x="1185788" y="493414"/>
                    <a:pt x="1184164" y="496657"/>
                  </a:cubicBezTo>
                  <a:cubicBezTo>
                    <a:pt x="1182541" y="495035"/>
                    <a:pt x="1180917" y="493414"/>
                    <a:pt x="1177669" y="493414"/>
                  </a:cubicBezTo>
                  <a:cubicBezTo>
                    <a:pt x="1176045" y="493414"/>
                    <a:pt x="1174422" y="493414"/>
                    <a:pt x="1172798" y="495035"/>
                  </a:cubicBezTo>
                  <a:cubicBezTo>
                    <a:pt x="1167926" y="496657"/>
                    <a:pt x="1164679" y="496657"/>
                    <a:pt x="1161431" y="498278"/>
                  </a:cubicBezTo>
                  <a:cubicBezTo>
                    <a:pt x="1161431" y="504765"/>
                    <a:pt x="1153312" y="503143"/>
                    <a:pt x="1151688" y="508008"/>
                  </a:cubicBezTo>
                  <a:cubicBezTo>
                    <a:pt x="1151688" y="508008"/>
                    <a:pt x="1151688" y="509629"/>
                    <a:pt x="1153312" y="511251"/>
                  </a:cubicBezTo>
                  <a:cubicBezTo>
                    <a:pt x="1153312" y="511251"/>
                    <a:pt x="1153312" y="512873"/>
                    <a:pt x="1154936" y="512873"/>
                  </a:cubicBezTo>
                  <a:cubicBezTo>
                    <a:pt x="1154936" y="512873"/>
                    <a:pt x="1154936" y="512873"/>
                    <a:pt x="1154936" y="514494"/>
                  </a:cubicBezTo>
                  <a:cubicBezTo>
                    <a:pt x="1156560" y="516116"/>
                    <a:pt x="1158184" y="517737"/>
                    <a:pt x="1159807" y="519359"/>
                  </a:cubicBezTo>
                  <a:cubicBezTo>
                    <a:pt x="1161431" y="522602"/>
                    <a:pt x="1156560" y="524224"/>
                    <a:pt x="1158184" y="525845"/>
                  </a:cubicBezTo>
                  <a:cubicBezTo>
                    <a:pt x="1159807" y="527467"/>
                    <a:pt x="1163055" y="525845"/>
                    <a:pt x="1164679" y="525845"/>
                  </a:cubicBezTo>
                  <a:cubicBezTo>
                    <a:pt x="1164679" y="525845"/>
                    <a:pt x="1166303" y="527467"/>
                    <a:pt x="1166303" y="527467"/>
                  </a:cubicBezTo>
                  <a:cubicBezTo>
                    <a:pt x="1167926" y="530710"/>
                    <a:pt x="1171174" y="530710"/>
                    <a:pt x="1174422" y="530710"/>
                  </a:cubicBezTo>
                  <a:cubicBezTo>
                    <a:pt x="1176045" y="530710"/>
                    <a:pt x="1176045" y="529088"/>
                    <a:pt x="1176045" y="529088"/>
                  </a:cubicBezTo>
                  <a:cubicBezTo>
                    <a:pt x="1176045" y="529088"/>
                    <a:pt x="1176045" y="529088"/>
                    <a:pt x="1177669" y="530710"/>
                  </a:cubicBezTo>
                  <a:cubicBezTo>
                    <a:pt x="1177669" y="530710"/>
                    <a:pt x="1177669" y="532332"/>
                    <a:pt x="1179293" y="532332"/>
                  </a:cubicBezTo>
                  <a:cubicBezTo>
                    <a:pt x="1180917" y="533953"/>
                    <a:pt x="1182541" y="533953"/>
                    <a:pt x="1182541" y="535575"/>
                  </a:cubicBezTo>
                  <a:cubicBezTo>
                    <a:pt x="1185788" y="537196"/>
                    <a:pt x="1195531" y="538818"/>
                    <a:pt x="1198779" y="542061"/>
                  </a:cubicBezTo>
                  <a:cubicBezTo>
                    <a:pt x="1200402" y="543683"/>
                    <a:pt x="1202026" y="545304"/>
                    <a:pt x="1202026" y="546926"/>
                  </a:cubicBezTo>
                  <a:cubicBezTo>
                    <a:pt x="1202026" y="546926"/>
                    <a:pt x="1203650" y="546926"/>
                    <a:pt x="1203650" y="546926"/>
                  </a:cubicBezTo>
                  <a:cubicBezTo>
                    <a:pt x="1198779" y="551790"/>
                    <a:pt x="1192283" y="556655"/>
                    <a:pt x="1187412" y="559898"/>
                  </a:cubicBezTo>
                  <a:cubicBezTo>
                    <a:pt x="1182541" y="564763"/>
                    <a:pt x="1172798" y="566385"/>
                    <a:pt x="1167926" y="571249"/>
                  </a:cubicBezTo>
                  <a:cubicBezTo>
                    <a:pt x="1161431" y="577736"/>
                    <a:pt x="1169550" y="585844"/>
                    <a:pt x="1164679" y="590708"/>
                  </a:cubicBezTo>
                  <a:cubicBezTo>
                    <a:pt x="1163055" y="593952"/>
                    <a:pt x="1161431" y="593952"/>
                    <a:pt x="1158184" y="592330"/>
                  </a:cubicBezTo>
                  <a:cubicBezTo>
                    <a:pt x="1154936" y="589087"/>
                    <a:pt x="1153312" y="582601"/>
                    <a:pt x="1148441" y="582601"/>
                  </a:cubicBezTo>
                  <a:cubicBezTo>
                    <a:pt x="1146817" y="580979"/>
                    <a:pt x="1141946" y="579357"/>
                    <a:pt x="1140322" y="580979"/>
                  </a:cubicBezTo>
                  <a:cubicBezTo>
                    <a:pt x="1135451" y="584222"/>
                    <a:pt x="1138698" y="585844"/>
                    <a:pt x="1137074" y="589087"/>
                  </a:cubicBezTo>
                  <a:cubicBezTo>
                    <a:pt x="1133827" y="593952"/>
                    <a:pt x="1130579" y="595573"/>
                    <a:pt x="1130579" y="602059"/>
                  </a:cubicBezTo>
                  <a:cubicBezTo>
                    <a:pt x="1130579" y="605303"/>
                    <a:pt x="1132203" y="606924"/>
                    <a:pt x="1132203" y="610167"/>
                  </a:cubicBezTo>
                  <a:cubicBezTo>
                    <a:pt x="1132203" y="615032"/>
                    <a:pt x="1128955" y="618275"/>
                    <a:pt x="1127332" y="621518"/>
                  </a:cubicBezTo>
                  <a:cubicBezTo>
                    <a:pt x="1127332" y="623140"/>
                    <a:pt x="1127332" y="623140"/>
                    <a:pt x="1127332" y="624762"/>
                  </a:cubicBezTo>
                  <a:cubicBezTo>
                    <a:pt x="1127332" y="626383"/>
                    <a:pt x="1130579" y="628005"/>
                    <a:pt x="1132203" y="629626"/>
                  </a:cubicBezTo>
                  <a:cubicBezTo>
                    <a:pt x="1132203" y="629626"/>
                    <a:pt x="1132203" y="629626"/>
                    <a:pt x="1133827" y="631248"/>
                  </a:cubicBezTo>
                  <a:cubicBezTo>
                    <a:pt x="1133827" y="631248"/>
                    <a:pt x="1133827" y="631248"/>
                    <a:pt x="1135451" y="631248"/>
                  </a:cubicBezTo>
                  <a:cubicBezTo>
                    <a:pt x="1137074" y="634491"/>
                    <a:pt x="1137074" y="637734"/>
                    <a:pt x="1138698" y="639356"/>
                  </a:cubicBezTo>
                  <a:cubicBezTo>
                    <a:pt x="1143570" y="637734"/>
                    <a:pt x="1151688" y="637734"/>
                    <a:pt x="1154936" y="642599"/>
                  </a:cubicBezTo>
                  <a:cubicBezTo>
                    <a:pt x="1156560" y="644221"/>
                    <a:pt x="1156560" y="645842"/>
                    <a:pt x="1158184" y="649085"/>
                  </a:cubicBezTo>
                  <a:cubicBezTo>
                    <a:pt x="1158184" y="650707"/>
                    <a:pt x="1159807" y="653950"/>
                    <a:pt x="1161431" y="655572"/>
                  </a:cubicBezTo>
                  <a:cubicBezTo>
                    <a:pt x="1163055" y="658815"/>
                    <a:pt x="1166303" y="660436"/>
                    <a:pt x="1166303" y="663679"/>
                  </a:cubicBezTo>
                  <a:cubicBezTo>
                    <a:pt x="1164679" y="665301"/>
                    <a:pt x="1163055" y="665301"/>
                    <a:pt x="1163055" y="665301"/>
                  </a:cubicBezTo>
                  <a:cubicBezTo>
                    <a:pt x="1163055" y="665301"/>
                    <a:pt x="1163055" y="665301"/>
                    <a:pt x="1161431" y="666923"/>
                  </a:cubicBezTo>
                  <a:cubicBezTo>
                    <a:pt x="1161431" y="666923"/>
                    <a:pt x="1161431" y="666923"/>
                    <a:pt x="1161431" y="668544"/>
                  </a:cubicBezTo>
                  <a:cubicBezTo>
                    <a:pt x="1161431" y="668544"/>
                    <a:pt x="1161431" y="668544"/>
                    <a:pt x="1163055" y="670166"/>
                  </a:cubicBezTo>
                  <a:cubicBezTo>
                    <a:pt x="1163055" y="670166"/>
                    <a:pt x="1163055" y="670166"/>
                    <a:pt x="1163055" y="671787"/>
                  </a:cubicBezTo>
                  <a:cubicBezTo>
                    <a:pt x="1163055" y="671787"/>
                    <a:pt x="1163055" y="671787"/>
                    <a:pt x="1164679" y="671787"/>
                  </a:cubicBezTo>
                  <a:cubicBezTo>
                    <a:pt x="1164679" y="671787"/>
                    <a:pt x="1164679" y="671787"/>
                    <a:pt x="1164679" y="673409"/>
                  </a:cubicBezTo>
                  <a:cubicBezTo>
                    <a:pt x="1164679" y="673409"/>
                    <a:pt x="1164679" y="673409"/>
                    <a:pt x="1166303" y="675031"/>
                  </a:cubicBezTo>
                  <a:cubicBezTo>
                    <a:pt x="1167926" y="675031"/>
                    <a:pt x="1169550" y="676652"/>
                    <a:pt x="1171174" y="678274"/>
                  </a:cubicBezTo>
                  <a:cubicBezTo>
                    <a:pt x="1167926" y="681517"/>
                    <a:pt x="1163055" y="686382"/>
                    <a:pt x="1158184" y="688003"/>
                  </a:cubicBezTo>
                  <a:cubicBezTo>
                    <a:pt x="1154936" y="689625"/>
                    <a:pt x="1146817" y="688003"/>
                    <a:pt x="1143570" y="689625"/>
                  </a:cubicBezTo>
                  <a:cubicBezTo>
                    <a:pt x="1140322" y="692868"/>
                    <a:pt x="1138698" y="700976"/>
                    <a:pt x="1137074" y="704219"/>
                  </a:cubicBezTo>
                  <a:cubicBezTo>
                    <a:pt x="1135451" y="707462"/>
                    <a:pt x="1132203" y="715570"/>
                    <a:pt x="1128955" y="717192"/>
                  </a:cubicBezTo>
                  <a:cubicBezTo>
                    <a:pt x="1130579" y="723678"/>
                    <a:pt x="1141946" y="726921"/>
                    <a:pt x="1143570" y="736651"/>
                  </a:cubicBezTo>
                  <a:cubicBezTo>
                    <a:pt x="1143570" y="741515"/>
                    <a:pt x="1143570" y="744758"/>
                    <a:pt x="1145193" y="751245"/>
                  </a:cubicBezTo>
                  <a:cubicBezTo>
                    <a:pt x="1146817" y="754488"/>
                    <a:pt x="1150065" y="757731"/>
                    <a:pt x="1151688" y="762596"/>
                  </a:cubicBezTo>
                  <a:cubicBezTo>
                    <a:pt x="1156560" y="769082"/>
                    <a:pt x="1159807" y="772325"/>
                    <a:pt x="1163055" y="778812"/>
                  </a:cubicBezTo>
                  <a:cubicBezTo>
                    <a:pt x="1158184" y="782055"/>
                    <a:pt x="1151688" y="786920"/>
                    <a:pt x="1148441" y="786920"/>
                  </a:cubicBezTo>
                  <a:cubicBezTo>
                    <a:pt x="1143570" y="788541"/>
                    <a:pt x="1135451" y="780433"/>
                    <a:pt x="1130579" y="778812"/>
                  </a:cubicBezTo>
                  <a:cubicBezTo>
                    <a:pt x="1128955" y="778812"/>
                    <a:pt x="1127332" y="777190"/>
                    <a:pt x="1127332" y="777190"/>
                  </a:cubicBezTo>
                  <a:cubicBezTo>
                    <a:pt x="1125708" y="777190"/>
                    <a:pt x="1124084" y="777190"/>
                    <a:pt x="1124084" y="777190"/>
                  </a:cubicBezTo>
                  <a:cubicBezTo>
                    <a:pt x="1122460" y="777190"/>
                    <a:pt x="1122460" y="777190"/>
                    <a:pt x="1120836" y="777190"/>
                  </a:cubicBezTo>
                  <a:cubicBezTo>
                    <a:pt x="1120836" y="778812"/>
                    <a:pt x="1120836" y="780433"/>
                    <a:pt x="1120836" y="782055"/>
                  </a:cubicBezTo>
                  <a:cubicBezTo>
                    <a:pt x="1122460" y="782055"/>
                    <a:pt x="1122460" y="782055"/>
                    <a:pt x="1124084" y="783676"/>
                  </a:cubicBezTo>
                  <a:cubicBezTo>
                    <a:pt x="1125708" y="785298"/>
                    <a:pt x="1127332" y="788541"/>
                    <a:pt x="1127332" y="791784"/>
                  </a:cubicBezTo>
                  <a:cubicBezTo>
                    <a:pt x="1124084" y="791784"/>
                    <a:pt x="1124084" y="791784"/>
                    <a:pt x="1124084" y="790163"/>
                  </a:cubicBezTo>
                  <a:cubicBezTo>
                    <a:pt x="1124084" y="790163"/>
                    <a:pt x="1124084" y="788541"/>
                    <a:pt x="1122460" y="788541"/>
                  </a:cubicBezTo>
                  <a:cubicBezTo>
                    <a:pt x="1122460" y="788541"/>
                    <a:pt x="1122460" y="788541"/>
                    <a:pt x="1120836" y="786920"/>
                  </a:cubicBezTo>
                  <a:cubicBezTo>
                    <a:pt x="1119213" y="786920"/>
                    <a:pt x="1119213" y="786920"/>
                    <a:pt x="1117589" y="786920"/>
                  </a:cubicBezTo>
                  <a:cubicBezTo>
                    <a:pt x="1117589" y="786920"/>
                    <a:pt x="1117589" y="786920"/>
                    <a:pt x="1115965" y="785298"/>
                  </a:cubicBezTo>
                  <a:cubicBezTo>
                    <a:pt x="1115965" y="785298"/>
                    <a:pt x="1114341" y="785298"/>
                    <a:pt x="1114341" y="785298"/>
                  </a:cubicBezTo>
                  <a:cubicBezTo>
                    <a:pt x="1109470" y="785298"/>
                    <a:pt x="1107846" y="785298"/>
                    <a:pt x="1101351" y="786920"/>
                  </a:cubicBezTo>
                  <a:cubicBezTo>
                    <a:pt x="1101351" y="786920"/>
                    <a:pt x="1101351" y="788541"/>
                    <a:pt x="1101351" y="788541"/>
                  </a:cubicBezTo>
                  <a:cubicBezTo>
                    <a:pt x="1101351" y="788541"/>
                    <a:pt x="1099727" y="788541"/>
                    <a:pt x="1099727" y="786920"/>
                  </a:cubicBezTo>
                  <a:cubicBezTo>
                    <a:pt x="1099727" y="786920"/>
                    <a:pt x="1099727" y="786920"/>
                    <a:pt x="1099727" y="785298"/>
                  </a:cubicBezTo>
                  <a:cubicBezTo>
                    <a:pt x="1099727" y="785298"/>
                    <a:pt x="1099727" y="785298"/>
                    <a:pt x="1098103" y="785298"/>
                  </a:cubicBezTo>
                  <a:cubicBezTo>
                    <a:pt x="1098103" y="785298"/>
                    <a:pt x="1098103" y="785298"/>
                    <a:pt x="1096479" y="785298"/>
                  </a:cubicBezTo>
                  <a:cubicBezTo>
                    <a:pt x="1098103" y="786920"/>
                    <a:pt x="1098103" y="786920"/>
                    <a:pt x="1099727" y="786920"/>
                  </a:cubicBezTo>
                  <a:cubicBezTo>
                    <a:pt x="1099727" y="786920"/>
                    <a:pt x="1099727" y="786920"/>
                    <a:pt x="1099727" y="788541"/>
                  </a:cubicBezTo>
                  <a:cubicBezTo>
                    <a:pt x="1101351" y="788541"/>
                    <a:pt x="1101351" y="790163"/>
                    <a:pt x="1102975" y="791784"/>
                  </a:cubicBezTo>
                  <a:cubicBezTo>
                    <a:pt x="1104598" y="793406"/>
                    <a:pt x="1104598" y="795027"/>
                    <a:pt x="1106222" y="796649"/>
                  </a:cubicBezTo>
                  <a:cubicBezTo>
                    <a:pt x="1106222" y="798271"/>
                    <a:pt x="1107846" y="799892"/>
                    <a:pt x="1107846" y="801514"/>
                  </a:cubicBezTo>
                  <a:cubicBezTo>
                    <a:pt x="1109470" y="804757"/>
                    <a:pt x="1109470" y="809622"/>
                    <a:pt x="1111094" y="811243"/>
                  </a:cubicBezTo>
                  <a:cubicBezTo>
                    <a:pt x="1112717" y="812865"/>
                    <a:pt x="1112717" y="814486"/>
                    <a:pt x="1114341" y="814486"/>
                  </a:cubicBezTo>
                  <a:cubicBezTo>
                    <a:pt x="1114341" y="814486"/>
                    <a:pt x="1114341" y="814486"/>
                    <a:pt x="1114341" y="816108"/>
                  </a:cubicBezTo>
                  <a:cubicBezTo>
                    <a:pt x="1115965" y="816108"/>
                    <a:pt x="1114341" y="817730"/>
                    <a:pt x="1112717" y="819351"/>
                  </a:cubicBezTo>
                  <a:cubicBezTo>
                    <a:pt x="1114341" y="820973"/>
                    <a:pt x="1117589" y="820973"/>
                    <a:pt x="1119213" y="822594"/>
                  </a:cubicBezTo>
                  <a:cubicBezTo>
                    <a:pt x="1119213" y="824216"/>
                    <a:pt x="1120836" y="824216"/>
                    <a:pt x="1120836" y="825837"/>
                  </a:cubicBezTo>
                  <a:cubicBezTo>
                    <a:pt x="1122460" y="827459"/>
                    <a:pt x="1120836" y="829081"/>
                    <a:pt x="1122460" y="830702"/>
                  </a:cubicBezTo>
                  <a:cubicBezTo>
                    <a:pt x="1124084" y="833945"/>
                    <a:pt x="1125708" y="835567"/>
                    <a:pt x="1125708" y="837189"/>
                  </a:cubicBezTo>
                  <a:cubicBezTo>
                    <a:pt x="1124084" y="838810"/>
                    <a:pt x="1122460" y="838810"/>
                    <a:pt x="1120836" y="838810"/>
                  </a:cubicBezTo>
                  <a:cubicBezTo>
                    <a:pt x="1120836" y="838810"/>
                    <a:pt x="1119213" y="838810"/>
                    <a:pt x="1117589" y="838810"/>
                  </a:cubicBezTo>
                  <a:cubicBezTo>
                    <a:pt x="1115965" y="838810"/>
                    <a:pt x="1112717" y="838810"/>
                    <a:pt x="1107846" y="837189"/>
                  </a:cubicBezTo>
                  <a:cubicBezTo>
                    <a:pt x="1104598" y="833945"/>
                    <a:pt x="1096479" y="825837"/>
                    <a:pt x="1091608" y="822594"/>
                  </a:cubicBezTo>
                  <a:cubicBezTo>
                    <a:pt x="1086737" y="820973"/>
                    <a:pt x="1083489" y="822594"/>
                    <a:pt x="1081865" y="827459"/>
                  </a:cubicBezTo>
                  <a:cubicBezTo>
                    <a:pt x="1080241" y="830702"/>
                    <a:pt x="1083489" y="840432"/>
                    <a:pt x="1083489" y="845296"/>
                  </a:cubicBezTo>
                  <a:cubicBezTo>
                    <a:pt x="1085113" y="851783"/>
                    <a:pt x="1085113" y="858269"/>
                    <a:pt x="1086737" y="863134"/>
                  </a:cubicBezTo>
                  <a:cubicBezTo>
                    <a:pt x="1088360" y="866377"/>
                    <a:pt x="1089984" y="869620"/>
                    <a:pt x="1093232" y="872864"/>
                  </a:cubicBezTo>
                  <a:cubicBezTo>
                    <a:pt x="1093232" y="874485"/>
                    <a:pt x="1094856" y="876107"/>
                    <a:pt x="1094856" y="876107"/>
                  </a:cubicBezTo>
                  <a:cubicBezTo>
                    <a:pt x="1094856" y="876107"/>
                    <a:pt x="1094856" y="876107"/>
                    <a:pt x="1094856" y="877728"/>
                  </a:cubicBezTo>
                  <a:cubicBezTo>
                    <a:pt x="1091608" y="876107"/>
                    <a:pt x="1089984" y="876107"/>
                    <a:pt x="1086737" y="876107"/>
                  </a:cubicBezTo>
                  <a:cubicBezTo>
                    <a:pt x="1083489" y="874485"/>
                    <a:pt x="1078618" y="874485"/>
                    <a:pt x="1073746" y="872864"/>
                  </a:cubicBezTo>
                  <a:cubicBezTo>
                    <a:pt x="1072122" y="872864"/>
                    <a:pt x="1072122" y="872864"/>
                    <a:pt x="1070499" y="872864"/>
                  </a:cubicBezTo>
                  <a:cubicBezTo>
                    <a:pt x="1064003" y="871242"/>
                    <a:pt x="1060756" y="874485"/>
                    <a:pt x="1054261" y="876107"/>
                  </a:cubicBezTo>
                  <a:cubicBezTo>
                    <a:pt x="1052637" y="876107"/>
                    <a:pt x="1052637" y="876107"/>
                    <a:pt x="1051013" y="876107"/>
                  </a:cubicBezTo>
                  <a:cubicBezTo>
                    <a:pt x="1047766" y="876107"/>
                    <a:pt x="1046142" y="874485"/>
                    <a:pt x="1042894" y="874485"/>
                  </a:cubicBezTo>
                  <a:cubicBezTo>
                    <a:pt x="1041270" y="874485"/>
                    <a:pt x="1039647" y="874485"/>
                    <a:pt x="1036399" y="874485"/>
                  </a:cubicBezTo>
                  <a:cubicBezTo>
                    <a:pt x="1031528" y="874485"/>
                    <a:pt x="1023409" y="876107"/>
                    <a:pt x="1018537" y="879350"/>
                  </a:cubicBezTo>
                  <a:cubicBezTo>
                    <a:pt x="1013666" y="880971"/>
                    <a:pt x="1010418" y="882593"/>
                    <a:pt x="1003923" y="884215"/>
                  </a:cubicBezTo>
                  <a:cubicBezTo>
                    <a:pt x="997428" y="885836"/>
                    <a:pt x="994180" y="885836"/>
                    <a:pt x="987685" y="882593"/>
                  </a:cubicBezTo>
                  <a:cubicBezTo>
                    <a:pt x="982814" y="882593"/>
                    <a:pt x="977942" y="880971"/>
                    <a:pt x="973071" y="882593"/>
                  </a:cubicBezTo>
                  <a:cubicBezTo>
                    <a:pt x="966576" y="884215"/>
                    <a:pt x="964952" y="884215"/>
                    <a:pt x="958457" y="884215"/>
                  </a:cubicBezTo>
                  <a:cubicBezTo>
                    <a:pt x="958457" y="884215"/>
                    <a:pt x="953585" y="884215"/>
                    <a:pt x="950338" y="884215"/>
                  </a:cubicBezTo>
                  <a:cubicBezTo>
                    <a:pt x="950338" y="884215"/>
                    <a:pt x="948714" y="884215"/>
                    <a:pt x="948714" y="884215"/>
                  </a:cubicBezTo>
                  <a:cubicBezTo>
                    <a:pt x="947090" y="885836"/>
                    <a:pt x="948714" y="887458"/>
                    <a:pt x="948714" y="889079"/>
                  </a:cubicBezTo>
                  <a:cubicBezTo>
                    <a:pt x="948714" y="895566"/>
                    <a:pt x="945466" y="897187"/>
                    <a:pt x="942219" y="902052"/>
                  </a:cubicBezTo>
                  <a:cubicBezTo>
                    <a:pt x="938971" y="905295"/>
                    <a:pt x="935724" y="905295"/>
                    <a:pt x="934100" y="903674"/>
                  </a:cubicBezTo>
                  <a:cubicBezTo>
                    <a:pt x="934100" y="903674"/>
                    <a:pt x="934100" y="903674"/>
                    <a:pt x="932476" y="903674"/>
                  </a:cubicBezTo>
                  <a:cubicBezTo>
                    <a:pt x="932476" y="902052"/>
                    <a:pt x="930852" y="902052"/>
                    <a:pt x="932476" y="900430"/>
                  </a:cubicBezTo>
                  <a:cubicBezTo>
                    <a:pt x="934100" y="900430"/>
                    <a:pt x="934100" y="900430"/>
                    <a:pt x="935724" y="893944"/>
                  </a:cubicBezTo>
                  <a:cubicBezTo>
                    <a:pt x="937347" y="882593"/>
                    <a:pt x="937347" y="879350"/>
                    <a:pt x="935724" y="882593"/>
                  </a:cubicBezTo>
                  <a:cubicBezTo>
                    <a:pt x="934100" y="884215"/>
                    <a:pt x="932476" y="882593"/>
                    <a:pt x="930852" y="884215"/>
                  </a:cubicBezTo>
                  <a:cubicBezTo>
                    <a:pt x="929228" y="885836"/>
                    <a:pt x="925981" y="885836"/>
                    <a:pt x="922733" y="885836"/>
                  </a:cubicBezTo>
                  <a:cubicBezTo>
                    <a:pt x="922733" y="885836"/>
                    <a:pt x="921109" y="885836"/>
                    <a:pt x="921109" y="885836"/>
                  </a:cubicBezTo>
                  <a:cubicBezTo>
                    <a:pt x="917862" y="885836"/>
                    <a:pt x="914614" y="884215"/>
                    <a:pt x="914614" y="884215"/>
                  </a:cubicBezTo>
                  <a:cubicBezTo>
                    <a:pt x="911367" y="882593"/>
                    <a:pt x="912990" y="880971"/>
                    <a:pt x="909743" y="882593"/>
                  </a:cubicBezTo>
                  <a:cubicBezTo>
                    <a:pt x="908119" y="885836"/>
                    <a:pt x="906495" y="887458"/>
                    <a:pt x="906495" y="889079"/>
                  </a:cubicBezTo>
                  <a:cubicBezTo>
                    <a:pt x="904871" y="889079"/>
                    <a:pt x="903248" y="889079"/>
                    <a:pt x="901624" y="890701"/>
                  </a:cubicBezTo>
                  <a:cubicBezTo>
                    <a:pt x="900000" y="893944"/>
                    <a:pt x="898376" y="893944"/>
                    <a:pt x="896752" y="895566"/>
                  </a:cubicBezTo>
                  <a:cubicBezTo>
                    <a:pt x="895129" y="897187"/>
                    <a:pt x="893505" y="895566"/>
                    <a:pt x="893505" y="895566"/>
                  </a:cubicBezTo>
                  <a:cubicBezTo>
                    <a:pt x="891881" y="895566"/>
                    <a:pt x="891881" y="895566"/>
                    <a:pt x="890257" y="895566"/>
                  </a:cubicBezTo>
                  <a:cubicBezTo>
                    <a:pt x="890257" y="897187"/>
                    <a:pt x="887010" y="898809"/>
                    <a:pt x="883762" y="898809"/>
                  </a:cubicBezTo>
                  <a:cubicBezTo>
                    <a:pt x="882138" y="900430"/>
                    <a:pt x="878891" y="900430"/>
                    <a:pt x="878891" y="900430"/>
                  </a:cubicBezTo>
                  <a:cubicBezTo>
                    <a:pt x="875643" y="900430"/>
                    <a:pt x="875643" y="898809"/>
                    <a:pt x="874019" y="897187"/>
                  </a:cubicBezTo>
                  <a:cubicBezTo>
                    <a:pt x="872395" y="897187"/>
                    <a:pt x="872395" y="893944"/>
                    <a:pt x="870772" y="893944"/>
                  </a:cubicBezTo>
                  <a:cubicBezTo>
                    <a:pt x="869148" y="893944"/>
                    <a:pt x="870772" y="892323"/>
                    <a:pt x="867524" y="890701"/>
                  </a:cubicBezTo>
                  <a:cubicBezTo>
                    <a:pt x="864276" y="889079"/>
                    <a:pt x="862653" y="885836"/>
                    <a:pt x="861029" y="885836"/>
                  </a:cubicBezTo>
                  <a:cubicBezTo>
                    <a:pt x="861029" y="885836"/>
                    <a:pt x="861029" y="882593"/>
                    <a:pt x="859405" y="882593"/>
                  </a:cubicBezTo>
                  <a:cubicBezTo>
                    <a:pt x="857781" y="882593"/>
                    <a:pt x="857781" y="882593"/>
                    <a:pt x="857781" y="882593"/>
                  </a:cubicBezTo>
                  <a:cubicBezTo>
                    <a:pt x="857781" y="882593"/>
                    <a:pt x="856157" y="882593"/>
                    <a:pt x="852910" y="882593"/>
                  </a:cubicBezTo>
                  <a:cubicBezTo>
                    <a:pt x="844791" y="884215"/>
                    <a:pt x="848039" y="882593"/>
                    <a:pt x="844791" y="884215"/>
                  </a:cubicBezTo>
                  <a:cubicBezTo>
                    <a:pt x="843167" y="889079"/>
                    <a:pt x="843167" y="884215"/>
                    <a:pt x="843167" y="890701"/>
                  </a:cubicBezTo>
                  <a:cubicBezTo>
                    <a:pt x="841543" y="895566"/>
                    <a:pt x="839920" y="895566"/>
                    <a:pt x="838296" y="895566"/>
                  </a:cubicBezTo>
                  <a:cubicBezTo>
                    <a:pt x="838296" y="895566"/>
                    <a:pt x="836672" y="895566"/>
                    <a:pt x="836672" y="895566"/>
                  </a:cubicBezTo>
                  <a:cubicBezTo>
                    <a:pt x="836672" y="895566"/>
                    <a:pt x="835048" y="895566"/>
                    <a:pt x="835048" y="895566"/>
                  </a:cubicBezTo>
                  <a:cubicBezTo>
                    <a:pt x="833424" y="895566"/>
                    <a:pt x="831801" y="895566"/>
                    <a:pt x="831801" y="895566"/>
                  </a:cubicBezTo>
                  <a:cubicBezTo>
                    <a:pt x="828553" y="897187"/>
                    <a:pt x="822058" y="897187"/>
                    <a:pt x="820434" y="895566"/>
                  </a:cubicBezTo>
                  <a:cubicBezTo>
                    <a:pt x="818810" y="893944"/>
                    <a:pt x="820434" y="892323"/>
                    <a:pt x="817186" y="892323"/>
                  </a:cubicBezTo>
                  <a:cubicBezTo>
                    <a:pt x="813939" y="890701"/>
                    <a:pt x="810691" y="887458"/>
                    <a:pt x="810691" y="887458"/>
                  </a:cubicBezTo>
                  <a:cubicBezTo>
                    <a:pt x="805820" y="884215"/>
                    <a:pt x="804196" y="882593"/>
                    <a:pt x="802572" y="884215"/>
                  </a:cubicBezTo>
                  <a:cubicBezTo>
                    <a:pt x="802572" y="884215"/>
                    <a:pt x="802572" y="884215"/>
                    <a:pt x="800948" y="884215"/>
                  </a:cubicBezTo>
                  <a:cubicBezTo>
                    <a:pt x="799325" y="885836"/>
                    <a:pt x="799325" y="885836"/>
                    <a:pt x="799325" y="885836"/>
                  </a:cubicBezTo>
                  <a:cubicBezTo>
                    <a:pt x="799325" y="885836"/>
                    <a:pt x="797701" y="884215"/>
                    <a:pt x="797701" y="884215"/>
                  </a:cubicBezTo>
                  <a:cubicBezTo>
                    <a:pt x="796077" y="884215"/>
                    <a:pt x="792829" y="880971"/>
                    <a:pt x="792829" y="879350"/>
                  </a:cubicBezTo>
                  <a:cubicBezTo>
                    <a:pt x="792829" y="877728"/>
                    <a:pt x="792829" y="876107"/>
                    <a:pt x="789582" y="876107"/>
                  </a:cubicBezTo>
                  <a:cubicBezTo>
                    <a:pt x="786334" y="876107"/>
                    <a:pt x="784710" y="876107"/>
                    <a:pt x="783087" y="874485"/>
                  </a:cubicBezTo>
                  <a:cubicBezTo>
                    <a:pt x="781463" y="874485"/>
                    <a:pt x="779839" y="869620"/>
                    <a:pt x="779839" y="869620"/>
                  </a:cubicBezTo>
                  <a:cubicBezTo>
                    <a:pt x="779839" y="869620"/>
                    <a:pt x="778215" y="867999"/>
                    <a:pt x="778215" y="867999"/>
                  </a:cubicBezTo>
                  <a:cubicBezTo>
                    <a:pt x="776591" y="867999"/>
                    <a:pt x="771720" y="864756"/>
                    <a:pt x="773344" y="864756"/>
                  </a:cubicBezTo>
                  <a:cubicBezTo>
                    <a:pt x="774968" y="864756"/>
                    <a:pt x="778215" y="863134"/>
                    <a:pt x="779839" y="861513"/>
                  </a:cubicBezTo>
                  <a:cubicBezTo>
                    <a:pt x="781463" y="861513"/>
                    <a:pt x="781463" y="858269"/>
                    <a:pt x="779839" y="858269"/>
                  </a:cubicBezTo>
                  <a:cubicBezTo>
                    <a:pt x="778215" y="858269"/>
                    <a:pt x="776591" y="855026"/>
                    <a:pt x="774968" y="855026"/>
                  </a:cubicBezTo>
                  <a:cubicBezTo>
                    <a:pt x="771720" y="855026"/>
                    <a:pt x="771720" y="853405"/>
                    <a:pt x="771720" y="853405"/>
                  </a:cubicBezTo>
                  <a:cubicBezTo>
                    <a:pt x="771720" y="853405"/>
                    <a:pt x="771720" y="851783"/>
                    <a:pt x="774968" y="850161"/>
                  </a:cubicBezTo>
                  <a:cubicBezTo>
                    <a:pt x="776591" y="850161"/>
                    <a:pt x="779839" y="845296"/>
                    <a:pt x="779839" y="845296"/>
                  </a:cubicBezTo>
                  <a:cubicBezTo>
                    <a:pt x="779839" y="845296"/>
                    <a:pt x="778215" y="843675"/>
                    <a:pt x="778215" y="843675"/>
                  </a:cubicBezTo>
                  <a:cubicBezTo>
                    <a:pt x="774968" y="838810"/>
                    <a:pt x="779839" y="842053"/>
                    <a:pt x="774968" y="837189"/>
                  </a:cubicBezTo>
                  <a:cubicBezTo>
                    <a:pt x="770096" y="830702"/>
                    <a:pt x="773344" y="827459"/>
                    <a:pt x="773344" y="827459"/>
                  </a:cubicBezTo>
                  <a:cubicBezTo>
                    <a:pt x="773344" y="825837"/>
                    <a:pt x="770096" y="822594"/>
                    <a:pt x="768472" y="822594"/>
                  </a:cubicBezTo>
                  <a:cubicBezTo>
                    <a:pt x="766849" y="822594"/>
                    <a:pt x="763601" y="827459"/>
                    <a:pt x="763601" y="824216"/>
                  </a:cubicBezTo>
                  <a:cubicBezTo>
                    <a:pt x="761977" y="820973"/>
                    <a:pt x="761977" y="817730"/>
                    <a:pt x="763601" y="816108"/>
                  </a:cubicBezTo>
                  <a:cubicBezTo>
                    <a:pt x="765225" y="812865"/>
                    <a:pt x="765225" y="812865"/>
                    <a:pt x="766849" y="811243"/>
                  </a:cubicBezTo>
                  <a:cubicBezTo>
                    <a:pt x="768472" y="809622"/>
                    <a:pt x="768472" y="808000"/>
                    <a:pt x="770096" y="806378"/>
                  </a:cubicBezTo>
                  <a:cubicBezTo>
                    <a:pt x="771720" y="806378"/>
                    <a:pt x="771720" y="803135"/>
                    <a:pt x="773344" y="804757"/>
                  </a:cubicBezTo>
                  <a:cubicBezTo>
                    <a:pt x="776591" y="804757"/>
                    <a:pt x="774968" y="804757"/>
                    <a:pt x="781463" y="804757"/>
                  </a:cubicBezTo>
                  <a:cubicBezTo>
                    <a:pt x="787958" y="806378"/>
                    <a:pt x="799325" y="808000"/>
                    <a:pt x="800948" y="808000"/>
                  </a:cubicBezTo>
                  <a:cubicBezTo>
                    <a:pt x="802572" y="808000"/>
                    <a:pt x="805820" y="806378"/>
                    <a:pt x="805820" y="806378"/>
                  </a:cubicBezTo>
                  <a:cubicBezTo>
                    <a:pt x="805820" y="806378"/>
                    <a:pt x="805820" y="806378"/>
                    <a:pt x="809067" y="804757"/>
                  </a:cubicBezTo>
                  <a:cubicBezTo>
                    <a:pt x="809067" y="804757"/>
                    <a:pt x="810691" y="803135"/>
                    <a:pt x="812315" y="801514"/>
                  </a:cubicBezTo>
                  <a:cubicBezTo>
                    <a:pt x="812315" y="801514"/>
                    <a:pt x="812315" y="799892"/>
                    <a:pt x="813939" y="799892"/>
                  </a:cubicBezTo>
                  <a:cubicBezTo>
                    <a:pt x="813939" y="798271"/>
                    <a:pt x="817186" y="796649"/>
                    <a:pt x="818810" y="796649"/>
                  </a:cubicBezTo>
                  <a:cubicBezTo>
                    <a:pt x="822058" y="796649"/>
                    <a:pt x="823682" y="795027"/>
                    <a:pt x="825305" y="793406"/>
                  </a:cubicBezTo>
                  <a:cubicBezTo>
                    <a:pt x="826929" y="793406"/>
                    <a:pt x="823682" y="793406"/>
                    <a:pt x="828553" y="791784"/>
                  </a:cubicBezTo>
                  <a:cubicBezTo>
                    <a:pt x="835048" y="791784"/>
                    <a:pt x="836672" y="788541"/>
                    <a:pt x="838296" y="790163"/>
                  </a:cubicBezTo>
                  <a:cubicBezTo>
                    <a:pt x="839920" y="793406"/>
                    <a:pt x="844791" y="791784"/>
                    <a:pt x="844791" y="791784"/>
                  </a:cubicBezTo>
                  <a:cubicBezTo>
                    <a:pt x="844791" y="791784"/>
                    <a:pt x="846415" y="790163"/>
                    <a:pt x="848039" y="791784"/>
                  </a:cubicBezTo>
                  <a:cubicBezTo>
                    <a:pt x="848039" y="791784"/>
                    <a:pt x="849662" y="791784"/>
                    <a:pt x="851286" y="791784"/>
                  </a:cubicBezTo>
                  <a:cubicBezTo>
                    <a:pt x="851286" y="790163"/>
                    <a:pt x="852910" y="790163"/>
                    <a:pt x="852910" y="790163"/>
                  </a:cubicBezTo>
                  <a:cubicBezTo>
                    <a:pt x="854534" y="790163"/>
                    <a:pt x="859405" y="788541"/>
                    <a:pt x="861029" y="786920"/>
                  </a:cubicBezTo>
                  <a:cubicBezTo>
                    <a:pt x="862653" y="785298"/>
                    <a:pt x="882138" y="772325"/>
                    <a:pt x="882138" y="772325"/>
                  </a:cubicBezTo>
                  <a:cubicBezTo>
                    <a:pt x="882138" y="772325"/>
                    <a:pt x="882138" y="772325"/>
                    <a:pt x="888633" y="772325"/>
                  </a:cubicBezTo>
                  <a:cubicBezTo>
                    <a:pt x="888633" y="772325"/>
                    <a:pt x="893505" y="769082"/>
                    <a:pt x="893505" y="770704"/>
                  </a:cubicBezTo>
                  <a:cubicBezTo>
                    <a:pt x="895129" y="770704"/>
                    <a:pt x="896752" y="770704"/>
                    <a:pt x="898376" y="770704"/>
                  </a:cubicBezTo>
                  <a:cubicBezTo>
                    <a:pt x="900000" y="770704"/>
                    <a:pt x="901624" y="770704"/>
                    <a:pt x="903248" y="770704"/>
                  </a:cubicBezTo>
                  <a:cubicBezTo>
                    <a:pt x="903248" y="772325"/>
                    <a:pt x="903248" y="772325"/>
                    <a:pt x="904871" y="772325"/>
                  </a:cubicBezTo>
                  <a:cubicBezTo>
                    <a:pt x="906495" y="772325"/>
                    <a:pt x="908119" y="772325"/>
                    <a:pt x="909743" y="772325"/>
                  </a:cubicBezTo>
                  <a:cubicBezTo>
                    <a:pt x="911367" y="773947"/>
                    <a:pt x="916238" y="772325"/>
                    <a:pt x="916238" y="772325"/>
                  </a:cubicBezTo>
                  <a:cubicBezTo>
                    <a:pt x="916238" y="772325"/>
                    <a:pt x="925981" y="772325"/>
                    <a:pt x="925981" y="772325"/>
                  </a:cubicBezTo>
                  <a:cubicBezTo>
                    <a:pt x="925981" y="773947"/>
                    <a:pt x="924357" y="773947"/>
                    <a:pt x="925981" y="775568"/>
                  </a:cubicBezTo>
                  <a:cubicBezTo>
                    <a:pt x="925981" y="777190"/>
                    <a:pt x="930852" y="777190"/>
                    <a:pt x="930852" y="778812"/>
                  </a:cubicBezTo>
                  <a:cubicBezTo>
                    <a:pt x="932476" y="780433"/>
                    <a:pt x="935724" y="780433"/>
                    <a:pt x="937347" y="780433"/>
                  </a:cubicBezTo>
                  <a:cubicBezTo>
                    <a:pt x="937347" y="780433"/>
                    <a:pt x="940595" y="780433"/>
                    <a:pt x="940595" y="782055"/>
                  </a:cubicBezTo>
                  <a:cubicBezTo>
                    <a:pt x="942219" y="782055"/>
                    <a:pt x="943843" y="782055"/>
                    <a:pt x="945466" y="783676"/>
                  </a:cubicBezTo>
                  <a:cubicBezTo>
                    <a:pt x="945466" y="785298"/>
                    <a:pt x="947090" y="786920"/>
                    <a:pt x="947090" y="786920"/>
                  </a:cubicBezTo>
                  <a:cubicBezTo>
                    <a:pt x="947090" y="786920"/>
                    <a:pt x="953585" y="788541"/>
                    <a:pt x="955209" y="790163"/>
                  </a:cubicBezTo>
                  <a:cubicBezTo>
                    <a:pt x="958457" y="791784"/>
                    <a:pt x="977942" y="793406"/>
                    <a:pt x="977942" y="793406"/>
                  </a:cubicBezTo>
                  <a:cubicBezTo>
                    <a:pt x="977942" y="793406"/>
                    <a:pt x="977942" y="795027"/>
                    <a:pt x="981190" y="793406"/>
                  </a:cubicBezTo>
                  <a:cubicBezTo>
                    <a:pt x="982814" y="793406"/>
                    <a:pt x="982814" y="791784"/>
                    <a:pt x="986061" y="791784"/>
                  </a:cubicBezTo>
                  <a:cubicBezTo>
                    <a:pt x="987685" y="791784"/>
                    <a:pt x="987685" y="791784"/>
                    <a:pt x="987685" y="791784"/>
                  </a:cubicBezTo>
                  <a:cubicBezTo>
                    <a:pt x="989309" y="791784"/>
                    <a:pt x="989309" y="791784"/>
                    <a:pt x="990933" y="791784"/>
                  </a:cubicBezTo>
                  <a:cubicBezTo>
                    <a:pt x="995804" y="793406"/>
                    <a:pt x="995804" y="793406"/>
                    <a:pt x="997428" y="791784"/>
                  </a:cubicBezTo>
                  <a:cubicBezTo>
                    <a:pt x="999052" y="791784"/>
                    <a:pt x="1000675" y="788541"/>
                    <a:pt x="1002299" y="790163"/>
                  </a:cubicBezTo>
                  <a:cubicBezTo>
                    <a:pt x="1003923" y="790163"/>
                    <a:pt x="1003923" y="790163"/>
                    <a:pt x="1007171" y="791784"/>
                  </a:cubicBezTo>
                  <a:cubicBezTo>
                    <a:pt x="1008794" y="791784"/>
                    <a:pt x="1008794" y="791784"/>
                    <a:pt x="1010418" y="791784"/>
                  </a:cubicBezTo>
                  <a:cubicBezTo>
                    <a:pt x="1010418" y="791784"/>
                    <a:pt x="1012042" y="791784"/>
                    <a:pt x="1012042" y="791784"/>
                  </a:cubicBezTo>
                  <a:cubicBezTo>
                    <a:pt x="1013666" y="793406"/>
                    <a:pt x="1015290" y="793406"/>
                    <a:pt x="1016913" y="791784"/>
                  </a:cubicBezTo>
                  <a:cubicBezTo>
                    <a:pt x="1018537" y="790163"/>
                    <a:pt x="1021785" y="788541"/>
                    <a:pt x="1023409" y="788541"/>
                  </a:cubicBezTo>
                  <a:cubicBezTo>
                    <a:pt x="1025032" y="786920"/>
                    <a:pt x="1029904" y="783676"/>
                    <a:pt x="1029904" y="783676"/>
                  </a:cubicBezTo>
                  <a:cubicBezTo>
                    <a:pt x="1031528" y="783676"/>
                    <a:pt x="1033151" y="783676"/>
                    <a:pt x="1033151" y="782055"/>
                  </a:cubicBezTo>
                  <a:cubicBezTo>
                    <a:pt x="1033151" y="782055"/>
                    <a:pt x="1033151" y="782055"/>
                    <a:pt x="1034775" y="780433"/>
                  </a:cubicBezTo>
                  <a:cubicBezTo>
                    <a:pt x="1036399" y="780433"/>
                    <a:pt x="1036399" y="778812"/>
                    <a:pt x="1036399" y="778812"/>
                  </a:cubicBezTo>
                  <a:cubicBezTo>
                    <a:pt x="1038023" y="777190"/>
                    <a:pt x="1038023" y="773947"/>
                    <a:pt x="1038023" y="773947"/>
                  </a:cubicBezTo>
                  <a:cubicBezTo>
                    <a:pt x="1038023" y="773947"/>
                    <a:pt x="1039647" y="773947"/>
                    <a:pt x="1038023" y="772325"/>
                  </a:cubicBezTo>
                  <a:cubicBezTo>
                    <a:pt x="1038023" y="770704"/>
                    <a:pt x="1036399" y="769082"/>
                    <a:pt x="1034775" y="767461"/>
                  </a:cubicBezTo>
                  <a:cubicBezTo>
                    <a:pt x="1034775" y="767461"/>
                    <a:pt x="1033151" y="765839"/>
                    <a:pt x="1033151" y="765839"/>
                  </a:cubicBezTo>
                  <a:cubicBezTo>
                    <a:pt x="1033151" y="765839"/>
                    <a:pt x="1033151" y="765839"/>
                    <a:pt x="1033151" y="762596"/>
                  </a:cubicBezTo>
                  <a:cubicBezTo>
                    <a:pt x="1033151" y="762596"/>
                    <a:pt x="1033151" y="760974"/>
                    <a:pt x="1031528" y="759353"/>
                  </a:cubicBezTo>
                  <a:cubicBezTo>
                    <a:pt x="1031528" y="757731"/>
                    <a:pt x="1031528" y="756110"/>
                    <a:pt x="1029904" y="756110"/>
                  </a:cubicBezTo>
                  <a:cubicBezTo>
                    <a:pt x="1029904" y="756110"/>
                    <a:pt x="1026656" y="752866"/>
                    <a:pt x="1026656" y="752866"/>
                  </a:cubicBezTo>
                  <a:cubicBezTo>
                    <a:pt x="1025032" y="752866"/>
                    <a:pt x="1021785" y="749623"/>
                    <a:pt x="1021785" y="749623"/>
                  </a:cubicBezTo>
                  <a:cubicBezTo>
                    <a:pt x="1021785" y="749623"/>
                    <a:pt x="1023409" y="748002"/>
                    <a:pt x="1020161" y="748002"/>
                  </a:cubicBezTo>
                  <a:cubicBezTo>
                    <a:pt x="1016913" y="748002"/>
                    <a:pt x="1015290" y="748002"/>
                    <a:pt x="1013666" y="746380"/>
                  </a:cubicBezTo>
                  <a:cubicBezTo>
                    <a:pt x="1013666" y="746380"/>
                    <a:pt x="1012042" y="743137"/>
                    <a:pt x="1010418" y="743137"/>
                  </a:cubicBezTo>
                  <a:cubicBezTo>
                    <a:pt x="1008794" y="743137"/>
                    <a:pt x="1007171" y="743137"/>
                    <a:pt x="1005547" y="741515"/>
                  </a:cubicBezTo>
                  <a:cubicBezTo>
                    <a:pt x="1005547" y="741515"/>
                    <a:pt x="1003923" y="739894"/>
                    <a:pt x="1002299" y="739894"/>
                  </a:cubicBezTo>
                  <a:cubicBezTo>
                    <a:pt x="1000675" y="736651"/>
                    <a:pt x="997428" y="733407"/>
                    <a:pt x="997428" y="731786"/>
                  </a:cubicBezTo>
                  <a:cubicBezTo>
                    <a:pt x="997428" y="731786"/>
                    <a:pt x="994180" y="726921"/>
                    <a:pt x="992556" y="726921"/>
                  </a:cubicBezTo>
                  <a:cubicBezTo>
                    <a:pt x="990933" y="725300"/>
                    <a:pt x="986061" y="722056"/>
                    <a:pt x="986061" y="722056"/>
                  </a:cubicBezTo>
                  <a:cubicBezTo>
                    <a:pt x="984437" y="722056"/>
                    <a:pt x="982814" y="718813"/>
                    <a:pt x="982814" y="718813"/>
                  </a:cubicBezTo>
                  <a:cubicBezTo>
                    <a:pt x="981190" y="720435"/>
                    <a:pt x="976318" y="717192"/>
                    <a:pt x="976318" y="717192"/>
                  </a:cubicBezTo>
                  <a:cubicBezTo>
                    <a:pt x="976318" y="717192"/>
                    <a:pt x="974695" y="713948"/>
                    <a:pt x="973071" y="713948"/>
                  </a:cubicBezTo>
                  <a:cubicBezTo>
                    <a:pt x="969823" y="715570"/>
                    <a:pt x="966576" y="713948"/>
                    <a:pt x="964952" y="712327"/>
                  </a:cubicBezTo>
                  <a:cubicBezTo>
                    <a:pt x="963328" y="712327"/>
                    <a:pt x="960080" y="709084"/>
                    <a:pt x="960080" y="709084"/>
                  </a:cubicBezTo>
                  <a:cubicBezTo>
                    <a:pt x="956833" y="705841"/>
                    <a:pt x="955209" y="704219"/>
                    <a:pt x="953585" y="702597"/>
                  </a:cubicBezTo>
                  <a:cubicBezTo>
                    <a:pt x="951962" y="697733"/>
                    <a:pt x="951962" y="696111"/>
                    <a:pt x="955209" y="696111"/>
                  </a:cubicBezTo>
                  <a:cubicBezTo>
                    <a:pt x="958457" y="696111"/>
                    <a:pt x="960080" y="694489"/>
                    <a:pt x="961704" y="694489"/>
                  </a:cubicBezTo>
                  <a:cubicBezTo>
                    <a:pt x="964952" y="694489"/>
                    <a:pt x="963328" y="694489"/>
                    <a:pt x="966576" y="692868"/>
                  </a:cubicBezTo>
                  <a:cubicBezTo>
                    <a:pt x="968199" y="691246"/>
                    <a:pt x="968199" y="688003"/>
                    <a:pt x="969823" y="688003"/>
                  </a:cubicBezTo>
                  <a:cubicBezTo>
                    <a:pt x="969823" y="686382"/>
                    <a:pt x="969823" y="684760"/>
                    <a:pt x="971447" y="684760"/>
                  </a:cubicBezTo>
                  <a:cubicBezTo>
                    <a:pt x="974695" y="683138"/>
                    <a:pt x="974695" y="681517"/>
                    <a:pt x="974695" y="679895"/>
                  </a:cubicBezTo>
                  <a:cubicBezTo>
                    <a:pt x="976318" y="678274"/>
                    <a:pt x="977942" y="676652"/>
                    <a:pt x="977942" y="676652"/>
                  </a:cubicBezTo>
                  <a:cubicBezTo>
                    <a:pt x="977942" y="676652"/>
                    <a:pt x="977942" y="676652"/>
                    <a:pt x="969823" y="670166"/>
                  </a:cubicBezTo>
                  <a:cubicBezTo>
                    <a:pt x="969823" y="670166"/>
                    <a:pt x="971447" y="666923"/>
                    <a:pt x="973071" y="666923"/>
                  </a:cubicBezTo>
                  <a:cubicBezTo>
                    <a:pt x="974695" y="666923"/>
                    <a:pt x="981190" y="662058"/>
                    <a:pt x="982814" y="662058"/>
                  </a:cubicBezTo>
                  <a:cubicBezTo>
                    <a:pt x="982814" y="663679"/>
                    <a:pt x="989309" y="660436"/>
                    <a:pt x="989309" y="660436"/>
                  </a:cubicBezTo>
                  <a:cubicBezTo>
                    <a:pt x="990933" y="658815"/>
                    <a:pt x="990933" y="657193"/>
                    <a:pt x="990933" y="657193"/>
                  </a:cubicBezTo>
                  <a:cubicBezTo>
                    <a:pt x="990933" y="657193"/>
                    <a:pt x="990933" y="653950"/>
                    <a:pt x="989309" y="653950"/>
                  </a:cubicBezTo>
                  <a:cubicBezTo>
                    <a:pt x="987685" y="655572"/>
                    <a:pt x="979566" y="655572"/>
                    <a:pt x="979566" y="657193"/>
                  </a:cubicBezTo>
                  <a:cubicBezTo>
                    <a:pt x="977942" y="657193"/>
                    <a:pt x="976318" y="657193"/>
                    <a:pt x="976318" y="657193"/>
                  </a:cubicBezTo>
                  <a:cubicBezTo>
                    <a:pt x="974695" y="657193"/>
                    <a:pt x="974695" y="657193"/>
                    <a:pt x="974695" y="657193"/>
                  </a:cubicBezTo>
                  <a:cubicBezTo>
                    <a:pt x="974695" y="657193"/>
                    <a:pt x="974695" y="657193"/>
                    <a:pt x="973071" y="657193"/>
                  </a:cubicBezTo>
                  <a:cubicBezTo>
                    <a:pt x="971447" y="658815"/>
                    <a:pt x="969823" y="658815"/>
                    <a:pt x="969823" y="658815"/>
                  </a:cubicBezTo>
                  <a:cubicBezTo>
                    <a:pt x="969823" y="658815"/>
                    <a:pt x="968199" y="655572"/>
                    <a:pt x="966576" y="657193"/>
                  </a:cubicBezTo>
                  <a:cubicBezTo>
                    <a:pt x="964952" y="658815"/>
                    <a:pt x="961704" y="660436"/>
                    <a:pt x="961704" y="660436"/>
                  </a:cubicBezTo>
                  <a:cubicBezTo>
                    <a:pt x="961704" y="660436"/>
                    <a:pt x="953585" y="665301"/>
                    <a:pt x="951962" y="665301"/>
                  </a:cubicBezTo>
                  <a:cubicBezTo>
                    <a:pt x="950338" y="665301"/>
                    <a:pt x="950338" y="665301"/>
                    <a:pt x="950338" y="665301"/>
                  </a:cubicBezTo>
                  <a:cubicBezTo>
                    <a:pt x="948714" y="665301"/>
                    <a:pt x="948714" y="665301"/>
                    <a:pt x="948714" y="665301"/>
                  </a:cubicBezTo>
                  <a:cubicBezTo>
                    <a:pt x="947090" y="665301"/>
                    <a:pt x="940595" y="668544"/>
                    <a:pt x="938971" y="668544"/>
                  </a:cubicBezTo>
                  <a:cubicBezTo>
                    <a:pt x="937347" y="668544"/>
                    <a:pt x="937347" y="668544"/>
                    <a:pt x="937347" y="668544"/>
                  </a:cubicBezTo>
                  <a:cubicBezTo>
                    <a:pt x="935724" y="668544"/>
                    <a:pt x="935724" y="668544"/>
                    <a:pt x="934100" y="670166"/>
                  </a:cubicBezTo>
                  <a:cubicBezTo>
                    <a:pt x="932476" y="670166"/>
                    <a:pt x="922733" y="676652"/>
                    <a:pt x="922733" y="678274"/>
                  </a:cubicBezTo>
                  <a:cubicBezTo>
                    <a:pt x="921109" y="679895"/>
                    <a:pt x="914614" y="681517"/>
                    <a:pt x="912990" y="681517"/>
                  </a:cubicBezTo>
                  <a:cubicBezTo>
                    <a:pt x="911367" y="679895"/>
                    <a:pt x="914614" y="684760"/>
                    <a:pt x="914614" y="684760"/>
                  </a:cubicBezTo>
                  <a:cubicBezTo>
                    <a:pt x="914614" y="684760"/>
                    <a:pt x="917862" y="689625"/>
                    <a:pt x="917862" y="691246"/>
                  </a:cubicBezTo>
                  <a:cubicBezTo>
                    <a:pt x="917862" y="691246"/>
                    <a:pt x="917862" y="694489"/>
                    <a:pt x="921109" y="694489"/>
                  </a:cubicBezTo>
                  <a:cubicBezTo>
                    <a:pt x="924357" y="694489"/>
                    <a:pt x="929228" y="694489"/>
                    <a:pt x="929228" y="694489"/>
                  </a:cubicBezTo>
                  <a:cubicBezTo>
                    <a:pt x="930852" y="696111"/>
                    <a:pt x="930852" y="696111"/>
                    <a:pt x="932476" y="696111"/>
                  </a:cubicBezTo>
                  <a:cubicBezTo>
                    <a:pt x="934100" y="696111"/>
                    <a:pt x="932476" y="699354"/>
                    <a:pt x="935724" y="697733"/>
                  </a:cubicBezTo>
                  <a:cubicBezTo>
                    <a:pt x="938971" y="696111"/>
                    <a:pt x="938971" y="696111"/>
                    <a:pt x="940595" y="696111"/>
                  </a:cubicBezTo>
                  <a:cubicBezTo>
                    <a:pt x="943843" y="696111"/>
                    <a:pt x="943843" y="694489"/>
                    <a:pt x="943843" y="696111"/>
                  </a:cubicBezTo>
                  <a:cubicBezTo>
                    <a:pt x="945466" y="697733"/>
                    <a:pt x="947090" y="697733"/>
                    <a:pt x="947090" y="699354"/>
                  </a:cubicBezTo>
                  <a:cubicBezTo>
                    <a:pt x="948714" y="700976"/>
                    <a:pt x="950338" y="699354"/>
                    <a:pt x="948714" y="700976"/>
                  </a:cubicBezTo>
                  <a:cubicBezTo>
                    <a:pt x="947090" y="702597"/>
                    <a:pt x="945466" y="704219"/>
                    <a:pt x="942219" y="704219"/>
                  </a:cubicBezTo>
                  <a:cubicBezTo>
                    <a:pt x="938971" y="704219"/>
                    <a:pt x="937347" y="704219"/>
                    <a:pt x="934100" y="705841"/>
                  </a:cubicBezTo>
                  <a:cubicBezTo>
                    <a:pt x="932476" y="707462"/>
                    <a:pt x="929228" y="705841"/>
                    <a:pt x="927605" y="704219"/>
                  </a:cubicBezTo>
                  <a:cubicBezTo>
                    <a:pt x="925981" y="704219"/>
                    <a:pt x="925981" y="700976"/>
                    <a:pt x="924357" y="704219"/>
                  </a:cubicBezTo>
                  <a:cubicBezTo>
                    <a:pt x="922733" y="705841"/>
                    <a:pt x="921109" y="707462"/>
                    <a:pt x="919486" y="709084"/>
                  </a:cubicBezTo>
                  <a:cubicBezTo>
                    <a:pt x="917862" y="710705"/>
                    <a:pt x="916238" y="710705"/>
                    <a:pt x="916238" y="712327"/>
                  </a:cubicBezTo>
                  <a:cubicBezTo>
                    <a:pt x="916238" y="712327"/>
                    <a:pt x="914614" y="712327"/>
                    <a:pt x="912990" y="710705"/>
                  </a:cubicBezTo>
                  <a:cubicBezTo>
                    <a:pt x="912990" y="710705"/>
                    <a:pt x="911367" y="710705"/>
                    <a:pt x="911367" y="710705"/>
                  </a:cubicBezTo>
                  <a:cubicBezTo>
                    <a:pt x="909743" y="712327"/>
                    <a:pt x="909743" y="710705"/>
                    <a:pt x="908119" y="713948"/>
                  </a:cubicBezTo>
                  <a:cubicBezTo>
                    <a:pt x="906495" y="717192"/>
                    <a:pt x="904871" y="715570"/>
                    <a:pt x="903248" y="717192"/>
                  </a:cubicBezTo>
                  <a:cubicBezTo>
                    <a:pt x="901624" y="718813"/>
                    <a:pt x="901624" y="717192"/>
                    <a:pt x="898376" y="718813"/>
                  </a:cubicBezTo>
                  <a:cubicBezTo>
                    <a:pt x="893505" y="720435"/>
                    <a:pt x="891881" y="717192"/>
                    <a:pt x="890257" y="717192"/>
                  </a:cubicBezTo>
                  <a:cubicBezTo>
                    <a:pt x="890257" y="717192"/>
                    <a:pt x="888633" y="713948"/>
                    <a:pt x="887010" y="713948"/>
                  </a:cubicBezTo>
                  <a:cubicBezTo>
                    <a:pt x="887010" y="712327"/>
                    <a:pt x="890257" y="712327"/>
                    <a:pt x="890257" y="712327"/>
                  </a:cubicBezTo>
                  <a:cubicBezTo>
                    <a:pt x="890257" y="712327"/>
                    <a:pt x="890257" y="712327"/>
                    <a:pt x="890257" y="704219"/>
                  </a:cubicBezTo>
                  <a:cubicBezTo>
                    <a:pt x="890257" y="704219"/>
                    <a:pt x="887010" y="700976"/>
                    <a:pt x="885386" y="700976"/>
                  </a:cubicBezTo>
                  <a:cubicBezTo>
                    <a:pt x="883762" y="700976"/>
                    <a:pt x="880514" y="699354"/>
                    <a:pt x="878891" y="697733"/>
                  </a:cubicBezTo>
                  <a:cubicBezTo>
                    <a:pt x="877267" y="697733"/>
                    <a:pt x="875643" y="694489"/>
                    <a:pt x="875643" y="694489"/>
                  </a:cubicBezTo>
                  <a:cubicBezTo>
                    <a:pt x="875643" y="694489"/>
                    <a:pt x="880514" y="689625"/>
                    <a:pt x="882138" y="689625"/>
                  </a:cubicBezTo>
                  <a:cubicBezTo>
                    <a:pt x="883762" y="688003"/>
                    <a:pt x="885386" y="686382"/>
                    <a:pt x="887010" y="686382"/>
                  </a:cubicBezTo>
                  <a:cubicBezTo>
                    <a:pt x="890257" y="684760"/>
                    <a:pt x="891881" y="684760"/>
                    <a:pt x="891881" y="684760"/>
                  </a:cubicBezTo>
                  <a:cubicBezTo>
                    <a:pt x="891881" y="684760"/>
                    <a:pt x="893505" y="683138"/>
                    <a:pt x="891881" y="681517"/>
                  </a:cubicBezTo>
                  <a:cubicBezTo>
                    <a:pt x="891881" y="681517"/>
                    <a:pt x="890257" y="679895"/>
                    <a:pt x="888633" y="679895"/>
                  </a:cubicBezTo>
                  <a:cubicBezTo>
                    <a:pt x="887010" y="681517"/>
                    <a:pt x="882138" y="683138"/>
                    <a:pt x="880514" y="684760"/>
                  </a:cubicBezTo>
                  <a:cubicBezTo>
                    <a:pt x="878891" y="684760"/>
                    <a:pt x="878891" y="684760"/>
                    <a:pt x="877267" y="683138"/>
                  </a:cubicBezTo>
                  <a:cubicBezTo>
                    <a:pt x="875643" y="683138"/>
                    <a:pt x="872395" y="681517"/>
                    <a:pt x="870772" y="679895"/>
                  </a:cubicBezTo>
                  <a:cubicBezTo>
                    <a:pt x="869148" y="679895"/>
                    <a:pt x="865900" y="678274"/>
                    <a:pt x="865900" y="678274"/>
                  </a:cubicBezTo>
                  <a:cubicBezTo>
                    <a:pt x="865900" y="678274"/>
                    <a:pt x="864276" y="676652"/>
                    <a:pt x="862653" y="676652"/>
                  </a:cubicBezTo>
                  <a:cubicBezTo>
                    <a:pt x="861029" y="678274"/>
                    <a:pt x="857781" y="675031"/>
                    <a:pt x="859405" y="675031"/>
                  </a:cubicBezTo>
                  <a:cubicBezTo>
                    <a:pt x="861029" y="673409"/>
                    <a:pt x="862653" y="671787"/>
                    <a:pt x="864276" y="670166"/>
                  </a:cubicBezTo>
                  <a:cubicBezTo>
                    <a:pt x="864276" y="670166"/>
                    <a:pt x="865900" y="665301"/>
                    <a:pt x="864276" y="666923"/>
                  </a:cubicBezTo>
                  <a:cubicBezTo>
                    <a:pt x="861029" y="666923"/>
                    <a:pt x="859405" y="666923"/>
                    <a:pt x="857781" y="666923"/>
                  </a:cubicBezTo>
                  <a:cubicBezTo>
                    <a:pt x="854534" y="668544"/>
                    <a:pt x="851286" y="668544"/>
                    <a:pt x="851286" y="670166"/>
                  </a:cubicBezTo>
                  <a:cubicBezTo>
                    <a:pt x="849662" y="670166"/>
                    <a:pt x="849662" y="670166"/>
                    <a:pt x="848039" y="673409"/>
                  </a:cubicBezTo>
                  <a:cubicBezTo>
                    <a:pt x="846415" y="675031"/>
                    <a:pt x="846415" y="675031"/>
                    <a:pt x="844791" y="676652"/>
                  </a:cubicBezTo>
                  <a:cubicBezTo>
                    <a:pt x="844791" y="678274"/>
                    <a:pt x="843167" y="681517"/>
                    <a:pt x="843167" y="681517"/>
                  </a:cubicBezTo>
                  <a:cubicBezTo>
                    <a:pt x="839920" y="684760"/>
                    <a:pt x="835048" y="689625"/>
                    <a:pt x="835048" y="689625"/>
                  </a:cubicBezTo>
                  <a:cubicBezTo>
                    <a:pt x="835048" y="689625"/>
                    <a:pt x="828553" y="688003"/>
                    <a:pt x="828553" y="689625"/>
                  </a:cubicBezTo>
                  <a:cubicBezTo>
                    <a:pt x="828553" y="692868"/>
                    <a:pt x="825305" y="692868"/>
                    <a:pt x="826929" y="696111"/>
                  </a:cubicBezTo>
                  <a:cubicBezTo>
                    <a:pt x="826929" y="696111"/>
                    <a:pt x="826929" y="696111"/>
                    <a:pt x="826929" y="697733"/>
                  </a:cubicBezTo>
                  <a:cubicBezTo>
                    <a:pt x="828553" y="699354"/>
                    <a:pt x="828553" y="699354"/>
                    <a:pt x="828553" y="700976"/>
                  </a:cubicBezTo>
                  <a:cubicBezTo>
                    <a:pt x="830177" y="702597"/>
                    <a:pt x="828553" y="705841"/>
                    <a:pt x="826929" y="707462"/>
                  </a:cubicBezTo>
                  <a:cubicBezTo>
                    <a:pt x="825305" y="709084"/>
                    <a:pt x="822058" y="710705"/>
                    <a:pt x="822058" y="710705"/>
                  </a:cubicBezTo>
                  <a:cubicBezTo>
                    <a:pt x="820434" y="710705"/>
                    <a:pt x="820434" y="710705"/>
                    <a:pt x="820434" y="710705"/>
                  </a:cubicBezTo>
                  <a:cubicBezTo>
                    <a:pt x="818810" y="709084"/>
                    <a:pt x="818810" y="709084"/>
                    <a:pt x="817186" y="709084"/>
                  </a:cubicBezTo>
                  <a:cubicBezTo>
                    <a:pt x="817186" y="710705"/>
                    <a:pt x="815563" y="709084"/>
                    <a:pt x="815563" y="712327"/>
                  </a:cubicBezTo>
                  <a:cubicBezTo>
                    <a:pt x="813939" y="713948"/>
                    <a:pt x="812315" y="715570"/>
                    <a:pt x="812315" y="717192"/>
                  </a:cubicBezTo>
                  <a:cubicBezTo>
                    <a:pt x="810691" y="718813"/>
                    <a:pt x="812315" y="717192"/>
                    <a:pt x="810691" y="718813"/>
                  </a:cubicBezTo>
                  <a:cubicBezTo>
                    <a:pt x="809067" y="722056"/>
                    <a:pt x="807444" y="720435"/>
                    <a:pt x="807444" y="722056"/>
                  </a:cubicBezTo>
                  <a:cubicBezTo>
                    <a:pt x="807444" y="725300"/>
                    <a:pt x="807444" y="731786"/>
                    <a:pt x="807444" y="735029"/>
                  </a:cubicBezTo>
                  <a:cubicBezTo>
                    <a:pt x="805820" y="736651"/>
                    <a:pt x="805820" y="739894"/>
                    <a:pt x="804196" y="741515"/>
                  </a:cubicBezTo>
                  <a:cubicBezTo>
                    <a:pt x="800948" y="743137"/>
                    <a:pt x="799325" y="741515"/>
                    <a:pt x="796077" y="744758"/>
                  </a:cubicBezTo>
                  <a:cubicBezTo>
                    <a:pt x="794453" y="746380"/>
                    <a:pt x="792829" y="748002"/>
                    <a:pt x="791206" y="749623"/>
                  </a:cubicBezTo>
                  <a:cubicBezTo>
                    <a:pt x="791206" y="752866"/>
                    <a:pt x="789582" y="752866"/>
                    <a:pt x="789582" y="757731"/>
                  </a:cubicBezTo>
                  <a:cubicBezTo>
                    <a:pt x="789582" y="762596"/>
                    <a:pt x="787958" y="759353"/>
                    <a:pt x="789582" y="764217"/>
                  </a:cubicBezTo>
                  <a:cubicBezTo>
                    <a:pt x="791206" y="769082"/>
                    <a:pt x="794453" y="769082"/>
                    <a:pt x="796077" y="770704"/>
                  </a:cubicBezTo>
                  <a:cubicBezTo>
                    <a:pt x="796077" y="770704"/>
                    <a:pt x="796077" y="770704"/>
                    <a:pt x="796077" y="772325"/>
                  </a:cubicBezTo>
                  <a:cubicBezTo>
                    <a:pt x="796077" y="773947"/>
                    <a:pt x="797701" y="773947"/>
                    <a:pt x="797701" y="777190"/>
                  </a:cubicBezTo>
                  <a:cubicBezTo>
                    <a:pt x="796077" y="780433"/>
                    <a:pt x="796077" y="780433"/>
                    <a:pt x="796077" y="780433"/>
                  </a:cubicBezTo>
                  <a:cubicBezTo>
                    <a:pt x="797701" y="782055"/>
                    <a:pt x="797701" y="780433"/>
                    <a:pt x="800948" y="782055"/>
                  </a:cubicBezTo>
                  <a:cubicBezTo>
                    <a:pt x="804196" y="785298"/>
                    <a:pt x="805820" y="783676"/>
                    <a:pt x="807444" y="785298"/>
                  </a:cubicBezTo>
                  <a:cubicBezTo>
                    <a:pt x="809067" y="785298"/>
                    <a:pt x="809067" y="785298"/>
                    <a:pt x="810691" y="785298"/>
                  </a:cubicBezTo>
                  <a:cubicBezTo>
                    <a:pt x="810691" y="785298"/>
                    <a:pt x="810691" y="785298"/>
                    <a:pt x="812315" y="785298"/>
                  </a:cubicBezTo>
                  <a:cubicBezTo>
                    <a:pt x="813939" y="786920"/>
                    <a:pt x="813939" y="786920"/>
                    <a:pt x="815563" y="786920"/>
                  </a:cubicBezTo>
                  <a:cubicBezTo>
                    <a:pt x="815563" y="785298"/>
                    <a:pt x="815563" y="785298"/>
                    <a:pt x="817186" y="786920"/>
                  </a:cubicBezTo>
                  <a:cubicBezTo>
                    <a:pt x="817186" y="786920"/>
                    <a:pt x="817186" y="786920"/>
                    <a:pt x="817186" y="788541"/>
                  </a:cubicBezTo>
                  <a:cubicBezTo>
                    <a:pt x="818810" y="791784"/>
                    <a:pt x="822058" y="790163"/>
                    <a:pt x="818810" y="791784"/>
                  </a:cubicBezTo>
                  <a:cubicBezTo>
                    <a:pt x="813939" y="793406"/>
                    <a:pt x="812315" y="795027"/>
                    <a:pt x="810691" y="795027"/>
                  </a:cubicBezTo>
                  <a:cubicBezTo>
                    <a:pt x="809067" y="795027"/>
                    <a:pt x="804196" y="795027"/>
                    <a:pt x="802572" y="793406"/>
                  </a:cubicBezTo>
                  <a:cubicBezTo>
                    <a:pt x="799325" y="793406"/>
                    <a:pt x="796077" y="791784"/>
                    <a:pt x="794453" y="793406"/>
                  </a:cubicBezTo>
                  <a:cubicBezTo>
                    <a:pt x="791206" y="795027"/>
                    <a:pt x="789582" y="795027"/>
                    <a:pt x="787958" y="795027"/>
                  </a:cubicBezTo>
                  <a:cubicBezTo>
                    <a:pt x="787958" y="796649"/>
                    <a:pt x="786334" y="796649"/>
                    <a:pt x="786334" y="798271"/>
                  </a:cubicBezTo>
                  <a:cubicBezTo>
                    <a:pt x="784710" y="798271"/>
                    <a:pt x="784710" y="798271"/>
                    <a:pt x="783087" y="799892"/>
                  </a:cubicBezTo>
                  <a:cubicBezTo>
                    <a:pt x="783087" y="801514"/>
                    <a:pt x="781463" y="801514"/>
                    <a:pt x="781463" y="801514"/>
                  </a:cubicBezTo>
                  <a:cubicBezTo>
                    <a:pt x="781463" y="799892"/>
                    <a:pt x="781463" y="799892"/>
                    <a:pt x="779839" y="801514"/>
                  </a:cubicBezTo>
                  <a:cubicBezTo>
                    <a:pt x="779839" y="803135"/>
                    <a:pt x="776591" y="803135"/>
                    <a:pt x="774968" y="803135"/>
                  </a:cubicBezTo>
                  <a:cubicBezTo>
                    <a:pt x="774968" y="801514"/>
                    <a:pt x="768472" y="801514"/>
                    <a:pt x="768472" y="801514"/>
                  </a:cubicBezTo>
                  <a:cubicBezTo>
                    <a:pt x="766849" y="801514"/>
                    <a:pt x="763601" y="801514"/>
                    <a:pt x="763601" y="801514"/>
                  </a:cubicBezTo>
                  <a:cubicBezTo>
                    <a:pt x="763601" y="801514"/>
                    <a:pt x="761977" y="801514"/>
                    <a:pt x="760353" y="799892"/>
                  </a:cubicBezTo>
                  <a:cubicBezTo>
                    <a:pt x="758730" y="799892"/>
                    <a:pt x="753858" y="798271"/>
                    <a:pt x="752235" y="798271"/>
                  </a:cubicBezTo>
                  <a:cubicBezTo>
                    <a:pt x="752235" y="798271"/>
                    <a:pt x="750611" y="795027"/>
                    <a:pt x="748987" y="795027"/>
                  </a:cubicBezTo>
                  <a:cubicBezTo>
                    <a:pt x="747363" y="795027"/>
                    <a:pt x="745739" y="795027"/>
                    <a:pt x="742492" y="796649"/>
                  </a:cubicBezTo>
                  <a:cubicBezTo>
                    <a:pt x="740868" y="798271"/>
                    <a:pt x="739244" y="798271"/>
                    <a:pt x="739244" y="798271"/>
                  </a:cubicBezTo>
                  <a:cubicBezTo>
                    <a:pt x="735997" y="798271"/>
                    <a:pt x="737620" y="808000"/>
                    <a:pt x="735997" y="804757"/>
                  </a:cubicBezTo>
                  <a:cubicBezTo>
                    <a:pt x="734373" y="803135"/>
                    <a:pt x="732749" y="798271"/>
                    <a:pt x="731125" y="798271"/>
                  </a:cubicBezTo>
                  <a:cubicBezTo>
                    <a:pt x="729501" y="798271"/>
                    <a:pt x="729501" y="795027"/>
                    <a:pt x="727878" y="798271"/>
                  </a:cubicBezTo>
                  <a:cubicBezTo>
                    <a:pt x="726254" y="798271"/>
                    <a:pt x="726254" y="798271"/>
                    <a:pt x="726254" y="798271"/>
                  </a:cubicBezTo>
                  <a:cubicBezTo>
                    <a:pt x="726254" y="798271"/>
                    <a:pt x="726254" y="798271"/>
                    <a:pt x="724630" y="798271"/>
                  </a:cubicBezTo>
                  <a:cubicBezTo>
                    <a:pt x="724630" y="799892"/>
                    <a:pt x="724630" y="798271"/>
                    <a:pt x="723006" y="798271"/>
                  </a:cubicBezTo>
                  <a:cubicBezTo>
                    <a:pt x="723006" y="796649"/>
                    <a:pt x="723006" y="795027"/>
                    <a:pt x="721382" y="798271"/>
                  </a:cubicBezTo>
                  <a:cubicBezTo>
                    <a:pt x="721382" y="803135"/>
                    <a:pt x="723006" y="803135"/>
                    <a:pt x="724630" y="804757"/>
                  </a:cubicBezTo>
                  <a:cubicBezTo>
                    <a:pt x="726254" y="808000"/>
                    <a:pt x="727878" y="806378"/>
                    <a:pt x="729501" y="808000"/>
                  </a:cubicBezTo>
                  <a:cubicBezTo>
                    <a:pt x="729501" y="809622"/>
                    <a:pt x="731125" y="808000"/>
                    <a:pt x="729501" y="809622"/>
                  </a:cubicBezTo>
                  <a:cubicBezTo>
                    <a:pt x="727878" y="811243"/>
                    <a:pt x="724630" y="812865"/>
                    <a:pt x="724630" y="812865"/>
                  </a:cubicBezTo>
                  <a:cubicBezTo>
                    <a:pt x="724630" y="812865"/>
                    <a:pt x="723006" y="808000"/>
                    <a:pt x="721382" y="809622"/>
                  </a:cubicBezTo>
                  <a:cubicBezTo>
                    <a:pt x="719759" y="812865"/>
                    <a:pt x="718135" y="814486"/>
                    <a:pt x="718135" y="814486"/>
                  </a:cubicBezTo>
                  <a:cubicBezTo>
                    <a:pt x="714887" y="812865"/>
                    <a:pt x="711640" y="814486"/>
                    <a:pt x="711640" y="812865"/>
                  </a:cubicBezTo>
                  <a:cubicBezTo>
                    <a:pt x="710016" y="811243"/>
                    <a:pt x="708392" y="809622"/>
                    <a:pt x="706768" y="808000"/>
                  </a:cubicBezTo>
                  <a:cubicBezTo>
                    <a:pt x="706768" y="808000"/>
                    <a:pt x="701897" y="801514"/>
                    <a:pt x="701897" y="801514"/>
                  </a:cubicBezTo>
                  <a:cubicBezTo>
                    <a:pt x="701897" y="801514"/>
                    <a:pt x="700273" y="806378"/>
                    <a:pt x="698649" y="809622"/>
                  </a:cubicBezTo>
                  <a:cubicBezTo>
                    <a:pt x="698649" y="812865"/>
                    <a:pt x="698649" y="816108"/>
                    <a:pt x="703521" y="820973"/>
                  </a:cubicBezTo>
                  <a:cubicBezTo>
                    <a:pt x="710016" y="827459"/>
                    <a:pt x="710016" y="825837"/>
                    <a:pt x="710016" y="827459"/>
                  </a:cubicBezTo>
                  <a:cubicBezTo>
                    <a:pt x="710016" y="830702"/>
                    <a:pt x="710016" y="827459"/>
                    <a:pt x="710016" y="830702"/>
                  </a:cubicBezTo>
                  <a:cubicBezTo>
                    <a:pt x="714887" y="838810"/>
                    <a:pt x="716511" y="840432"/>
                    <a:pt x="718135" y="840432"/>
                  </a:cubicBezTo>
                  <a:cubicBezTo>
                    <a:pt x="718135" y="842053"/>
                    <a:pt x="721382" y="842053"/>
                    <a:pt x="723006" y="843675"/>
                  </a:cubicBezTo>
                  <a:cubicBezTo>
                    <a:pt x="723006" y="845296"/>
                    <a:pt x="724630" y="843675"/>
                    <a:pt x="726254" y="845296"/>
                  </a:cubicBezTo>
                  <a:cubicBezTo>
                    <a:pt x="726254" y="846918"/>
                    <a:pt x="727878" y="848540"/>
                    <a:pt x="727878" y="850161"/>
                  </a:cubicBezTo>
                  <a:cubicBezTo>
                    <a:pt x="726254" y="851783"/>
                    <a:pt x="726254" y="851783"/>
                    <a:pt x="724630" y="851783"/>
                  </a:cubicBezTo>
                  <a:cubicBezTo>
                    <a:pt x="723006" y="851783"/>
                    <a:pt x="723006" y="850161"/>
                    <a:pt x="721382" y="850161"/>
                  </a:cubicBezTo>
                  <a:cubicBezTo>
                    <a:pt x="721382" y="850161"/>
                    <a:pt x="716511" y="848540"/>
                    <a:pt x="718135" y="850161"/>
                  </a:cubicBezTo>
                  <a:cubicBezTo>
                    <a:pt x="719759" y="851783"/>
                    <a:pt x="723006" y="855026"/>
                    <a:pt x="723006" y="856648"/>
                  </a:cubicBezTo>
                  <a:cubicBezTo>
                    <a:pt x="724630" y="858269"/>
                    <a:pt x="726254" y="859891"/>
                    <a:pt x="724630" y="861513"/>
                  </a:cubicBezTo>
                  <a:cubicBezTo>
                    <a:pt x="724630" y="861513"/>
                    <a:pt x="721382" y="863134"/>
                    <a:pt x="721382" y="863134"/>
                  </a:cubicBezTo>
                  <a:cubicBezTo>
                    <a:pt x="721382" y="863134"/>
                    <a:pt x="721382" y="863134"/>
                    <a:pt x="713263" y="858269"/>
                  </a:cubicBezTo>
                  <a:cubicBezTo>
                    <a:pt x="713263" y="858269"/>
                    <a:pt x="713263" y="858269"/>
                    <a:pt x="708392" y="853405"/>
                  </a:cubicBezTo>
                  <a:cubicBezTo>
                    <a:pt x="708392" y="853405"/>
                    <a:pt x="706768" y="850161"/>
                    <a:pt x="703521" y="851783"/>
                  </a:cubicBezTo>
                  <a:cubicBezTo>
                    <a:pt x="701897" y="853405"/>
                    <a:pt x="700273" y="853405"/>
                    <a:pt x="700273" y="855026"/>
                  </a:cubicBezTo>
                  <a:cubicBezTo>
                    <a:pt x="700273" y="856648"/>
                    <a:pt x="697025" y="856648"/>
                    <a:pt x="700273" y="858269"/>
                  </a:cubicBezTo>
                  <a:cubicBezTo>
                    <a:pt x="701897" y="859891"/>
                    <a:pt x="703521" y="859891"/>
                    <a:pt x="706768" y="861513"/>
                  </a:cubicBezTo>
                  <a:cubicBezTo>
                    <a:pt x="708392" y="864756"/>
                    <a:pt x="710016" y="864756"/>
                    <a:pt x="713263" y="866377"/>
                  </a:cubicBezTo>
                  <a:cubicBezTo>
                    <a:pt x="713263" y="867999"/>
                    <a:pt x="714887" y="867999"/>
                    <a:pt x="716511" y="867999"/>
                  </a:cubicBezTo>
                  <a:cubicBezTo>
                    <a:pt x="714887" y="869620"/>
                    <a:pt x="705144" y="872864"/>
                    <a:pt x="705144" y="872864"/>
                  </a:cubicBezTo>
                  <a:cubicBezTo>
                    <a:pt x="705144" y="872864"/>
                    <a:pt x="703521" y="867999"/>
                    <a:pt x="701897" y="867999"/>
                  </a:cubicBezTo>
                  <a:cubicBezTo>
                    <a:pt x="700273" y="869620"/>
                    <a:pt x="703521" y="876107"/>
                    <a:pt x="705144" y="877728"/>
                  </a:cubicBezTo>
                  <a:cubicBezTo>
                    <a:pt x="705144" y="879350"/>
                    <a:pt x="705144" y="879350"/>
                    <a:pt x="706768" y="880971"/>
                  </a:cubicBezTo>
                  <a:cubicBezTo>
                    <a:pt x="708392" y="882593"/>
                    <a:pt x="711640" y="882593"/>
                    <a:pt x="710016" y="884215"/>
                  </a:cubicBezTo>
                  <a:cubicBezTo>
                    <a:pt x="710016" y="887458"/>
                    <a:pt x="708392" y="887458"/>
                    <a:pt x="708392" y="889079"/>
                  </a:cubicBezTo>
                  <a:cubicBezTo>
                    <a:pt x="706768" y="889079"/>
                    <a:pt x="703521" y="887458"/>
                    <a:pt x="701897" y="885836"/>
                  </a:cubicBezTo>
                  <a:cubicBezTo>
                    <a:pt x="700273" y="885836"/>
                    <a:pt x="698649" y="882593"/>
                    <a:pt x="697025" y="884215"/>
                  </a:cubicBezTo>
                  <a:cubicBezTo>
                    <a:pt x="697025" y="885836"/>
                    <a:pt x="688906" y="884215"/>
                    <a:pt x="690530" y="884215"/>
                  </a:cubicBezTo>
                  <a:cubicBezTo>
                    <a:pt x="690530" y="882593"/>
                    <a:pt x="688906" y="880971"/>
                    <a:pt x="688906" y="880971"/>
                  </a:cubicBezTo>
                  <a:cubicBezTo>
                    <a:pt x="688906" y="880971"/>
                    <a:pt x="685659" y="880971"/>
                    <a:pt x="685659" y="880971"/>
                  </a:cubicBezTo>
                  <a:cubicBezTo>
                    <a:pt x="684035" y="880971"/>
                    <a:pt x="682411" y="879350"/>
                    <a:pt x="682411" y="877728"/>
                  </a:cubicBezTo>
                  <a:cubicBezTo>
                    <a:pt x="682411" y="877728"/>
                    <a:pt x="682411" y="872864"/>
                    <a:pt x="682411" y="872864"/>
                  </a:cubicBezTo>
                  <a:cubicBezTo>
                    <a:pt x="682411" y="872864"/>
                    <a:pt x="682411" y="872864"/>
                    <a:pt x="682411" y="869620"/>
                  </a:cubicBezTo>
                  <a:cubicBezTo>
                    <a:pt x="682411" y="869620"/>
                    <a:pt x="672668" y="864756"/>
                    <a:pt x="672668" y="863134"/>
                  </a:cubicBezTo>
                  <a:cubicBezTo>
                    <a:pt x="674292" y="861513"/>
                    <a:pt x="674292" y="858269"/>
                    <a:pt x="675916" y="856648"/>
                  </a:cubicBezTo>
                  <a:cubicBezTo>
                    <a:pt x="675916" y="856648"/>
                    <a:pt x="677540" y="855026"/>
                    <a:pt x="677540" y="851783"/>
                  </a:cubicBezTo>
                  <a:cubicBezTo>
                    <a:pt x="679164" y="850161"/>
                    <a:pt x="679164" y="846918"/>
                    <a:pt x="679164" y="846918"/>
                  </a:cubicBezTo>
                  <a:cubicBezTo>
                    <a:pt x="679164" y="846918"/>
                    <a:pt x="677540" y="845296"/>
                    <a:pt x="675916" y="843675"/>
                  </a:cubicBezTo>
                  <a:cubicBezTo>
                    <a:pt x="672668" y="843675"/>
                    <a:pt x="671045" y="842053"/>
                    <a:pt x="669421" y="842053"/>
                  </a:cubicBezTo>
                  <a:cubicBezTo>
                    <a:pt x="669421" y="840432"/>
                    <a:pt x="667797" y="837189"/>
                    <a:pt x="666173" y="837189"/>
                  </a:cubicBezTo>
                  <a:cubicBezTo>
                    <a:pt x="664549" y="837189"/>
                    <a:pt x="662926" y="833945"/>
                    <a:pt x="662926" y="833945"/>
                  </a:cubicBezTo>
                  <a:cubicBezTo>
                    <a:pt x="662926" y="833945"/>
                    <a:pt x="658054" y="829081"/>
                    <a:pt x="656431" y="829081"/>
                  </a:cubicBezTo>
                  <a:cubicBezTo>
                    <a:pt x="656431" y="829081"/>
                    <a:pt x="654807" y="827459"/>
                    <a:pt x="654807" y="827459"/>
                  </a:cubicBezTo>
                  <a:cubicBezTo>
                    <a:pt x="654807" y="825837"/>
                    <a:pt x="653183" y="825837"/>
                    <a:pt x="653183" y="825837"/>
                  </a:cubicBezTo>
                  <a:cubicBezTo>
                    <a:pt x="651559" y="825837"/>
                    <a:pt x="649935" y="825837"/>
                    <a:pt x="649935" y="825837"/>
                  </a:cubicBezTo>
                  <a:cubicBezTo>
                    <a:pt x="649935" y="825837"/>
                    <a:pt x="646688" y="825837"/>
                    <a:pt x="646688" y="825837"/>
                  </a:cubicBezTo>
                  <a:cubicBezTo>
                    <a:pt x="646688" y="824216"/>
                    <a:pt x="646688" y="820973"/>
                    <a:pt x="646688" y="820973"/>
                  </a:cubicBezTo>
                  <a:cubicBezTo>
                    <a:pt x="646688" y="820973"/>
                    <a:pt x="646688" y="820973"/>
                    <a:pt x="648312" y="816108"/>
                  </a:cubicBezTo>
                  <a:cubicBezTo>
                    <a:pt x="648312" y="816108"/>
                    <a:pt x="645064" y="812865"/>
                    <a:pt x="643440" y="812865"/>
                  </a:cubicBezTo>
                  <a:cubicBezTo>
                    <a:pt x="643440" y="812865"/>
                    <a:pt x="640193" y="809622"/>
                    <a:pt x="640193" y="809622"/>
                  </a:cubicBezTo>
                  <a:cubicBezTo>
                    <a:pt x="640193" y="809622"/>
                    <a:pt x="640193" y="804757"/>
                    <a:pt x="640193" y="803135"/>
                  </a:cubicBezTo>
                  <a:cubicBezTo>
                    <a:pt x="640193" y="801514"/>
                    <a:pt x="640193" y="796649"/>
                    <a:pt x="640193" y="795027"/>
                  </a:cubicBezTo>
                  <a:cubicBezTo>
                    <a:pt x="640193" y="795027"/>
                    <a:pt x="641816" y="791784"/>
                    <a:pt x="641816" y="788541"/>
                  </a:cubicBezTo>
                  <a:cubicBezTo>
                    <a:pt x="641816" y="786920"/>
                    <a:pt x="641816" y="785298"/>
                    <a:pt x="641816" y="783676"/>
                  </a:cubicBezTo>
                  <a:cubicBezTo>
                    <a:pt x="641816" y="783676"/>
                    <a:pt x="643440" y="783676"/>
                    <a:pt x="643440" y="783676"/>
                  </a:cubicBezTo>
                  <a:cubicBezTo>
                    <a:pt x="643440" y="783676"/>
                    <a:pt x="643440" y="783676"/>
                    <a:pt x="641816" y="780433"/>
                  </a:cubicBezTo>
                  <a:cubicBezTo>
                    <a:pt x="641816" y="780433"/>
                    <a:pt x="641816" y="780433"/>
                    <a:pt x="640193" y="778812"/>
                  </a:cubicBezTo>
                  <a:cubicBezTo>
                    <a:pt x="638569" y="773947"/>
                    <a:pt x="635321" y="773947"/>
                    <a:pt x="635321" y="773947"/>
                  </a:cubicBezTo>
                  <a:cubicBezTo>
                    <a:pt x="635321" y="773947"/>
                    <a:pt x="635321" y="772325"/>
                    <a:pt x="633697" y="770704"/>
                  </a:cubicBezTo>
                  <a:cubicBezTo>
                    <a:pt x="633697" y="769082"/>
                    <a:pt x="635321" y="769082"/>
                    <a:pt x="632074" y="767461"/>
                  </a:cubicBezTo>
                  <a:cubicBezTo>
                    <a:pt x="628826" y="764217"/>
                    <a:pt x="627202" y="760974"/>
                    <a:pt x="625578" y="760974"/>
                  </a:cubicBezTo>
                  <a:cubicBezTo>
                    <a:pt x="623955" y="760974"/>
                    <a:pt x="625578" y="762596"/>
                    <a:pt x="623955" y="762596"/>
                  </a:cubicBezTo>
                  <a:cubicBezTo>
                    <a:pt x="623955" y="762596"/>
                    <a:pt x="623955" y="762596"/>
                    <a:pt x="622331" y="760974"/>
                  </a:cubicBezTo>
                  <a:cubicBezTo>
                    <a:pt x="620707" y="759353"/>
                    <a:pt x="617459" y="756110"/>
                    <a:pt x="615836" y="756110"/>
                  </a:cubicBezTo>
                  <a:cubicBezTo>
                    <a:pt x="615836" y="756110"/>
                    <a:pt x="612588" y="752866"/>
                    <a:pt x="610964" y="752866"/>
                  </a:cubicBezTo>
                  <a:cubicBezTo>
                    <a:pt x="610964" y="752866"/>
                    <a:pt x="610964" y="749623"/>
                    <a:pt x="607717" y="749623"/>
                  </a:cubicBezTo>
                  <a:cubicBezTo>
                    <a:pt x="606093" y="749623"/>
                    <a:pt x="604469" y="749623"/>
                    <a:pt x="602845" y="749623"/>
                  </a:cubicBezTo>
                  <a:cubicBezTo>
                    <a:pt x="602845" y="748002"/>
                    <a:pt x="601221" y="748002"/>
                    <a:pt x="601221" y="748002"/>
                  </a:cubicBezTo>
                  <a:cubicBezTo>
                    <a:pt x="599598" y="748002"/>
                    <a:pt x="597974" y="746380"/>
                    <a:pt x="597974" y="746380"/>
                  </a:cubicBezTo>
                  <a:cubicBezTo>
                    <a:pt x="596350" y="744758"/>
                    <a:pt x="596350" y="744758"/>
                    <a:pt x="594726" y="743137"/>
                  </a:cubicBezTo>
                  <a:cubicBezTo>
                    <a:pt x="594726" y="741515"/>
                    <a:pt x="593102" y="739894"/>
                    <a:pt x="593102" y="739894"/>
                  </a:cubicBezTo>
                  <a:cubicBezTo>
                    <a:pt x="591479" y="738272"/>
                    <a:pt x="591479" y="736651"/>
                    <a:pt x="588231" y="736651"/>
                  </a:cubicBezTo>
                  <a:cubicBezTo>
                    <a:pt x="584983" y="738272"/>
                    <a:pt x="581736" y="736651"/>
                    <a:pt x="581736" y="736651"/>
                  </a:cubicBezTo>
                  <a:cubicBezTo>
                    <a:pt x="581736" y="736651"/>
                    <a:pt x="581736" y="738272"/>
                    <a:pt x="578488" y="735029"/>
                  </a:cubicBezTo>
                  <a:cubicBezTo>
                    <a:pt x="575241" y="733407"/>
                    <a:pt x="575241" y="731786"/>
                    <a:pt x="573617" y="731786"/>
                  </a:cubicBezTo>
                  <a:cubicBezTo>
                    <a:pt x="571993" y="730164"/>
                    <a:pt x="570369" y="730164"/>
                    <a:pt x="570369" y="728543"/>
                  </a:cubicBezTo>
                  <a:cubicBezTo>
                    <a:pt x="568746" y="726921"/>
                    <a:pt x="568746" y="726921"/>
                    <a:pt x="568746" y="725300"/>
                  </a:cubicBezTo>
                  <a:cubicBezTo>
                    <a:pt x="567122" y="722056"/>
                    <a:pt x="567122" y="722056"/>
                    <a:pt x="568746" y="720435"/>
                  </a:cubicBezTo>
                  <a:cubicBezTo>
                    <a:pt x="568746" y="718813"/>
                    <a:pt x="568746" y="717192"/>
                    <a:pt x="567122" y="717192"/>
                  </a:cubicBezTo>
                  <a:cubicBezTo>
                    <a:pt x="567122" y="715570"/>
                    <a:pt x="563874" y="712327"/>
                    <a:pt x="562250" y="712327"/>
                  </a:cubicBezTo>
                  <a:cubicBezTo>
                    <a:pt x="560627" y="712327"/>
                    <a:pt x="559003" y="710705"/>
                    <a:pt x="559003" y="710705"/>
                  </a:cubicBezTo>
                  <a:cubicBezTo>
                    <a:pt x="559003" y="709084"/>
                    <a:pt x="559003" y="705841"/>
                    <a:pt x="559003" y="704219"/>
                  </a:cubicBezTo>
                  <a:cubicBezTo>
                    <a:pt x="557379" y="704219"/>
                    <a:pt x="557379" y="704219"/>
                    <a:pt x="557379" y="704219"/>
                  </a:cubicBezTo>
                  <a:cubicBezTo>
                    <a:pt x="557379" y="704219"/>
                    <a:pt x="555755" y="700976"/>
                    <a:pt x="554131" y="702597"/>
                  </a:cubicBezTo>
                  <a:cubicBezTo>
                    <a:pt x="550884" y="702597"/>
                    <a:pt x="547636" y="704219"/>
                    <a:pt x="546012" y="705841"/>
                  </a:cubicBezTo>
                  <a:cubicBezTo>
                    <a:pt x="546012" y="705841"/>
                    <a:pt x="544389" y="709084"/>
                    <a:pt x="544389" y="707462"/>
                  </a:cubicBezTo>
                  <a:cubicBezTo>
                    <a:pt x="542765" y="707462"/>
                    <a:pt x="542765" y="705841"/>
                    <a:pt x="542765" y="705841"/>
                  </a:cubicBezTo>
                  <a:cubicBezTo>
                    <a:pt x="542765" y="705841"/>
                    <a:pt x="539517" y="702597"/>
                    <a:pt x="539517" y="700976"/>
                  </a:cubicBezTo>
                  <a:cubicBezTo>
                    <a:pt x="539517" y="699354"/>
                    <a:pt x="537893" y="699354"/>
                    <a:pt x="537893" y="697733"/>
                  </a:cubicBezTo>
                  <a:cubicBezTo>
                    <a:pt x="536270" y="696111"/>
                    <a:pt x="536270" y="696111"/>
                    <a:pt x="537893" y="694489"/>
                  </a:cubicBezTo>
                  <a:cubicBezTo>
                    <a:pt x="537893" y="692868"/>
                    <a:pt x="537893" y="689625"/>
                    <a:pt x="537893" y="689625"/>
                  </a:cubicBezTo>
                  <a:cubicBezTo>
                    <a:pt x="537893" y="689625"/>
                    <a:pt x="534646" y="686382"/>
                    <a:pt x="533022" y="688003"/>
                  </a:cubicBezTo>
                  <a:cubicBezTo>
                    <a:pt x="531398" y="689625"/>
                    <a:pt x="528151" y="688003"/>
                    <a:pt x="524903" y="691246"/>
                  </a:cubicBezTo>
                  <a:cubicBezTo>
                    <a:pt x="523279" y="694489"/>
                    <a:pt x="523279" y="694489"/>
                    <a:pt x="521655" y="694489"/>
                  </a:cubicBezTo>
                  <a:cubicBezTo>
                    <a:pt x="520032" y="694489"/>
                    <a:pt x="515160" y="694489"/>
                    <a:pt x="515160" y="694489"/>
                  </a:cubicBezTo>
                  <a:cubicBezTo>
                    <a:pt x="515160" y="694489"/>
                    <a:pt x="513536" y="697733"/>
                    <a:pt x="513536" y="700976"/>
                  </a:cubicBezTo>
                  <a:cubicBezTo>
                    <a:pt x="513536" y="704219"/>
                    <a:pt x="516784" y="705841"/>
                    <a:pt x="516784" y="707462"/>
                  </a:cubicBezTo>
                  <a:cubicBezTo>
                    <a:pt x="516784" y="709084"/>
                    <a:pt x="516784" y="709084"/>
                    <a:pt x="515160" y="710705"/>
                  </a:cubicBezTo>
                  <a:cubicBezTo>
                    <a:pt x="515160" y="710705"/>
                    <a:pt x="513536" y="712327"/>
                    <a:pt x="513536" y="713948"/>
                  </a:cubicBezTo>
                  <a:cubicBezTo>
                    <a:pt x="513536" y="715570"/>
                    <a:pt x="513536" y="717192"/>
                    <a:pt x="515160" y="718813"/>
                  </a:cubicBezTo>
                  <a:cubicBezTo>
                    <a:pt x="516784" y="720435"/>
                    <a:pt x="520032" y="722056"/>
                    <a:pt x="521655" y="725300"/>
                  </a:cubicBezTo>
                  <a:cubicBezTo>
                    <a:pt x="523279" y="726921"/>
                    <a:pt x="521655" y="725300"/>
                    <a:pt x="523279" y="726921"/>
                  </a:cubicBezTo>
                  <a:cubicBezTo>
                    <a:pt x="524903" y="728543"/>
                    <a:pt x="524903" y="726921"/>
                    <a:pt x="528151" y="730164"/>
                  </a:cubicBezTo>
                  <a:cubicBezTo>
                    <a:pt x="529774" y="733407"/>
                    <a:pt x="531398" y="733407"/>
                    <a:pt x="536270" y="736651"/>
                  </a:cubicBezTo>
                  <a:cubicBezTo>
                    <a:pt x="539517" y="739894"/>
                    <a:pt x="541141" y="739894"/>
                    <a:pt x="541141" y="741515"/>
                  </a:cubicBezTo>
                  <a:cubicBezTo>
                    <a:pt x="541141" y="744758"/>
                    <a:pt x="542765" y="743137"/>
                    <a:pt x="542765" y="746380"/>
                  </a:cubicBezTo>
                  <a:cubicBezTo>
                    <a:pt x="542765" y="749623"/>
                    <a:pt x="549260" y="759353"/>
                    <a:pt x="549260" y="760974"/>
                  </a:cubicBezTo>
                  <a:cubicBezTo>
                    <a:pt x="549260" y="762596"/>
                    <a:pt x="552508" y="762596"/>
                    <a:pt x="555755" y="765839"/>
                  </a:cubicBezTo>
                  <a:cubicBezTo>
                    <a:pt x="557379" y="769082"/>
                    <a:pt x="557379" y="769082"/>
                    <a:pt x="559003" y="770704"/>
                  </a:cubicBezTo>
                  <a:cubicBezTo>
                    <a:pt x="559003" y="772325"/>
                    <a:pt x="562250" y="770704"/>
                    <a:pt x="562250" y="770704"/>
                  </a:cubicBezTo>
                  <a:cubicBezTo>
                    <a:pt x="562250" y="770704"/>
                    <a:pt x="563874" y="770704"/>
                    <a:pt x="567122" y="772325"/>
                  </a:cubicBezTo>
                  <a:cubicBezTo>
                    <a:pt x="570369" y="773947"/>
                    <a:pt x="578488" y="772325"/>
                    <a:pt x="578488" y="772325"/>
                  </a:cubicBezTo>
                  <a:cubicBezTo>
                    <a:pt x="578488" y="772325"/>
                    <a:pt x="583360" y="773947"/>
                    <a:pt x="583360" y="775568"/>
                  </a:cubicBezTo>
                  <a:cubicBezTo>
                    <a:pt x="583360" y="775568"/>
                    <a:pt x="581736" y="777190"/>
                    <a:pt x="581736" y="778812"/>
                  </a:cubicBezTo>
                  <a:cubicBezTo>
                    <a:pt x="580112" y="780433"/>
                    <a:pt x="578488" y="782055"/>
                    <a:pt x="581736" y="783676"/>
                  </a:cubicBezTo>
                  <a:cubicBezTo>
                    <a:pt x="583360" y="785298"/>
                    <a:pt x="586607" y="785298"/>
                    <a:pt x="591479" y="788541"/>
                  </a:cubicBezTo>
                  <a:cubicBezTo>
                    <a:pt x="594726" y="790163"/>
                    <a:pt x="597974" y="791784"/>
                    <a:pt x="599598" y="793406"/>
                  </a:cubicBezTo>
                  <a:cubicBezTo>
                    <a:pt x="601221" y="793406"/>
                    <a:pt x="604469" y="795027"/>
                    <a:pt x="604469" y="795027"/>
                  </a:cubicBezTo>
                  <a:cubicBezTo>
                    <a:pt x="606093" y="796649"/>
                    <a:pt x="617459" y="804757"/>
                    <a:pt x="619083" y="804757"/>
                  </a:cubicBezTo>
                  <a:cubicBezTo>
                    <a:pt x="619083" y="806378"/>
                    <a:pt x="620707" y="806378"/>
                    <a:pt x="620707" y="808000"/>
                  </a:cubicBezTo>
                  <a:cubicBezTo>
                    <a:pt x="622331" y="809622"/>
                    <a:pt x="623955" y="809622"/>
                    <a:pt x="623955" y="812865"/>
                  </a:cubicBezTo>
                  <a:cubicBezTo>
                    <a:pt x="623955" y="814486"/>
                    <a:pt x="625578" y="814486"/>
                    <a:pt x="623955" y="816108"/>
                  </a:cubicBezTo>
                  <a:cubicBezTo>
                    <a:pt x="622331" y="817730"/>
                    <a:pt x="620707" y="816108"/>
                    <a:pt x="619083" y="816108"/>
                  </a:cubicBezTo>
                  <a:cubicBezTo>
                    <a:pt x="617459" y="814486"/>
                    <a:pt x="615836" y="812865"/>
                    <a:pt x="612588" y="811243"/>
                  </a:cubicBezTo>
                  <a:cubicBezTo>
                    <a:pt x="609340" y="809622"/>
                    <a:pt x="606093" y="806378"/>
                    <a:pt x="606093" y="806378"/>
                  </a:cubicBezTo>
                  <a:cubicBezTo>
                    <a:pt x="606093" y="806378"/>
                    <a:pt x="602845" y="804757"/>
                    <a:pt x="601221" y="806378"/>
                  </a:cubicBezTo>
                  <a:cubicBezTo>
                    <a:pt x="599598" y="806378"/>
                    <a:pt x="599598" y="806378"/>
                    <a:pt x="599598" y="806378"/>
                  </a:cubicBezTo>
                  <a:cubicBezTo>
                    <a:pt x="597974" y="804757"/>
                    <a:pt x="597974" y="804757"/>
                    <a:pt x="596350" y="806378"/>
                  </a:cubicBezTo>
                  <a:cubicBezTo>
                    <a:pt x="594726" y="809622"/>
                    <a:pt x="593102" y="809622"/>
                    <a:pt x="593102" y="811243"/>
                  </a:cubicBezTo>
                  <a:cubicBezTo>
                    <a:pt x="593102" y="812865"/>
                    <a:pt x="591479" y="814486"/>
                    <a:pt x="591479" y="816108"/>
                  </a:cubicBezTo>
                  <a:cubicBezTo>
                    <a:pt x="591479" y="817730"/>
                    <a:pt x="591479" y="819351"/>
                    <a:pt x="591479" y="820973"/>
                  </a:cubicBezTo>
                  <a:cubicBezTo>
                    <a:pt x="593102" y="820973"/>
                    <a:pt x="596350" y="822594"/>
                    <a:pt x="597974" y="824216"/>
                  </a:cubicBezTo>
                  <a:cubicBezTo>
                    <a:pt x="599598" y="825837"/>
                    <a:pt x="602845" y="822594"/>
                    <a:pt x="602845" y="827459"/>
                  </a:cubicBezTo>
                  <a:cubicBezTo>
                    <a:pt x="601221" y="830702"/>
                    <a:pt x="601221" y="830702"/>
                    <a:pt x="599598" y="832324"/>
                  </a:cubicBezTo>
                  <a:cubicBezTo>
                    <a:pt x="599598" y="833945"/>
                    <a:pt x="599598" y="832324"/>
                    <a:pt x="597974" y="835567"/>
                  </a:cubicBezTo>
                  <a:cubicBezTo>
                    <a:pt x="596350" y="837189"/>
                    <a:pt x="593102" y="840432"/>
                    <a:pt x="591479" y="843675"/>
                  </a:cubicBezTo>
                  <a:cubicBezTo>
                    <a:pt x="589855" y="845296"/>
                    <a:pt x="586607" y="848540"/>
                    <a:pt x="584983" y="850161"/>
                  </a:cubicBezTo>
                  <a:cubicBezTo>
                    <a:pt x="584983" y="851783"/>
                    <a:pt x="581736" y="855026"/>
                    <a:pt x="581736" y="855026"/>
                  </a:cubicBezTo>
                  <a:cubicBezTo>
                    <a:pt x="581736" y="855026"/>
                    <a:pt x="575241" y="856648"/>
                    <a:pt x="575241" y="856648"/>
                  </a:cubicBezTo>
                  <a:cubicBezTo>
                    <a:pt x="575241" y="855026"/>
                    <a:pt x="583360" y="838810"/>
                    <a:pt x="583360" y="838810"/>
                  </a:cubicBezTo>
                  <a:cubicBezTo>
                    <a:pt x="583360" y="838810"/>
                    <a:pt x="581736" y="833945"/>
                    <a:pt x="581736" y="830702"/>
                  </a:cubicBezTo>
                  <a:cubicBezTo>
                    <a:pt x="580112" y="829081"/>
                    <a:pt x="578488" y="824216"/>
                    <a:pt x="576864" y="822594"/>
                  </a:cubicBezTo>
                  <a:cubicBezTo>
                    <a:pt x="576864" y="820973"/>
                    <a:pt x="575241" y="814486"/>
                    <a:pt x="573617" y="814486"/>
                  </a:cubicBezTo>
                  <a:cubicBezTo>
                    <a:pt x="571993" y="814486"/>
                    <a:pt x="570369" y="812865"/>
                    <a:pt x="567122" y="812865"/>
                  </a:cubicBezTo>
                  <a:cubicBezTo>
                    <a:pt x="565498" y="812865"/>
                    <a:pt x="562250" y="811243"/>
                    <a:pt x="560627" y="809622"/>
                  </a:cubicBezTo>
                  <a:cubicBezTo>
                    <a:pt x="559003" y="808000"/>
                    <a:pt x="559003" y="804757"/>
                    <a:pt x="557379" y="803135"/>
                  </a:cubicBezTo>
                  <a:cubicBezTo>
                    <a:pt x="555755" y="801514"/>
                    <a:pt x="554131" y="799892"/>
                    <a:pt x="552508" y="799892"/>
                  </a:cubicBezTo>
                  <a:cubicBezTo>
                    <a:pt x="550884" y="799892"/>
                    <a:pt x="547636" y="803135"/>
                    <a:pt x="544389" y="798271"/>
                  </a:cubicBezTo>
                  <a:cubicBezTo>
                    <a:pt x="542765" y="795027"/>
                    <a:pt x="541141" y="790163"/>
                    <a:pt x="541141" y="790163"/>
                  </a:cubicBezTo>
                  <a:cubicBezTo>
                    <a:pt x="539517" y="788541"/>
                    <a:pt x="531398" y="785298"/>
                    <a:pt x="528151" y="785298"/>
                  </a:cubicBezTo>
                  <a:cubicBezTo>
                    <a:pt x="524903" y="785298"/>
                    <a:pt x="515160" y="780433"/>
                    <a:pt x="515160" y="780433"/>
                  </a:cubicBezTo>
                  <a:cubicBezTo>
                    <a:pt x="515160" y="780433"/>
                    <a:pt x="515160" y="775568"/>
                    <a:pt x="513536" y="775568"/>
                  </a:cubicBezTo>
                  <a:cubicBezTo>
                    <a:pt x="511912" y="775568"/>
                    <a:pt x="505417" y="770704"/>
                    <a:pt x="503793" y="767461"/>
                  </a:cubicBezTo>
                  <a:cubicBezTo>
                    <a:pt x="500546" y="765839"/>
                    <a:pt x="497298" y="760974"/>
                    <a:pt x="495674" y="760974"/>
                  </a:cubicBezTo>
                  <a:cubicBezTo>
                    <a:pt x="495674" y="760974"/>
                    <a:pt x="495674" y="762596"/>
                    <a:pt x="492427" y="759353"/>
                  </a:cubicBezTo>
                  <a:cubicBezTo>
                    <a:pt x="489179" y="756110"/>
                    <a:pt x="485931" y="752866"/>
                    <a:pt x="484308" y="751245"/>
                  </a:cubicBezTo>
                  <a:cubicBezTo>
                    <a:pt x="484308" y="749623"/>
                    <a:pt x="481060" y="744758"/>
                    <a:pt x="481060" y="743137"/>
                  </a:cubicBezTo>
                  <a:cubicBezTo>
                    <a:pt x="481060" y="741515"/>
                    <a:pt x="477812" y="738272"/>
                    <a:pt x="477812" y="735029"/>
                  </a:cubicBezTo>
                  <a:cubicBezTo>
                    <a:pt x="477812" y="731786"/>
                    <a:pt x="476189" y="728543"/>
                    <a:pt x="474565" y="728543"/>
                  </a:cubicBezTo>
                  <a:cubicBezTo>
                    <a:pt x="474565" y="726921"/>
                    <a:pt x="468070" y="725300"/>
                    <a:pt x="466446" y="725300"/>
                  </a:cubicBezTo>
                  <a:cubicBezTo>
                    <a:pt x="464822" y="725300"/>
                    <a:pt x="464822" y="725300"/>
                    <a:pt x="463198" y="725300"/>
                  </a:cubicBezTo>
                  <a:cubicBezTo>
                    <a:pt x="461574" y="725300"/>
                    <a:pt x="459951" y="725300"/>
                    <a:pt x="459951" y="725300"/>
                  </a:cubicBezTo>
                  <a:cubicBezTo>
                    <a:pt x="458327" y="723678"/>
                    <a:pt x="456703" y="722056"/>
                    <a:pt x="455079" y="722056"/>
                  </a:cubicBezTo>
                  <a:cubicBezTo>
                    <a:pt x="453455" y="722056"/>
                    <a:pt x="453455" y="722056"/>
                    <a:pt x="451832" y="722056"/>
                  </a:cubicBezTo>
                  <a:cubicBezTo>
                    <a:pt x="451832" y="722056"/>
                    <a:pt x="450208" y="722056"/>
                    <a:pt x="448584" y="722056"/>
                  </a:cubicBezTo>
                  <a:cubicBezTo>
                    <a:pt x="446960" y="723678"/>
                    <a:pt x="446960" y="723678"/>
                    <a:pt x="445336" y="722056"/>
                  </a:cubicBezTo>
                  <a:cubicBezTo>
                    <a:pt x="445336" y="722056"/>
                    <a:pt x="443713" y="722056"/>
                    <a:pt x="443713" y="723678"/>
                  </a:cubicBezTo>
                  <a:cubicBezTo>
                    <a:pt x="440465" y="723678"/>
                    <a:pt x="438841" y="726921"/>
                    <a:pt x="438841" y="728543"/>
                  </a:cubicBezTo>
                  <a:cubicBezTo>
                    <a:pt x="437218" y="730164"/>
                    <a:pt x="437218" y="728543"/>
                    <a:pt x="435594" y="730164"/>
                  </a:cubicBezTo>
                  <a:cubicBezTo>
                    <a:pt x="433970" y="730164"/>
                    <a:pt x="433970" y="730164"/>
                    <a:pt x="433970" y="728543"/>
                  </a:cubicBezTo>
                  <a:cubicBezTo>
                    <a:pt x="433970" y="728543"/>
                    <a:pt x="432346" y="726921"/>
                    <a:pt x="430722" y="730164"/>
                  </a:cubicBezTo>
                  <a:cubicBezTo>
                    <a:pt x="425851" y="733407"/>
                    <a:pt x="424227" y="735029"/>
                    <a:pt x="424227" y="736651"/>
                  </a:cubicBezTo>
                  <a:cubicBezTo>
                    <a:pt x="422603" y="736651"/>
                    <a:pt x="422603" y="736651"/>
                    <a:pt x="422603" y="736651"/>
                  </a:cubicBezTo>
                  <a:cubicBezTo>
                    <a:pt x="422603" y="736651"/>
                    <a:pt x="420980" y="735029"/>
                    <a:pt x="419356" y="738272"/>
                  </a:cubicBezTo>
                  <a:cubicBezTo>
                    <a:pt x="414484" y="743137"/>
                    <a:pt x="407989" y="748002"/>
                    <a:pt x="406365" y="748002"/>
                  </a:cubicBezTo>
                  <a:cubicBezTo>
                    <a:pt x="404742" y="748002"/>
                    <a:pt x="396623" y="746380"/>
                    <a:pt x="394999" y="746380"/>
                  </a:cubicBezTo>
                  <a:cubicBezTo>
                    <a:pt x="393375" y="746380"/>
                    <a:pt x="388504" y="746380"/>
                    <a:pt x="388504" y="744758"/>
                  </a:cubicBezTo>
                  <a:cubicBezTo>
                    <a:pt x="386880" y="743137"/>
                    <a:pt x="386880" y="741515"/>
                    <a:pt x="382008" y="739894"/>
                  </a:cubicBezTo>
                  <a:cubicBezTo>
                    <a:pt x="378761" y="739894"/>
                    <a:pt x="375513" y="739894"/>
                    <a:pt x="372266" y="739894"/>
                  </a:cubicBezTo>
                  <a:cubicBezTo>
                    <a:pt x="370642" y="739894"/>
                    <a:pt x="369018" y="736651"/>
                    <a:pt x="365770" y="738272"/>
                  </a:cubicBezTo>
                  <a:cubicBezTo>
                    <a:pt x="364147" y="739894"/>
                    <a:pt x="357651" y="741515"/>
                    <a:pt x="357651" y="743137"/>
                  </a:cubicBezTo>
                  <a:cubicBezTo>
                    <a:pt x="356028" y="744758"/>
                    <a:pt x="351156" y="748002"/>
                    <a:pt x="349532" y="751245"/>
                  </a:cubicBezTo>
                  <a:cubicBezTo>
                    <a:pt x="349532" y="754488"/>
                    <a:pt x="347909" y="752866"/>
                    <a:pt x="349532" y="757731"/>
                  </a:cubicBezTo>
                  <a:cubicBezTo>
                    <a:pt x="349532" y="759353"/>
                    <a:pt x="349532" y="760974"/>
                    <a:pt x="349532" y="762596"/>
                  </a:cubicBezTo>
                  <a:cubicBezTo>
                    <a:pt x="351156" y="764217"/>
                    <a:pt x="352780" y="767461"/>
                    <a:pt x="352780" y="767461"/>
                  </a:cubicBezTo>
                  <a:cubicBezTo>
                    <a:pt x="352780" y="769082"/>
                    <a:pt x="354404" y="769082"/>
                    <a:pt x="352780" y="772325"/>
                  </a:cubicBezTo>
                  <a:cubicBezTo>
                    <a:pt x="351156" y="775568"/>
                    <a:pt x="349532" y="775568"/>
                    <a:pt x="347909" y="777190"/>
                  </a:cubicBezTo>
                  <a:cubicBezTo>
                    <a:pt x="346285" y="778812"/>
                    <a:pt x="346285" y="777190"/>
                    <a:pt x="346285" y="777190"/>
                  </a:cubicBezTo>
                  <a:cubicBezTo>
                    <a:pt x="344661" y="777190"/>
                    <a:pt x="343037" y="775568"/>
                    <a:pt x="341414" y="778812"/>
                  </a:cubicBezTo>
                  <a:cubicBezTo>
                    <a:pt x="336542" y="783676"/>
                    <a:pt x="333295" y="786920"/>
                    <a:pt x="333295" y="786920"/>
                  </a:cubicBezTo>
                  <a:cubicBezTo>
                    <a:pt x="333295" y="786920"/>
                    <a:pt x="328423" y="788541"/>
                    <a:pt x="326799" y="788541"/>
                  </a:cubicBezTo>
                  <a:cubicBezTo>
                    <a:pt x="325176" y="790163"/>
                    <a:pt x="320304" y="788541"/>
                    <a:pt x="320304" y="790163"/>
                  </a:cubicBezTo>
                  <a:cubicBezTo>
                    <a:pt x="318680" y="790163"/>
                    <a:pt x="313809" y="795027"/>
                    <a:pt x="313809" y="795027"/>
                  </a:cubicBezTo>
                  <a:cubicBezTo>
                    <a:pt x="313809" y="795027"/>
                    <a:pt x="308938" y="796649"/>
                    <a:pt x="307314" y="796649"/>
                  </a:cubicBezTo>
                  <a:cubicBezTo>
                    <a:pt x="307314" y="798271"/>
                    <a:pt x="300819" y="799892"/>
                    <a:pt x="300819" y="801514"/>
                  </a:cubicBezTo>
                  <a:cubicBezTo>
                    <a:pt x="300819" y="803135"/>
                    <a:pt x="297571" y="804757"/>
                    <a:pt x="297571" y="806378"/>
                  </a:cubicBezTo>
                  <a:cubicBezTo>
                    <a:pt x="299195" y="806378"/>
                    <a:pt x="292700" y="817730"/>
                    <a:pt x="292700" y="819351"/>
                  </a:cubicBezTo>
                  <a:cubicBezTo>
                    <a:pt x="291076" y="820973"/>
                    <a:pt x="289452" y="822594"/>
                    <a:pt x="289452" y="824216"/>
                  </a:cubicBezTo>
                  <a:cubicBezTo>
                    <a:pt x="289452" y="827459"/>
                    <a:pt x="287828" y="827459"/>
                    <a:pt x="289452" y="830702"/>
                  </a:cubicBezTo>
                  <a:cubicBezTo>
                    <a:pt x="289452" y="835567"/>
                    <a:pt x="291076" y="835567"/>
                    <a:pt x="292700" y="837189"/>
                  </a:cubicBezTo>
                  <a:cubicBezTo>
                    <a:pt x="294323" y="838810"/>
                    <a:pt x="295947" y="838810"/>
                    <a:pt x="297571" y="842053"/>
                  </a:cubicBezTo>
                  <a:cubicBezTo>
                    <a:pt x="297571" y="845296"/>
                    <a:pt x="295947" y="845296"/>
                    <a:pt x="295947" y="846918"/>
                  </a:cubicBezTo>
                  <a:cubicBezTo>
                    <a:pt x="295947" y="846918"/>
                    <a:pt x="291076" y="850161"/>
                    <a:pt x="289452" y="850161"/>
                  </a:cubicBezTo>
                  <a:cubicBezTo>
                    <a:pt x="287828" y="851783"/>
                    <a:pt x="287828" y="850161"/>
                    <a:pt x="286204" y="853405"/>
                  </a:cubicBezTo>
                  <a:cubicBezTo>
                    <a:pt x="284581" y="856648"/>
                    <a:pt x="284581" y="856648"/>
                    <a:pt x="282957" y="859891"/>
                  </a:cubicBezTo>
                  <a:cubicBezTo>
                    <a:pt x="281333" y="861513"/>
                    <a:pt x="279709" y="861513"/>
                    <a:pt x="278085" y="863134"/>
                  </a:cubicBezTo>
                  <a:cubicBezTo>
                    <a:pt x="278085" y="864756"/>
                    <a:pt x="276462" y="864756"/>
                    <a:pt x="276462" y="866377"/>
                  </a:cubicBezTo>
                  <a:cubicBezTo>
                    <a:pt x="274838" y="867999"/>
                    <a:pt x="266719" y="871242"/>
                    <a:pt x="266719" y="871242"/>
                  </a:cubicBezTo>
                  <a:cubicBezTo>
                    <a:pt x="266719" y="871242"/>
                    <a:pt x="263471" y="872864"/>
                    <a:pt x="263471" y="874485"/>
                  </a:cubicBezTo>
                  <a:cubicBezTo>
                    <a:pt x="261847" y="876107"/>
                    <a:pt x="256976" y="882593"/>
                    <a:pt x="256976" y="882593"/>
                  </a:cubicBezTo>
                  <a:cubicBezTo>
                    <a:pt x="256976" y="882593"/>
                    <a:pt x="256976" y="882593"/>
                    <a:pt x="252105" y="884215"/>
                  </a:cubicBezTo>
                  <a:cubicBezTo>
                    <a:pt x="252105" y="884215"/>
                    <a:pt x="252105" y="884215"/>
                    <a:pt x="248857" y="885836"/>
                  </a:cubicBezTo>
                  <a:cubicBezTo>
                    <a:pt x="248857" y="885836"/>
                    <a:pt x="242362" y="884215"/>
                    <a:pt x="240738" y="885836"/>
                  </a:cubicBezTo>
                  <a:cubicBezTo>
                    <a:pt x="240738" y="885836"/>
                    <a:pt x="235867" y="887458"/>
                    <a:pt x="235867" y="887458"/>
                  </a:cubicBezTo>
                  <a:cubicBezTo>
                    <a:pt x="235867" y="887458"/>
                    <a:pt x="234243" y="885836"/>
                    <a:pt x="232619" y="885836"/>
                  </a:cubicBezTo>
                  <a:cubicBezTo>
                    <a:pt x="230995" y="885836"/>
                    <a:pt x="226124" y="885836"/>
                    <a:pt x="224500" y="885836"/>
                  </a:cubicBezTo>
                  <a:cubicBezTo>
                    <a:pt x="222876" y="887458"/>
                    <a:pt x="221253" y="887458"/>
                    <a:pt x="219629" y="885836"/>
                  </a:cubicBezTo>
                  <a:cubicBezTo>
                    <a:pt x="216381" y="885836"/>
                    <a:pt x="214757" y="885836"/>
                    <a:pt x="214757" y="887458"/>
                  </a:cubicBezTo>
                  <a:cubicBezTo>
                    <a:pt x="211510" y="889079"/>
                    <a:pt x="205015" y="890701"/>
                    <a:pt x="203391" y="890701"/>
                  </a:cubicBezTo>
                  <a:cubicBezTo>
                    <a:pt x="203391" y="890701"/>
                    <a:pt x="201767" y="893944"/>
                    <a:pt x="200143" y="895566"/>
                  </a:cubicBezTo>
                  <a:cubicBezTo>
                    <a:pt x="198519" y="897187"/>
                    <a:pt x="195272" y="898809"/>
                    <a:pt x="193648" y="898809"/>
                  </a:cubicBezTo>
                  <a:cubicBezTo>
                    <a:pt x="193648" y="898809"/>
                    <a:pt x="187153" y="897187"/>
                    <a:pt x="187153" y="895566"/>
                  </a:cubicBezTo>
                  <a:cubicBezTo>
                    <a:pt x="185529" y="893944"/>
                    <a:pt x="180658" y="887458"/>
                    <a:pt x="179034" y="887458"/>
                  </a:cubicBezTo>
                  <a:cubicBezTo>
                    <a:pt x="179034" y="885836"/>
                    <a:pt x="179034" y="880971"/>
                    <a:pt x="177410" y="879350"/>
                  </a:cubicBezTo>
                  <a:cubicBezTo>
                    <a:pt x="175786" y="879350"/>
                    <a:pt x="170915" y="877728"/>
                    <a:pt x="169291" y="877728"/>
                  </a:cubicBezTo>
                  <a:cubicBezTo>
                    <a:pt x="169291" y="876107"/>
                    <a:pt x="167667" y="874485"/>
                    <a:pt x="166043" y="876107"/>
                  </a:cubicBezTo>
                  <a:cubicBezTo>
                    <a:pt x="164420" y="876107"/>
                    <a:pt x="162796" y="876107"/>
                    <a:pt x="162796" y="876107"/>
                  </a:cubicBezTo>
                  <a:cubicBezTo>
                    <a:pt x="161172" y="876107"/>
                    <a:pt x="161172" y="876107"/>
                    <a:pt x="159548" y="877728"/>
                  </a:cubicBezTo>
                  <a:cubicBezTo>
                    <a:pt x="157924" y="879350"/>
                    <a:pt x="159548" y="879350"/>
                    <a:pt x="156301" y="879350"/>
                  </a:cubicBezTo>
                  <a:cubicBezTo>
                    <a:pt x="153053" y="879350"/>
                    <a:pt x="151429" y="879350"/>
                    <a:pt x="151429" y="879350"/>
                  </a:cubicBezTo>
                  <a:cubicBezTo>
                    <a:pt x="151429" y="879350"/>
                    <a:pt x="146558" y="877728"/>
                    <a:pt x="144934" y="876107"/>
                  </a:cubicBezTo>
                  <a:cubicBezTo>
                    <a:pt x="143310" y="876107"/>
                    <a:pt x="141687" y="876107"/>
                    <a:pt x="140063" y="876107"/>
                  </a:cubicBezTo>
                  <a:cubicBezTo>
                    <a:pt x="136815" y="877728"/>
                    <a:pt x="135191" y="877728"/>
                    <a:pt x="135191" y="877728"/>
                  </a:cubicBezTo>
                  <a:cubicBezTo>
                    <a:pt x="135191" y="877728"/>
                    <a:pt x="131944" y="877728"/>
                    <a:pt x="131944" y="876107"/>
                  </a:cubicBezTo>
                  <a:cubicBezTo>
                    <a:pt x="133568" y="872864"/>
                    <a:pt x="133568" y="869620"/>
                    <a:pt x="135191" y="866377"/>
                  </a:cubicBezTo>
                  <a:cubicBezTo>
                    <a:pt x="135191" y="864756"/>
                    <a:pt x="136815" y="859891"/>
                    <a:pt x="136815" y="858269"/>
                  </a:cubicBezTo>
                  <a:cubicBezTo>
                    <a:pt x="136815" y="856648"/>
                    <a:pt x="136815" y="853405"/>
                    <a:pt x="135191" y="851783"/>
                  </a:cubicBezTo>
                  <a:cubicBezTo>
                    <a:pt x="135191" y="851783"/>
                    <a:pt x="133568" y="846918"/>
                    <a:pt x="133568" y="846918"/>
                  </a:cubicBezTo>
                  <a:cubicBezTo>
                    <a:pt x="130320" y="846918"/>
                    <a:pt x="127072" y="848540"/>
                    <a:pt x="127072" y="845296"/>
                  </a:cubicBezTo>
                  <a:cubicBezTo>
                    <a:pt x="127072" y="843675"/>
                    <a:pt x="127072" y="840432"/>
                    <a:pt x="127072" y="838810"/>
                  </a:cubicBezTo>
                  <a:cubicBezTo>
                    <a:pt x="125449" y="838810"/>
                    <a:pt x="125449" y="838810"/>
                    <a:pt x="125449" y="835567"/>
                  </a:cubicBezTo>
                  <a:cubicBezTo>
                    <a:pt x="125449" y="832324"/>
                    <a:pt x="123825" y="833945"/>
                    <a:pt x="127072" y="829081"/>
                  </a:cubicBezTo>
                  <a:cubicBezTo>
                    <a:pt x="128696" y="825837"/>
                    <a:pt x="130320" y="825837"/>
                    <a:pt x="130320" y="822594"/>
                  </a:cubicBezTo>
                  <a:cubicBezTo>
                    <a:pt x="131944" y="817730"/>
                    <a:pt x="140063" y="798271"/>
                    <a:pt x="138439" y="798271"/>
                  </a:cubicBezTo>
                  <a:cubicBezTo>
                    <a:pt x="138439" y="796649"/>
                    <a:pt x="138439" y="791784"/>
                    <a:pt x="138439" y="790163"/>
                  </a:cubicBezTo>
                  <a:cubicBezTo>
                    <a:pt x="138439" y="788541"/>
                    <a:pt x="138439" y="783676"/>
                    <a:pt x="136815" y="782055"/>
                  </a:cubicBezTo>
                  <a:cubicBezTo>
                    <a:pt x="136815" y="782055"/>
                    <a:pt x="135191" y="780433"/>
                    <a:pt x="135191" y="777190"/>
                  </a:cubicBezTo>
                  <a:cubicBezTo>
                    <a:pt x="135191" y="773947"/>
                    <a:pt x="133568" y="773947"/>
                    <a:pt x="135191" y="770704"/>
                  </a:cubicBezTo>
                  <a:cubicBezTo>
                    <a:pt x="135191" y="770704"/>
                    <a:pt x="135191" y="770704"/>
                    <a:pt x="135191" y="769082"/>
                  </a:cubicBezTo>
                  <a:cubicBezTo>
                    <a:pt x="135191" y="765839"/>
                    <a:pt x="135191" y="764217"/>
                    <a:pt x="135191" y="762596"/>
                  </a:cubicBezTo>
                  <a:cubicBezTo>
                    <a:pt x="135191" y="760974"/>
                    <a:pt x="135191" y="762596"/>
                    <a:pt x="133568" y="759353"/>
                  </a:cubicBezTo>
                  <a:cubicBezTo>
                    <a:pt x="131944" y="754488"/>
                    <a:pt x="131944" y="754488"/>
                    <a:pt x="130320" y="752866"/>
                  </a:cubicBezTo>
                  <a:cubicBezTo>
                    <a:pt x="128696" y="752866"/>
                    <a:pt x="127072" y="751245"/>
                    <a:pt x="127072" y="749623"/>
                  </a:cubicBezTo>
                  <a:cubicBezTo>
                    <a:pt x="128696" y="748002"/>
                    <a:pt x="128696" y="744758"/>
                    <a:pt x="131944" y="744758"/>
                  </a:cubicBezTo>
                  <a:cubicBezTo>
                    <a:pt x="135191" y="743137"/>
                    <a:pt x="138439" y="741515"/>
                    <a:pt x="140063" y="741515"/>
                  </a:cubicBezTo>
                  <a:cubicBezTo>
                    <a:pt x="140063" y="743137"/>
                    <a:pt x="144934" y="743137"/>
                    <a:pt x="144934" y="741515"/>
                  </a:cubicBezTo>
                  <a:cubicBezTo>
                    <a:pt x="146558" y="739894"/>
                    <a:pt x="148182" y="736651"/>
                    <a:pt x="149805" y="735029"/>
                  </a:cubicBezTo>
                  <a:cubicBezTo>
                    <a:pt x="149805" y="733407"/>
                    <a:pt x="151429" y="731786"/>
                    <a:pt x="154677" y="731786"/>
                  </a:cubicBezTo>
                  <a:cubicBezTo>
                    <a:pt x="157924" y="731786"/>
                    <a:pt x="159548" y="733407"/>
                    <a:pt x="161172" y="735029"/>
                  </a:cubicBezTo>
                  <a:cubicBezTo>
                    <a:pt x="162796" y="736651"/>
                    <a:pt x="162796" y="736651"/>
                    <a:pt x="164420" y="738272"/>
                  </a:cubicBezTo>
                  <a:cubicBezTo>
                    <a:pt x="166043" y="738272"/>
                    <a:pt x="166043" y="738272"/>
                    <a:pt x="169291" y="738272"/>
                  </a:cubicBezTo>
                  <a:cubicBezTo>
                    <a:pt x="174162" y="738272"/>
                    <a:pt x="174162" y="736651"/>
                    <a:pt x="175786" y="736651"/>
                  </a:cubicBezTo>
                  <a:cubicBezTo>
                    <a:pt x="175786" y="736651"/>
                    <a:pt x="187153" y="735029"/>
                    <a:pt x="187153" y="735029"/>
                  </a:cubicBezTo>
                  <a:cubicBezTo>
                    <a:pt x="187153" y="736651"/>
                    <a:pt x="192024" y="736651"/>
                    <a:pt x="193648" y="738272"/>
                  </a:cubicBezTo>
                  <a:cubicBezTo>
                    <a:pt x="193648" y="738272"/>
                    <a:pt x="193648" y="738272"/>
                    <a:pt x="195272" y="738272"/>
                  </a:cubicBezTo>
                  <a:cubicBezTo>
                    <a:pt x="196896" y="738272"/>
                    <a:pt x="198519" y="738272"/>
                    <a:pt x="198519" y="738272"/>
                  </a:cubicBezTo>
                  <a:cubicBezTo>
                    <a:pt x="201767" y="738272"/>
                    <a:pt x="208262" y="739894"/>
                    <a:pt x="208262" y="739894"/>
                  </a:cubicBezTo>
                  <a:cubicBezTo>
                    <a:pt x="208262" y="739894"/>
                    <a:pt x="209886" y="739894"/>
                    <a:pt x="213134" y="739894"/>
                  </a:cubicBezTo>
                  <a:cubicBezTo>
                    <a:pt x="216381" y="738272"/>
                    <a:pt x="221253" y="736651"/>
                    <a:pt x="221253" y="736651"/>
                  </a:cubicBezTo>
                  <a:cubicBezTo>
                    <a:pt x="221253" y="736651"/>
                    <a:pt x="219629" y="736651"/>
                    <a:pt x="224500" y="736651"/>
                  </a:cubicBezTo>
                  <a:cubicBezTo>
                    <a:pt x="229372" y="738272"/>
                    <a:pt x="229372" y="739894"/>
                    <a:pt x="232619" y="739894"/>
                  </a:cubicBezTo>
                  <a:cubicBezTo>
                    <a:pt x="234243" y="739894"/>
                    <a:pt x="235867" y="739894"/>
                    <a:pt x="237491" y="739894"/>
                  </a:cubicBezTo>
                  <a:cubicBezTo>
                    <a:pt x="239114" y="738272"/>
                    <a:pt x="240738" y="738272"/>
                    <a:pt x="242362" y="738272"/>
                  </a:cubicBezTo>
                  <a:cubicBezTo>
                    <a:pt x="242362" y="739894"/>
                    <a:pt x="243986" y="739894"/>
                    <a:pt x="243986" y="739894"/>
                  </a:cubicBezTo>
                  <a:cubicBezTo>
                    <a:pt x="245610" y="739894"/>
                    <a:pt x="245610" y="739894"/>
                    <a:pt x="247233" y="739894"/>
                  </a:cubicBezTo>
                  <a:cubicBezTo>
                    <a:pt x="248857" y="739894"/>
                    <a:pt x="250481" y="739894"/>
                    <a:pt x="253728" y="739894"/>
                  </a:cubicBezTo>
                  <a:cubicBezTo>
                    <a:pt x="253728" y="741515"/>
                    <a:pt x="255352" y="739894"/>
                    <a:pt x="255352" y="739894"/>
                  </a:cubicBezTo>
                  <a:cubicBezTo>
                    <a:pt x="255352" y="739894"/>
                    <a:pt x="256976" y="739894"/>
                    <a:pt x="258600" y="739894"/>
                  </a:cubicBezTo>
                  <a:cubicBezTo>
                    <a:pt x="261847" y="741515"/>
                    <a:pt x="261847" y="741515"/>
                    <a:pt x="263471" y="738272"/>
                  </a:cubicBezTo>
                  <a:cubicBezTo>
                    <a:pt x="263471" y="738272"/>
                    <a:pt x="263471" y="738272"/>
                    <a:pt x="265095" y="738272"/>
                  </a:cubicBezTo>
                  <a:cubicBezTo>
                    <a:pt x="268343" y="735029"/>
                    <a:pt x="268343" y="736651"/>
                    <a:pt x="269966" y="733407"/>
                  </a:cubicBezTo>
                  <a:cubicBezTo>
                    <a:pt x="269966" y="730164"/>
                    <a:pt x="273214" y="713948"/>
                    <a:pt x="273214" y="712327"/>
                  </a:cubicBezTo>
                  <a:cubicBezTo>
                    <a:pt x="273214" y="709084"/>
                    <a:pt x="271590" y="699354"/>
                    <a:pt x="271590" y="699354"/>
                  </a:cubicBezTo>
                  <a:cubicBezTo>
                    <a:pt x="271590" y="699354"/>
                    <a:pt x="271590" y="699354"/>
                    <a:pt x="273214" y="694489"/>
                  </a:cubicBezTo>
                  <a:cubicBezTo>
                    <a:pt x="273214" y="694489"/>
                    <a:pt x="274838" y="689625"/>
                    <a:pt x="273214" y="688003"/>
                  </a:cubicBezTo>
                  <a:cubicBezTo>
                    <a:pt x="273214" y="688003"/>
                    <a:pt x="273214" y="683138"/>
                    <a:pt x="271590" y="681517"/>
                  </a:cubicBezTo>
                  <a:cubicBezTo>
                    <a:pt x="271590" y="679895"/>
                    <a:pt x="273214" y="678274"/>
                    <a:pt x="269966" y="678274"/>
                  </a:cubicBezTo>
                  <a:cubicBezTo>
                    <a:pt x="266719" y="676652"/>
                    <a:pt x="265095" y="675031"/>
                    <a:pt x="263471" y="673409"/>
                  </a:cubicBezTo>
                  <a:cubicBezTo>
                    <a:pt x="261847" y="671787"/>
                    <a:pt x="261847" y="671787"/>
                    <a:pt x="258600" y="668544"/>
                  </a:cubicBezTo>
                  <a:cubicBezTo>
                    <a:pt x="256976" y="665301"/>
                    <a:pt x="255352" y="663679"/>
                    <a:pt x="255352" y="662058"/>
                  </a:cubicBezTo>
                  <a:cubicBezTo>
                    <a:pt x="255352" y="660436"/>
                    <a:pt x="255352" y="658815"/>
                    <a:pt x="255352" y="657193"/>
                  </a:cubicBezTo>
                  <a:cubicBezTo>
                    <a:pt x="255352" y="657193"/>
                    <a:pt x="253728" y="653950"/>
                    <a:pt x="252105" y="653950"/>
                  </a:cubicBezTo>
                  <a:cubicBezTo>
                    <a:pt x="250481" y="653950"/>
                    <a:pt x="252105" y="650707"/>
                    <a:pt x="248857" y="650707"/>
                  </a:cubicBezTo>
                  <a:cubicBezTo>
                    <a:pt x="247233" y="650707"/>
                    <a:pt x="245610" y="649085"/>
                    <a:pt x="243986" y="649085"/>
                  </a:cubicBezTo>
                  <a:cubicBezTo>
                    <a:pt x="242362" y="649085"/>
                    <a:pt x="242362" y="645842"/>
                    <a:pt x="239114" y="647464"/>
                  </a:cubicBezTo>
                  <a:cubicBezTo>
                    <a:pt x="235867" y="649085"/>
                    <a:pt x="232619" y="645842"/>
                    <a:pt x="232619" y="644221"/>
                  </a:cubicBezTo>
                  <a:cubicBezTo>
                    <a:pt x="230995" y="642599"/>
                    <a:pt x="229372" y="640977"/>
                    <a:pt x="227748" y="640977"/>
                  </a:cubicBezTo>
                  <a:cubicBezTo>
                    <a:pt x="226124" y="640977"/>
                    <a:pt x="226124" y="639356"/>
                    <a:pt x="224500" y="639356"/>
                  </a:cubicBezTo>
                  <a:cubicBezTo>
                    <a:pt x="221253" y="640977"/>
                    <a:pt x="216381" y="640977"/>
                    <a:pt x="214757" y="639356"/>
                  </a:cubicBezTo>
                  <a:cubicBezTo>
                    <a:pt x="213134" y="637734"/>
                    <a:pt x="211510" y="636113"/>
                    <a:pt x="211510" y="632869"/>
                  </a:cubicBezTo>
                  <a:cubicBezTo>
                    <a:pt x="211510" y="629626"/>
                    <a:pt x="208262" y="626383"/>
                    <a:pt x="209886" y="624762"/>
                  </a:cubicBezTo>
                  <a:cubicBezTo>
                    <a:pt x="211510" y="623140"/>
                    <a:pt x="216381" y="618275"/>
                    <a:pt x="218005" y="618275"/>
                  </a:cubicBezTo>
                  <a:cubicBezTo>
                    <a:pt x="218005" y="618275"/>
                    <a:pt x="218005" y="618275"/>
                    <a:pt x="219629" y="618275"/>
                  </a:cubicBezTo>
                  <a:cubicBezTo>
                    <a:pt x="219629" y="618275"/>
                    <a:pt x="221253" y="618275"/>
                    <a:pt x="222876" y="618275"/>
                  </a:cubicBezTo>
                  <a:cubicBezTo>
                    <a:pt x="224500" y="616654"/>
                    <a:pt x="226124" y="616654"/>
                    <a:pt x="227748" y="618275"/>
                  </a:cubicBezTo>
                  <a:cubicBezTo>
                    <a:pt x="227748" y="618275"/>
                    <a:pt x="227748" y="618275"/>
                    <a:pt x="229372" y="618275"/>
                  </a:cubicBezTo>
                  <a:cubicBezTo>
                    <a:pt x="229372" y="616654"/>
                    <a:pt x="230995" y="615032"/>
                    <a:pt x="234243" y="615032"/>
                  </a:cubicBezTo>
                  <a:cubicBezTo>
                    <a:pt x="235867" y="615032"/>
                    <a:pt x="235867" y="615032"/>
                    <a:pt x="237491" y="616654"/>
                  </a:cubicBezTo>
                  <a:cubicBezTo>
                    <a:pt x="237491" y="616654"/>
                    <a:pt x="237491" y="616654"/>
                    <a:pt x="239114" y="616654"/>
                  </a:cubicBezTo>
                  <a:cubicBezTo>
                    <a:pt x="240738" y="615032"/>
                    <a:pt x="240738" y="615032"/>
                    <a:pt x="242362" y="616654"/>
                  </a:cubicBezTo>
                  <a:cubicBezTo>
                    <a:pt x="243986" y="619897"/>
                    <a:pt x="243986" y="619897"/>
                    <a:pt x="247233" y="619897"/>
                  </a:cubicBezTo>
                  <a:cubicBezTo>
                    <a:pt x="248857" y="619897"/>
                    <a:pt x="250481" y="619897"/>
                    <a:pt x="252105" y="619897"/>
                  </a:cubicBezTo>
                  <a:cubicBezTo>
                    <a:pt x="253728" y="619897"/>
                    <a:pt x="255352" y="618275"/>
                    <a:pt x="256976" y="619897"/>
                  </a:cubicBezTo>
                  <a:cubicBezTo>
                    <a:pt x="258600" y="621518"/>
                    <a:pt x="258600" y="619897"/>
                    <a:pt x="260224" y="619897"/>
                  </a:cubicBezTo>
                  <a:cubicBezTo>
                    <a:pt x="261847" y="619897"/>
                    <a:pt x="261847" y="619897"/>
                    <a:pt x="263471" y="621518"/>
                  </a:cubicBezTo>
                  <a:cubicBezTo>
                    <a:pt x="265095" y="621518"/>
                    <a:pt x="268343" y="624762"/>
                    <a:pt x="266719" y="621518"/>
                  </a:cubicBezTo>
                  <a:cubicBezTo>
                    <a:pt x="266719" y="616654"/>
                    <a:pt x="268343" y="613411"/>
                    <a:pt x="265095" y="611789"/>
                  </a:cubicBezTo>
                  <a:cubicBezTo>
                    <a:pt x="263471" y="611789"/>
                    <a:pt x="261847" y="606924"/>
                    <a:pt x="261847" y="605303"/>
                  </a:cubicBezTo>
                  <a:cubicBezTo>
                    <a:pt x="260224" y="603681"/>
                    <a:pt x="260224" y="602059"/>
                    <a:pt x="258600" y="600438"/>
                  </a:cubicBezTo>
                  <a:cubicBezTo>
                    <a:pt x="256976" y="598816"/>
                    <a:pt x="255352" y="597195"/>
                    <a:pt x="258600" y="597195"/>
                  </a:cubicBezTo>
                  <a:cubicBezTo>
                    <a:pt x="260224" y="595573"/>
                    <a:pt x="266719" y="597195"/>
                    <a:pt x="269966" y="598816"/>
                  </a:cubicBezTo>
                  <a:cubicBezTo>
                    <a:pt x="271590" y="598816"/>
                    <a:pt x="276462" y="600438"/>
                    <a:pt x="278085" y="602059"/>
                  </a:cubicBezTo>
                  <a:cubicBezTo>
                    <a:pt x="278085" y="603681"/>
                    <a:pt x="281333" y="603681"/>
                    <a:pt x="282957" y="605303"/>
                  </a:cubicBezTo>
                  <a:cubicBezTo>
                    <a:pt x="284581" y="605303"/>
                    <a:pt x="286204" y="605303"/>
                    <a:pt x="289452" y="603681"/>
                  </a:cubicBezTo>
                  <a:cubicBezTo>
                    <a:pt x="291076" y="603681"/>
                    <a:pt x="294323" y="603681"/>
                    <a:pt x="294323" y="603681"/>
                  </a:cubicBezTo>
                  <a:cubicBezTo>
                    <a:pt x="295947" y="605303"/>
                    <a:pt x="300819" y="605303"/>
                    <a:pt x="300819" y="602059"/>
                  </a:cubicBezTo>
                  <a:cubicBezTo>
                    <a:pt x="300819" y="600438"/>
                    <a:pt x="302442" y="598816"/>
                    <a:pt x="302442" y="597195"/>
                  </a:cubicBezTo>
                  <a:cubicBezTo>
                    <a:pt x="300819" y="593952"/>
                    <a:pt x="304066" y="592330"/>
                    <a:pt x="304066" y="592330"/>
                  </a:cubicBezTo>
                  <a:cubicBezTo>
                    <a:pt x="304066" y="592330"/>
                    <a:pt x="307314" y="592330"/>
                    <a:pt x="308938" y="590708"/>
                  </a:cubicBezTo>
                  <a:cubicBezTo>
                    <a:pt x="312185" y="590708"/>
                    <a:pt x="315433" y="590708"/>
                    <a:pt x="317057" y="589087"/>
                  </a:cubicBezTo>
                  <a:cubicBezTo>
                    <a:pt x="318680" y="587465"/>
                    <a:pt x="325176" y="582601"/>
                    <a:pt x="325176" y="582601"/>
                  </a:cubicBezTo>
                  <a:cubicBezTo>
                    <a:pt x="325176" y="582601"/>
                    <a:pt x="323552" y="576114"/>
                    <a:pt x="323552" y="574493"/>
                  </a:cubicBezTo>
                  <a:cubicBezTo>
                    <a:pt x="323552" y="574493"/>
                    <a:pt x="323552" y="571249"/>
                    <a:pt x="325176" y="569628"/>
                  </a:cubicBezTo>
                  <a:cubicBezTo>
                    <a:pt x="326799" y="568006"/>
                    <a:pt x="331671" y="561520"/>
                    <a:pt x="333295" y="563142"/>
                  </a:cubicBezTo>
                  <a:cubicBezTo>
                    <a:pt x="333295" y="563142"/>
                    <a:pt x="333295" y="563142"/>
                    <a:pt x="334918" y="563142"/>
                  </a:cubicBezTo>
                  <a:cubicBezTo>
                    <a:pt x="334918" y="563142"/>
                    <a:pt x="334918" y="561520"/>
                    <a:pt x="336542" y="563142"/>
                  </a:cubicBezTo>
                  <a:cubicBezTo>
                    <a:pt x="338166" y="563142"/>
                    <a:pt x="338166" y="563142"/>
                    <a:pt x="339790" y="561520"/>
                  </a:cubicBezTo>
                  <a:cubicBezTo>
                    <a:pt x="341414" y="561520"/>
                    <a:pt x="344661" y="559898"/>
                    <a:pt x="344661" y="559898"/>
                  </a:cubicBezTo>
                  <a:cubicBezTo>
                    <a:pt x="344661" y="558277"/>
                    <a:pt x="351156" y="555034"/>
                    <a:pt x="351156" y="555034"/>
                  </a:cubicBezTo>
                  <a:cubicBezTo>
                    <a:pt x="351156" y="555034"/>
                    <a:pt x="351156" y="555034"/>
                    <a:pt x="356028" y="550169"/>
                  </a:cubicBezTo>
                  <a:cubicBezTo>
                    <a:pt x="359275" y="550169"/>
                    <a:pt x="362523" y="546926"/>
                    <a:pt x="364147" y="546926"/>
                  </a:cubicBezTo>
                  <a:cubicBezTo>
                    <a:pt x="364147" y="546926"/>
                    <a:pt x="370642" y="538818"/>
                    <a:pt x="370642" y="538818"/>
                  </a:cubicBezTo>
                  <a:cubicBezTo>
                    <a:pt x="370642" y="538818"/>
                    <a:pt x="373889" y="535575"/>
                    <a:pt x="373889" y="533953"/>
                  </a:cubicBezTo>
                  <a:cubicBezTo>
                    <a:pt x="373889" y="533953"/>
                    <a:pt x="375513" y="530710"/>
                    <a:pt x="375513" y="529088"/>
                  </a:cubicBezTo>
                  <a:cubicBezTo>
                    <a:pt x="377137" y="527467"/>
                    <a:pt x="380385" y="522602"/>
                    <a:pt x="380385" y="522602"/>
                  </a:cubicBezTo>
                  <a:cubicBezTo>
                    <a:pt x="380385" y="522602"/>
                    <a:pt x="385256" y="519359"/>
                    <a:pt x="386880" y="516116"/>
                  </a:cubicBezTo>
                  <a:cubicBezTo>
                    <a:pt x="386880" y="514494"/>
                    <a:pt x="388504" y="511251"/>
                    <a:pt x="388504" y="511251"/>
                  </a:cubicBezTo>
                  <a:cubicBezTo>
                    <a:pt x="390127" y="509629"/>
                    <a:pt x="394999" y="506386"/>
                    <a:pt x="394999" y="506386"/>
                  </a:cubicBezTo>
                  <a:cubicBezTo>
                    <a:pt x="394999" y="506386"/>
                    <a:pt x="398246" y="503143"/>
                    <a:pt x="401494" y="503143"/>
                  </a:cubicBezTo>
                  <a:cubicBezTo>
                    <a:pt x="401494" y="504765"/>
                    <a:pt x="403118" y="504765"/>
                    <a:pt x="404742" y="503143"/>
                  </a:cubicBezTo>
                  <a:cubicBezTo>
                    <a:pt x="406365" y="503143"/>
                    <a:pt x="407989" y="503143"/>
                    <a:pt x="409613" y="504765"/>
                  </a:cubicBezTo>
                  <a:cubicBezTo>
                    <a:pt x="409613" y="504765"/>
                    <a:pt x="416108" y="503143"/>
                    <a:pt x="417732" y="503143"/>
                  </a:cubicBezTo>
                  <a:cubicBezTo>
                    <a:pt x="417732" y="503143"/>
                    <a:pt x="417732" y="503143"/>
                    <a:pt x="419356" y="501522"/>
                  </a:cubicBezTo>
                  <a:cubicBezTo>
                    <a:pt x="419356" y="501522"/>
                    <a:pt x="420980" y="499900"/>
                    <a:pt x="420980" y="499900"/>
                  </a:cubicBezTo>
                  <a:cubicBezTo>
                    <a:pt x="420980" y="499900"/>
                    <a:pt x="424227" y="496657"/>
                    <a:pt x="425851" y="498278"/>
                  </a:cubicBezTo>
                  <a:cubicBezTo>
                    <a:pt x="427475" y="498278"/>
                    <a:pt x="427475" y="498278"/>
                    <a:pt x="429099" y="496657"/>
                  </a:cubicBezTo>
                  <a:cubicBezTo>
                    <a:pt x="430722" y="496657"/>
                    <a:pt x="432346" y="496657"/>
                    <a:pt x="433970" y="498278"/>
                  </a:cubicBezTo>
                  <a:cubicBezTo>
                    <a:pt x="435594" y="499900"/>
                    <a:pt x="442089" y="501522"/>
                    <a:pt x="443713" y="501522"/>
                  </a:cubicBezTo>
                  <a:cubicBezTo>
                    <a:pt x="443713" y="503143"/>
                    <a:pt x="445336" y="504765"/>
                    <a:pt x="446960" y="499900"/>
                  </a:cubicBezTo>
                  <a:cubicBezTo>
                    <a:pt x="446960" y="495035"/>
                    <a:pt x="448584" y="493414"/>
                    <a:pt x="448584" y="493414"/>
                  </a:cubicBezTo>
                  <a:cubicBezTo>
                    <a:pt x="450208" y="493414"/>
                    <a:pt x="453455" y="491792"/>
                    <a:pt x="453455" y="491792"/>
                  </a:cubicBezTo>
                  <a:cubicBezTo>
                    <a:pt x="453455" y="490170"/>
                    <a:pt x="453455" y="485306"/>
                    <a:pt x="453455" y="485306"/>
                  </a:cubicBezTo>
                  <a:cubicBezTo>
                    <a:pt x="453455" y="485306"/>
                    <a:pt x="453455" y="485306"/>
                    <a:pt x="451832" y="478819"/>
                  </a:cubicBezTo>
                  <a:cubicBezTo>
                    <a:pt x="451832" y="478819"/>
                    <a:pt x="448584" y="478819"/>
                    <a:pt x="446960" y="477198"/>
                  </a:cubicBezTo>
                  <a:cubicBezTo>
                    <a:pt x="446960" y="477198"/>
                    <a:pt x="446960" y="472333"/>
                    <a:pt x="446960" y="472333"/>
                  </a:cubicBezTo>
                  <a:cubicBezTo>
                    <a:pt x="445336" y="472333"/>
                    <a:pt x="445336" y="470712"/>
                    <a:pt x="445336" y="469090"/>
                  </a:cubicBezTo>
                  <a:cubicBezTo>
                    <a:pt x="443713" y="465847"/>
                    <a:pt x="440465" y="467468"/>
                    <a:pt x="443713" y="462604"/>
                  </a:cubicBezTo>
                  <a:cubicBezTo>
                    <a:pt x="448584" y="459361"/>
                    <a:pt x="451832" y="459361"/>
                    <a:pt x="450208" y="459361"/>
                  </a:cubicBezTo>
                  <a:cubicBezTo>
                    <a:pt x="448584" y="457739"/>
                    <a:pt x="445336" y="454496"/>
                    <a:pt x="443713" y="454496"/>
                  </a:cubicBezTo>
                  <a:cubicBezTo>
                    <a:pt x="442089" y="454496"/>
                    <a:pt x="438841" y="454496"/>
                    <a:pt x="438841" y="452874"/>
                  </a:cubicBezTo>
                  <a:cubicBezTo>
                    <a:pt x="437218" y="446388"/>
                    <a:pt x="438841" y="436658"/>
                    <a:pt x="438841" y="436658"/>
                  </a:cubicBezTo>
                  <a:cubicBezTo>
                    <a:pt x="438841" y="436658"/>
                    <a:pt x="437218" y="431794"/>
                    <a:pt x="437218" y="430172"/>
                  </a:cubicBezTo>
                  <a:cubicBezTo>
                    <a:pt x="437218" y="426929"/>
                    <a:pt x="438841" y="422064"/>
                    <a:pt x="438841" y="420443"/>
                  </a:cubicBezTo>
                  <a:cubicBezTo>
                    <a:pt x="440465" y="420443"/>
                    <a:pt x="442089" y="415578"/>
                    <a:pt x="443713" y="415578"/>
                  </a:cubicBezTo>
                  <a:cubicBezTo>
                    <a:pt x="445336" y="415578"/>
                    <a:pt x="448584" y="412335"/>
                    <a:pt x="448584" y="412335"/>
                  </a:cubicBezTo>
                  <a:cubicBezTo>
                    <a:pt x="450208" y="412335"/>
                    <a:pt x="450208" y="412335"/>
                    <a:pt x="451832" y="410713"/>
                  </a:cubicBezTo>
                  <a:cubicBezTo>
                    <a:pt x="451832" y="410713"/>
                    <a:pt x="453455" y="409092"/>
                    <a:pt x="455079" y="410713"/>
                  </a:cubicBezTo>
                  <a:cubicBezTo>
                    <a:pt x="456703" y="410713"/>
                    <a:pt x="459951" y="410713"/>
                    <a:pt x="461574" y="409092"/>
                  </a:cubicBezTo>
                  <a:cubicBezTo>
                    <a:pt x="464822" y="409092"/>
                    <a:pt x="469693" y="405848"/>
                    <a:pt x="469693" y="404227"/>
                  </a:cubicBezTo>
                  <a:cubicBezTo>
                    <a:pt x="469693" y="402605"/>
                    <a:pt x="472941" y="399362"/>
                    <a:pt x="474565" y="397741"/>
                  </a:cubicBezTo>
                  <a:cubicBezTo>
                    <a:pt x="476189" y="396119"/>
                    <a:pt x="482684" y="391254"/>
                    <a:pt x="482684" y="392876"/>
                  </a:cubicBezTo>
                  <a:cubicBezTo>
                    <a:pt x="484308" y="394497"/>
                    <a:pt x="485931" y="396119"/>
                    <a:pt x="485931" y="397741"/>
                  </a:cubicBezTo>
                  <a:cubicBezTo>
                    <a:pt x="485931" y="400984"/>
                    <a:pt x="484308" y="404227"/>
                    <a:pt x="484308" y="405848"/>
                  </a:cubicBezTo>
                  <a:cubicBezTo>
                    <a:pt x="484308" y="405848"/>
                    <a:pt x="487555" y="410713"/>
                    <a:pt x="485931" y="413956"/>
                  </a:cubicBezTo>
                  <a:cubicBezTo>
                    <a:pt x="482684" y="415578"/>
                    <a:pt x="479436" y="417199"/>
                    <a:pt x="479436" y="418821"/>
                  </a:cubicBezTo>
                  <a:cubicBezTo>
                    <a:pt x="479436" y="422064"/>
                    <a:pt x="477812" y="426929"/>
                    <a:pt x="479436" y="426929"/>
                  </a:cubicBezTo>
                  <a:cubicBezTo>
                    <a:pt x="481060" y="428551"/>
                    <a:pt x="484308" y="428551"/>
                    <a:pt x="485931" y="428551"/>
                  </a:cubicBezTo>
                  <a:cubicBezTo>
                    <a:pt x="487555" y="430172"/>
                    <a:pt x="490803" y="430172"/>
                    <a:pt x="490803" y="431794"/>
                  </a:cubicBezTo>
                  <a:cubicBezTo>
                    <a:pt x="490803" y="433415"/>
                    <a:pt x="490803" y="438280"/>
                    <a:pt x="489179" y="438280"/>
                  </a:cubicBezTo>
                  <a:cubicBezTo>
                    <a:pt x="487555" y="438280"/>
                    <a:pt x="482684" y="439902"/>
                    <a:pt x="481060" y="439902"/>
                  </a:cubicBezTo>
                  <a:cubicBezTo>
                    <a:pt x="481060" y="439902"/>
                    <a:pt x="474565" y="441523"/>
                    <a:pt x="474565" y="443145"/>
                  </a:cubicBezTo>
                  <a:cubicBezTo>
                    <a:pt x="472941" y="444766"/>
                    <a:pt x="472941" y="448009"/>
                    <a:pt x="474565" y="448009"/>
                  </a:cubicBezTo>
                  <a:cubicBezTo>
                    <a:pt x="474565" y="449631"/>
                    <a:pt x="471317" y="448009"/>
                    <a:pt x="469693" y="451253"/>
                  </a:cubicBezTo>
                  <a:cubicBezTo>
                    <a:pt x="468070" y="452874"/>
                    <a:pt x="464822" y="454496"/>
                    <a:pt x="464822" y="456117"/>
                  </a:cubicBezTo>
                  <a:cubicBezTo>
                    <a:pt x="464822" y="459361"/>
                    <a:pt x="464822" y="462604"/>
                    <a:pt x="466446" y="464225"/>
                  </a:cubicBezTo>
                  <a:cubicBezTo>
                    <a:pt x="468070" y="465847"/>
                    <a:pt x="468070" y="465847"/>
                    <a:pt x="471317" y="465847"/>
                  </a:cubicBezTo>
                  <a:cubicBezTo>
                    <a:pt x="474565" y="467468"/>
                    <a:pt x="476189" y="469090"/>
                    <a:pt x="476189" y="470712"/>
                  </a:cubicBezTo>
                  <a:cubicBezTo>
                    <a:pt x="474565" y="472333"/>
                    <a:pt x="474565" y="472333"/>
                    <a:pt x="474565" y="473955"/>
                  </a:cubicBezTo>
                  <a:cubicBezTo>
                    <a:pt x="474565" y="477198"/>
                    <a:pt x="479436" y="480441"/>
                    <a:pt x="481060" y="480441"/>
                  </a:cubicBezTo>
                  <a:cubicBezTo>
                    <a:pt x="485931" y="483684"/>
                    <a:pt x="487555" y="483684"/>
                    <a:pt x="490803" y="482063"/>
                  </a:cubicBezTo>
                  <a:cubicBezTo>
                    <a:pt x="492427" y="482063"/>
                    <a:pt x="494050" y="482063"/>
                    <a:pt x="494050" y="483684"/>
                  </a:cubicBezTo>
                  <a:cubicBezTo>
                    <a:pt x="494050" y="485306"/>
                    <a:pt x="490803" y="488549"/>
                    <a:pt x="492427" y="490170"/>
                  </a:cubicBezTo>
                  <a:cubicBezTo>
                    <a:pt x="492427" y="490170"/>
                    <a:pt x="494050" y="490170"/>
                    <a:pt x="495674" y="490170"/>
                  </a:cubicBezTo>
                  <a:cubicBezTo>
                    <a:pt x="498922" y="490170"/>
                    <a:pt x="498922" y="490170"/>
                    <a:pt x="502169" y="488549"/>
                  </a:cubicBezTo>
                  <a:cubicBezTo>
                    <a:pt x="505417" y="486927"/>
                    <a:pt x="508665" y="483684"/>
                    <a:pt x="511912" y="482063"/>
                  </a:cubicBezTo>
                  <a:cubicBezTo>
                    <a:pt x="515160" y="480441"/>
                    <a:pt x="516784" y="477198"/>
                    <a:pt x="518408" y="478819"/>
                  </a:cubicBezTo>
                  <a:cubicBezTo>
                    <a:pt x="518408" y="478819"/>
                    <a:pt x="520032" y="478819"/>
                    <a:pt x="520032" y="477198"/>
                  </a:cubicBezTo>
                  <a:cubicBezTo>
                    <a:pt x="521655" y="477198"/>
                    <a:pt x="523279" y="475576"/>
                    <a:pt x="524903" y="477198"/>
                  </a:cubicBezTo>
                  <a:cubicBezTo>
                    <a:pt x="526527" y="478819"/>
                    <a:pt x="539517" y="488549"/>
                    <a:pt x="541141" y="488549"/>
                  </a:cubicBezTo>
                  <a:cubicBezTo>
                    <a:pt x="542765" y="490170"/>
                    <a:pt x="546012" y="490170"/>
                    <a:pt x="547636" y="491792"/>
                  </a:cubicBezTo>
                  <a:cubicBezTo>
                    <a:pt x="547636" y="495035"/>
                    <a:pt x="547636" y="495035"/>
                    <a:pt x="549260" y="493414"/>
                  </a:cubicBezTo>
                  <a:cubicBezTo>
                    <a:pt x="549260" y="493414"/>
                    <a:pt x="550884" y="493414"/>
                    <a:pt x="550884" y="493414"/>
                  </a:cubicBezTo>
                  <a:cubicBezTo>
                    <a:pt x="554131" y="493414"/>
                    <a:pt x="557379" y="490170"/>
                    <a:pt x="560627" y="488549"/>
                  </a:cubicBezTo>
                  <a:cubicBezTo>
                    <a:pt x="562250" y="486927"/>
                    <a:pt x="562250" y="486927"/>
                    <a:pt x="565498" y="485306"/>
                  </a:cubicBezTo>
                  <a:cubicBezTo>
                    <a:pt x="568746" y="485306"/>
                    <a:pt x="573617" y="485306"/>
                    <a:pt x="573617" y="485306"/>
                  </a:cubicBezTo>
                  <a:cubicBezTo>
                    <a:pt x="573617" y="485306"/>
                    <a:pt x="575241" y="485306"/>
                    <a:pt x="576864" y="483684"/>
                  </a:cubicBezTo>
                  <a:cubicBezTo>
                    <a:pt x="580112" y="483684"/>
                    <a:pt x="586607" y="478819"/>
                    <a:pt x="589855" y="477198"/>
                  </a:cubicBezTo>
                  <a:cubicBezTo>
                    <a:pt x="593102" y="475576"/>
                    <a:pt x="601221" y="472333"/>
                    <a:pt x="601221" y="472333"/>
                  </a:cubicBezTo>
                  <a:cubicBezTo>
                    <a:pt x="601221" y="472333"/>
                    <a:pt x="604469" y="472333"/>
                    <a:pt x="607717" y="472333"/>
                  </a:cubicBezTo>
                  <a:cubicBezTo>
                    <a:pt x="610964" y="470712"/>
                    <a:pt x="615836" y="469090"/>
                    <a:pt x="615836" y="469090"/>
                  </a:cubicBezTo>
                  <a:cubicBezTo>
                    <a:pt x="617459" y="470712"/>
                    <a:pt x="623955" y="473955"/>
                    <a:pt x="623955" y="473955"/>
                  </a:cubicBezTo>
                  <a:cubicBezTo>
                    <a:pt x="623955" y="473955"/>
                    <a:pt x="623955" y="473955"/>
                    <a:pt x="627202" y="480441"/>
                  </a:cubicBezTo>
                  <a:cubicBezTo>
                    <a:pt x="627202" y="480441"/>
                    <a:pt x="627202" y="480441"/>
                    <a:pt x="632074" y="482063"/>
                  </a:cubicBezTo>
                  <a:cubicBezTo>
                    <a:pt x="635321" y="483684"/>
                    <a:pt x="638569" y="482063"/>
                    <a:pt x="641816" y="480441"/>
                  </a:cubicBezTo>
                  <a:cubicBezTo>
                    <a:pt x="643440" y="480441"/>
                    <a:pt x="643440" y="480441"/>
                    <a:pt x="645064" y="478819"/>
                  </a:cubicBezTo>
                  <a:cubicBezTo>
                    <a:pt x="646688" y="477198"/>
                    <a:pt x="648312" y="470712"/>
                    <a:pt x="653183" y="472333"/>
                  </a:cubicBezTo>
                  <a:cubicBezTo>
                    <a:pt x="654807" y="472333"/>
                    <a:pt x="654807" y="472333"/>
                    <a:pt x="656431" y="470712"/>
                  </a:cubicBezTo>
                  <a:cubicBezTo>
                    <a:pt x="656431" y="470712"/>
                    <a:pt x="656431" y="470712"/>
                    <a:pt x="658054" y="470712"/>
                  </a:cubicBezTo>
                  <a:cubicBezTo>
                    <a:pt x="661302" y="472333"/>
                    <a:pt x="664549" y="469090"/>
                    <a:pt x="664549" y="465847"/>
                  </a:cubicBezTo>
                  <a:cubicBezTo>
                    <a:pt x="666173" y="462604"/>
                    <a:pt x="664549" y="459361"/>
                    <a:pt x="667797" y="459361"/>
                  </a:cubicBezTo>
                  <a:cubicBezTo>
                    <a:pt x="669421" y="459361"/>
                    <a:pt x="671045" y="457739"/>
                    <a:pt x="671045" y="456117"/>
                  </a:cubicBezTo>
                  <a:cubicBezTo>
                    <a:pt x="671045" y="454496"/>
                    <a:pt x="671045" y="452874"/>
                    <a:pt x="671045" y="451253"/>
                  </a:cubicBezTo>
                  <a:cubicBezTo>
                    <a:pt x="669421" y="448009"/>
                    <a:pt x="666173" y="446388"/>
                    <a:pt x="667797" y="446388"/>
                  </a:cubicBezTo>
                  <a:cubicBezTo>
                    <a:pt x="667797" y="444766"/>
                    <a:pt x="671045" y="439902"/>
                    <a:pt x="671045" y="438280"/>
                  </a:cubicBezTo>
                  <a:cubicBezTo>
                    <a:pt x="671045" y="438280"/>
                    <a:pt x="671045" y="435037"/>
                    <a:pt x="671045" y="435037"/>
                  </a:cubicBezTo>
                  <a:cubicBezTo>
                    <a:pt x="671045" y="435037"/>
                    <a:pt x="671045" y="435037"/>
                    <a:pt x="667797" y="431794"/>
                  </a:cubicBezTo>
                  <a:cubicBezTo>
                    <a:pt x="667797" y="431794"/>
                    <a:pt x="667797" y="428551"/>
                    <a:pt x="669421" y="428551"/>
                  </a:cubicBezTo>
                  <a:cubicBezTo>
                    <a:pt x="669421" y="428551"/>
                    <a:pt x="674292" y="428551"/>
                    <a:pt x="671045" y="425307"/>
                  </a:cubicBezTo>
                  <a:cubicBezTo>
                    <a:pt x="669421" y="423686"/>
                    <a:pt x="667797" y="420443"/>
                    <a:pt x="669421" y="418821"/>
                  </a:cubicBezTo>
                  <a:cubicBezTo>
                    <a:pt x="672668" y="417199"/>
                    <a:pt x="672668" y="415578"/>
                    <a:pt x="674292" y="415578"/>
                  </a:cubicBezTo>
                  <a:cubicBezTo>
                    <a:pt x="674292" y="415578"/>
                    <a:pt x="674292" y="413956"/>
                    <a:pt x="675916" y="413956"/>
                  </a:cubicBezTo>
                  <a:cubicBezTo>
                    <a:pt x="677540" y="412335"/>
                    <a:pt x="675916" y="409092"/>
                    <a:pt x="677540" y="407470"/>
                  </a:cubicBezTo>
                  <a:cubicBezTo>
                    <a:pt x="679164" y="405848"/>
                    <a:pt x="679164" y="404227"/>
                    <a:pt x="680787" y="402605"/>
                  </a:cubicBezTo>
                  <a:cubicBezTo>
                    <a:pt x="682411" y="400984"/>
                    <a:pt x="685659" y="397741"/>
                    <a:pt x="687283" y="397741"/>
                  </a:cubicBezTo>
                  <a:cubicBezTo>
                    <a:pt x="688906" y="397741"/>
                    <a:pt x="690530" y="396119"/>
                    <a:pt x="692154" y="396119"/>
                  </a:cubicBezTo>
                  <a:cubicBezTo>
                    <a:pt x="692154" y="397741"/>
                    <a:pt x="695402" y="396119"/>
                    <a:pt x="695402" y="399362"/>
                  </a:cubicBezTo>
                  <a:cubicBezTo>
                    <a:pt x="697025" y="400984"/>
                    <a:pt x="700273" y="400984"/>
                    <a:pt x="701897" y="400984"/>
                  </a:cubicBezTo>
                  <a:cubicBezTo>
                    <a:pt x="701897" y="400984"/>
                    <a:pt x="703521" y="400984"/>
                    <a:pt x="703521" y="400984"/>
                  </a:cubicBezTo>
                  <a:cubicBezTo>
                    <a:pt x="703521" y="400984"/>
                    <a:pt x="705144" y="400984"/>
                    <a:pt x="705144" y="402605"/>
                  </a:cubicBezTo>
                  <a:cubicBezTo>
                    <a:pt x="705144" y="407470"/>
                    <a:pt x="710016" y="405848"/>
                    <a:pt x="710016" y="407470"/>
                  </a:cubicBezTo>
                  <a:cubicBezTo>
                    <a:pt x="710016" y="410713"/>
                    <a:pt x="719759" y="412335"/>
                    <a:pt x="719759" y="412335"/>
                  </a:cubicBezTo>
                  <a:cubicBezTo>
                    <a:pt x="719759" y="413956"/>
                    <a:pt x="724630" y="410713"/>
                    <a:pt x="724630" y="410713"/>
                  </a:cubicBezTo>
                  <a:cubicBezTo>
                    <a:pt x="724630" y="410713"/>
                    <a:pt x="724630" y="410713"/>
                    <a:pt x="729501" y="404227"/>
                  </a:cubicBezTo>
                  <a:cubicBezTo>
                    <a:pt x="729501" y="404227"/>
                    <a:pt x="729501" y="399362"/>
                    <a:pt x="729501" y="397741"/>
                  </a:cubicBezTo>
                  <a:cubicBezTo>
                    <a:pt x="729501" y="394497"/>
                    <a:pt x="732749" y="397741"/>
                    <a:pt x="731125" y="392876"/>
                  </a:cubicBezTo>
                  <a:cubicBezTo>
                    <a:pt x="731125" y="391254"/>
                    <a:pt x="731125" y="391254"/>
                    <a:pt x="731125" y="389633"/>
                  </a:cubicBezTo>
                  <a:cubicBezTo>
                    <a:pt x="727878" y="381525"/>
                    <a:pt x="727878" y="381525"/>
                    <a:pt x="726254" y="383146"/>
                  </a:cubicBezTo>
                  <a:cubicBezTo>
                    <a:pt x="724630" y="383146"/>
                    <a:pt x="723006" y="383146"/>
                    <a:pt x="719759" y="379903"/>
                  </a:cubicBezTo>
                  <a:cubicBezTo>
                    <a:pt x="718135" y="376660"/>
                    <a:pt x="718135" y="376660"/>
                    <a:pt x="716511" y="373417"/>
                  </a:cubicBezTo>
                  <a:cubicBezTo>
                    <a:pt x="714887" y="371795"/>
                    <a:pt x="714887" y="368552"/>
                    <a:pt x="714887" y="366930"/>
                  </a:cubicBezTo>
                  <a:cubicBezTo>
                    <a:pt x="714887" y="365309"/>
                    <a:pt x="710016" y="363687"/>
                    <a:pt x="713263" y="360444"/>
                  </a:cubicBezTo>
                  <a:cubicBezTo>
                    <a:pt x="716511" y="357201"/>
                    <a:pt x="719759" y="358823"/>
                    <a:pt x="721382" y="355579"/>
                  </a:cubicBezTo>
                  <a:cubicBezTo>
                    <a:pt x="723006" y="352336"/>
                    <a:pt x="723006" y="349093"/>
                    <a:pt x="726254" y="349093"/>
                  </a:cubicBezTo>
                  <a:cubicBezTo>
                    <a:pt x="727878" y="350715"/>
                    <a:pt x="735997" y="349093"/>
                    <a:pt x="735997" y="349093"/>
                  </a:cubicBezTo>
                  <a:cubicBezTo>
                    <a:pt x="735997" y="349093"/>
                    <a:pt x="744116" y="344228"/>
                    <a:pt x="745739" y="345850"/>
                  </a:cubicBezTo>
                  <a:cubicBezTo>
                    <a:pt x="747363" y="347472"/>
                    <a:pt x="748987" y="345850"/>
                    <a:pt x="750611" y="345850"/>
                  </a:cubicBezTo>
                  <a:cubicBezTo>
                    <a:pt x="750611" y="345850"/>
                    <a:pt x="752235" y="344228"/>
                    <a:pt x="753858" y="344228"/>
                  </a:cubicBezTo>
                  <a:cubicBezTo>
                    <a:pt x="755482" y="344228"/>
                    <a:pt x="755482" y="344228"/>
                    <a:pt x="757106" y="344228"/>
                  </a:cubicBezTo>
                  <a:cubicBezTo>
                    <a:pt x="758730" y="344228"/>
                    <a:pt x="760353" y="344228"/>
                    <a:pt x="761977" y="344228"/>
                  </a:cubicBezTo>
                  <a:cubicBezTo>
                    <a:pt x="763601" y="344228"/>
                    <a:pt x="763601" y="344228"/>
                    <a:pt x="765225" y="344228"/>
                  </a:cubicBezTo>
                  <a:cubicBezTo>
                    <a:pt x="766849" y="345850"/>
                    <a:pt x="768472" y="345850"/>
                    <a:pt x="770096" y="345850"/>
                  </a:cubicBezTo>
                  <a:cubicBezTo>
                    <a:pt x="771720" y="345850"/>
                    <a:pt x="771720" y="344228"/>
                    <a:pt x="773344" y="345850"/>
                  </a:cubicBezTo>
                  <a:cubicBezTo>
                    <a:pt x="773344" y="345850"/>
                    <a:pt x="774968" y="345850"/>
                    <a:pt x="776591" y="345850"/>
                  </a:cubicBezTo>
                  <a:cubicBezTo>
                    <a:pt x="778215" y="345850"/>
                    <a:pt x="779839" y="345850"/>
                    <a:pt x="779839" y="347472"/>
                  </a:cubicBezTo>
                  <a:cubicBezTo>
                    <a:pt x="781463" y="349093"/>
                    <a:pt x="783087" y="349093"/>
                    <a:pt x="784710" y="347472"/>
                  </a:cubicBezTo>
                  <a:cubicBezTo>
                    <a:pt x="784710" y="347472"/>
                    <a:pt x="786334" y="347472"/>
                    <a:pt x="786334" y="349093"/>
                  </a:cubicBezTo>
                  <a:cubicBezTo>
                    <a:pt x="787958" y="349093"/>
                    <a:pt x="787958" y="349093"/>
                    <a:pt x="789582" y="349093"/>
                  </a:cubicBezTo>
                  <a:cubicBezTo>
                    <a:pt x="791206" y="349093"/>
                    <a:pt x="791206" y="347472"/>
                    <a:pt x="792829" y="349093"/>
                  </a:cubicBezTo>
                  <a:cubicBezTo>
                    <a:pt x="792829" y="349093"/>
                    <a:pt x="796077" y="345850"/>
                    <a:pt x="796077" y="345850"/>
                  </a:cubicBezTo>
                  <a:cubicBezTo>
                    <a:pt x="796077" y="345850"/>
                    <a:pt x="800948" y="340985"/>
                    <a:pt x="800948" y="340985"/>
                  </a:cubicBezTo>
                  <a:cubicBezTo>
                    <a:pt x="802572" y="340985"/>
                    <a:pt x="802572" y="340985"/>
                    <a:pt x="804196" y="340985"/>
                  </a:cubicBezTo>
                  <a:cubicBezTo>
                    <a:pt x="805820" y="339364"/>
                    <a:pt x="805820" y="339364"/>
                    <a:pt x="807444" y="339364"/>
                  </a:cubicBezTo>
                  <a:cubicBezTo>
                    <a:pt x="807444" y="339364"/>
                    <a:pt x="809067" y="337742"/>
                    <a:pt x="810691" y="337742"/>
                  </a:cubicBezTo>
                  <a:cubicBezTo>
                    <a:pt x="812315" y="336120"/>
                    <a:pt x="813939" y="336120"/>
                    <a:pt x="815563" y="336120"/>
                  </a:cubicBezTo>
                  <a:cubicBezTo>
                    <a:pt x="815563" y="336120"/>
                    <a:pt x="815563" y="336120"/>
                    <a:pt x="817186" y="336120"/>
                  </a:cubicBezTo>
                  <a:cubicBezTo>
                    <a:pt x="817186" y="334499"/>
                    <a:pt x="818810" y="334499"/>
                    <a:pt x="820434" y="334499"/>
                  </a:cubicBezTo>
                  <a:cubicBezTo>
                    <a:pt x="820434" y="336120"/>
                    <a:pt x="822058" y="336120"/>
                    <a:pt x="822058" y="334499"/>
                  </a:cubicBezTo>
                  <a:cubicBezTo>
                    <a:pt x="823682" y="334499"/>
                    <a:pt x="823682" y="334499"/>
                    <a:pt x="825305" y="334499"/>
                  </a:cubicBezTo>
                  <a:cubicBezTo>
                    <a:pt x="826929" y="334499"/>
                    <a:pt x="826929" y="334499"/>
                    <a:pt x="828553" y="334499"/>
                  </a:cubicBezTo>
                  <a:cubicBezTo>
                    <a:pt x="830177" y="334499"/>
                    <a:pt x="831801" y="332877"/>
                    <a:pt x="831801" y="334499"/>
                  </a:cubicBezTo>
                  <a:cubicBezTo>
                    <a:pt x="831801" y="334499"/>
                    <a:pt x="831801" y="332877"/>
                    <a:pt x="830177" y="331256"/>
                  </a:cubicBezTo>
                  <a:cubicBezTo>
                    <a:pt x="830177" y="331256"/>
                    <a:pt x="828553" y="329634"/>
                    <a:pt x="826929" y="329634"/>
                  </a:cubicBezTo>
                  <a:cubicBezTo>
                    <a:pt x="826929" y="331256"/>
                    <a:pt x="825305" y="331256"/>
                    <a:pt x="823682" y="329634"/>
                  </a:cubicBezTo>
                  <a:cubicBezTo>
                    <a:pt x="822058" y="329634"/>
                    <a:pt x="820434" y="329634"/>
                    <a:pt x="820434" y="331256"/>
                  </a:cubicBezTo>
                  <a:cubicBezTo>
                    <a:pt x="818810" y="331256"/>
                    <a:pt x="815563" y="331256"/>
                    <a:pt x="812315" y="329634"/>
                  </a:cubicBezTo>
                  <a:cubicBezTo>
                    <a:pt x="810691" y="329634"/>
                    <a:pt x="809067" y="328013"/>
                    <a:pt x="807444" y="326391"/>
                  </a:cubicBezTo>
                  <a:cubicBezTo>
                    <a:pt x="805820" y="323148"/>
                    <a:pt x="807444" y="321526"/>
                    <a:pt x="805820" y="321526"/>
                  </a:cubicBezTo>
                  <a:cubicBezTo>
                    <a:pt x="802572" y="319905"/>
                    <a:pt x="804196" y="318283"/>
                    <a:pt x="800948" y="318283"/>
                  </a:cubicBezTo>
                  <a:cubicBezTo>
                    <a:pt x="799325" y="319905"/>
                    <a:pt x="797701" y="319905"/>
                    <a:pt x="797701" y="319905"/>
                  </a:cubicBezTo>
                  <a:cubicBezTo>
                    <a:pt x="796077" y="319905"/>
                    <a:pt x="796077" y="319905"/>
                    <a:pt x="794453" y="319905"/>
                  </a:cubicBezTo>
                  <a:cubicBezTo>
                    <a:pt x="789582" y="323148"/>
                    <a:pt x="786334" y="323148"/>
                    <a:pt x="786334" y="323148"/>
                  </a:cubicBezTo>
                  <a:cubicBezTo>
                    <a:pt x="779839" y="323148"/>
                    <a:pt x="776591" y="321526"/>
                    <a:pt x="774968" y="321526"/>
                  </a:cubicBezTo>
                  <a:cubicBezTo>
                    <a:pt x="773344" y="321526"/>
                    <a:pt x="776591" y="316662"/>
                    <a:pt x="770096" y="319905"/>
                  </a:cubicBezTo>
                  <a:cubicBezTo>
                    <a:pt x="763601" y="323148"/>
                    <a:pt x="761977" y="323148"/>
                    <a:pt x="760353" y="324769"/>
                  </a:cubicBezTo>
                  <a:cubicBezTo>
                    <a:pt x="760353" y="324769"/>
                    <a:pt x="760353" y="324769"/>
                    <a:pt x="758730" y="324769"/>
                  </a:cubicBezTo>
                  <a:cubicBezTo>
                    <a:pt x="757106" y="324769"/>
                    <a:pt x="757106" y="324769"/>
                    <a:pt x="755482" y="324769"/>
                  </a:cubicBezTo>
                  <a:cubicBezTo>
                    <a:pt x="753858" y="324769"/>
                    <a:pt x="753858" y="324769"/>
                    <a:pt x="752235" y="324769"/>
                  </a:cubicBezTo>
                  <a:cubicBezTo>
                    <a:pt x="750611" y="324769"/>
                    <a:pt x="748987" y="324769"/>
                    <a:pt x="748987" y="324769"/>
                  </a:cubicBezTo>
                  <a:cubicBezTo>
                    <a:pt x="747363" y="326391"/>
                    <a:pt x="747363" y="328013"/>
                    <a:pt x="744116" y="329634"/>
                  </a:cubicBezTo>
                  <a:cubicBezTo>
                    <a:pt x="739244" y="332877"/>
                    <a:pt x="737620" y="331256"/>
                    <a:pt x="735997" y="332877"/>
                  </a:cubicBezTo>
                  <a:cubicBezTo>
                    <a:pt x="735997" y="332877"/>
                    <a:pt x="734373" y="332877"/>
                    <a:pt x="734373" y="332877"/>
                  </a:cubicBezTo>
                  <a:cubicBezTo>
                    <a:pt x="734373" y="332877"/>
                    <a:pt x="734373" y="331256"/>
                    <a:pt x="732749" y="332877"/>
                  </a:cubicBezTo>
                  <a:cubicBezTo>
                    <a:pt x="731125" y="334499"/>
                    <a:pt x="731125" y="334499"/>
                    <a:pt x="729501" y="334499"/>
                  </a:cubicBezTo>
                  <a:cubicBezTo>
                    <a:pt x="726254" y="336120"/>
                    <a:pt x="726254" y="336120"/>
                    <a:pt x="723006" y="337742"/>
                  </a:cubicBezTo>
                  <a:cubicBezTo>
                    <a:pt x="721382" y="339364"/>
                    <a:pt x="713263" y="337742"/>
                    <a:pt x="711640" y="336120"/>
                  </a:cubicBezTo>
                  <a:cubicBezTo>
                    <a:pt x="710016" y="334499"/>
                    <a:pt x="708392" y="336120"/>
                    <a:pt x="706768" y="332877"/>
                  </a:cubicBezTo>
                  <a:cubicBezTo>
                    <a:pt x="705144" y="329634"/>
                    <a:pt x="705144" y="326391"/>
                    <a:pt x="703521" y="326391"/>
                  </a:cubicBezTo>
                  <a:cubicBezTo>
                    <a:pt x="700273" y="326391"/>
                    <a:pt x="698649" y="323148"/>
                    <a:pt x="697025" y="323148"/>
                  </a:cubicBezTo>
                  <a:cubicBezTo>
                    <a:pt x="693778" y="323148"/>
                    <a:pt x="690530" y="324769"/>
                    <a:pt x="687283" y="323148"/>
                  </a:cubicBezTo>
                  <a:cubicBezTo>
                    <a:pt x="685659" y="321526"/>
                    <a:pt x="682411" y="321526"/>
                    <a:pt x="682411" y="319905"/>
                  </a:cubicBezTo>
                  <a:cubicBezTo>
                    <a:pt x="680787" y="319905"/>
                    <a:pt x="680787" y="319905"/>
                    <a:pt x="680787" y="319905"/>
                  </a:cubicBezTo>
                  <a:cubicBezTo>
                    <a:pt x="680787" y="319905"/>
                    <a:pt x="680787" y="319905"/>
                    <a:pt x="679164" y="316662"/>
                  </a:cubicBezTo>
                  <a:cubicBezTo>
                    <a:pt x="675916" y="310175"/>
                    <a:pt x="682411" y="292338"/>
                    <a:pt x="682411" y="292338"/>
                  </a:cubicBezTo>
                  <a:cubicBezTo>
                    <a:pt x="682411" y="292338"/>
                    <a:pt x="684035" y="284230"/>
                    <a:pt x="680787" y="284230"/>
                  </a:cubicBezTo>
                  <a:cubicBezTo>
                    <a:pt x="679164" y="282608"/>
                    <a:pt x="675916" y="276122"/>
                    <a:pt x="674292" y="274500"/>
                  </a:cubicBezTo>
                  <a:cubicBezTo>
                    <a:pt x="672668" y="274500"/>
                    <a:pt x="671045" y="269636"/>
                    <a:pt x="671045" y="266393"/>
                  </a:cubicBezTo>
                  <a:cubicBezTo>
                    <a:pt x="671045" y="263149"/>
                    <a:pt x="672668" y="259906"/>
                    <a:pt x="672668" y="258285"/>
                  </a:cubicBezTo>
                  <a:cubicBezTo>
                    <a:pt x="672668" y="256663"/>
                    <a:pt x="672668" y="256663"/>
                    <a:pt x="674292" y="253420"/>
                  </a:cubicBezTo>
                  <a:cubicBezTo>
                    <a:pt x="677540" y="251798"/>
                    <a:pt x="679164" y="248555"/>
                    <a:pt x="679164" y="246934"/>
                  </a:cubicBezTo>
                  <a:cubicBezTo>
                    <a:pt x="680787" y="245312"/>
                    <a:pt x="682411" y="243690"/>
                    <a:pt x="684035" y="243690"/>
                  </a:cubicBezTo>
                  <a:cubicBezTo>
                    <a:pt x="685659" y="243690"/>
                    <a:pt x="690530" y="243690"/>
                    <a:pt x="692154" y="242069"/>
                  </a:cubicBezTo>
                  <a:cubicBezTo>
                    <a:pt x="693778" y="242069"/>
                    <a:pt x="698649" y="238826"/>
                    <a:pt x="698649" y="238826"/>
                  </a:cubicBezTo>
                  <a:cubicBezTo>
                    <a:pt x="698649" y="237204"/>
                    <a:pt x="698649" y="235583"/>
                    <a:pt x="698649" y="233961"/>
                  </a:cubicBezTo>
                  <a:cubicBezTo>
                    <a:pt x="698649" y="232339"/>
                    <a:pt x="705144" y="229096"/>
                    <a:pt x="705144" y="229096"/>
                  </a:cubicBezTo>
                  <a:cubicBezTo>
                    <a:pt x="705144" y="229096"/>
                    <a:pt x="708392" y="229096"/>
                    <a:pt x="711640" y="225853"/>
                  </a:cubicBezTo>
                  <a:cubicBezTo>
                    <a:pt x="713263" y="222610"/>
                    <a:pt x="714887" y="222610"/>
                    <a:pt x="716511" y="220988"/>
                  </a:cubicBezTo>
                  <a:cubicBezTo>
                    <a:pt x="716511" y="220988"/>
                    <a:pt x="723006" y="216124"/>
                    <a:pt x="723006" y="216124"/>
                  </a:cubicBezTo>
                  <a:cubicBezTo>
                    <a:pt x="723006" y="216124"/>
                    <a:pt x="724630" y="212880"/>
                    <a:pt x="726254" y="211259"/>
                  </a:cubicBezTo>
                  <a:cubicBezTo>
                    <a:pt x="726254" y="209637"/>
                    <a:pt x="726254" y="209637"/>
                    <a:pt x="729501" y="208016"/>
                  </a:cubicBezTo>
                  <a:cubicBezTo>
                    <a:pt x="732749" y="206394"/>
                    <a:pt x="735997" y="203151"/>
                    <a:pt x="735997" y="203151"/>
                  </a:cubicBezTo>
                  <a:cubicBezTo>
                    <a:pt x="735997" y="201529"/>
                    <a:pt x="737620" y="195043"/>
                    <a:pt x="737620" y="195043"/>
                  </a:cubicBezTo>
                  <a:cubicBezTo>
                    <a:pt x="737620" y="196665"/>
                    <a:pt x="742492" y="195043"/>
                    <a:pt x="742492" y="195043"/>
                  </a:cubicBezTo>
                  <a:cubicBezTo>
                    <a:pt x="742492" y="195043"/>
                    <a:pt x="747363" y="198286"/>
                    <a:pt x="747363" y="198286"/>
                  </a:cubicBezTo>
                  <a:cubicBezTo>
                    <a:pt x="747363" y="196665"/>
                    <a:pt x="747363" y="188557"/>
                    <a:pt x="747363" y="188557"/>
                  </a:cubicBezTo>
                  <a:cubicBezTo>
                    <a:pt x="747363" y="188557"/>
                    <a:pt x="745739" y="183692"/>
                    <a:pt x="744116" y="182070"/>
                  </a:cubicBezTo>
                  <a:cubicBezTo>
                    <a:pt x="744116" y="182070"/>
                    <a:pt x="745739" y="177206"/>
                    <a:pt x="742492" y="177206"/>
                  </a:cubicBezTo>
                  <a:cubicBezTo>
                    <a:pt x="740868" y="175584"/>
                    <a:pt x="739244" y="173963"/>
                    <a:pt x="735997" y="173963"/>
                  </a:cubicBezTo>
                  <a:cubicBezTo>
                    <a:pt x="734373" y="172341"/>
                    <a:pt x="732749" y="169098"/>
                    <a:pt x="729501" y="170719"/>
                  </a:cubicBezTo>
                  <a:cubicBezTo>
                    <a:pt x="729501" y="172341"/>
                    <a:pt x="727878" y="172341"/>
                    <a:pt x="727878" y="172341"/>
                  </a:cubicBezTo>
                  <a:cubicBezTo>
                    <a:pt x="726254" y="173963"/>
                    <a:pt x="726254" y="173963"/>
                    <a:pt x="724630" y="173963"/>
                  </a:cubicBezTo>
                  <a:cubicBezTo>
                    <a:pt x="724630" y="175584"/>
                    <a:pt x="724630" y="173963"/>
                    <a:pt x="723006" y="172341"/>
                  </a:cubicBezTo>
                  <a:cubicBezTo>
                    <a:pt x="723006" y="172341"/>
                    <a:pt x="723006" y="170719"/>
                    <a:pt x="721382" y="170719"/>
                  </a:cubicBezTo>
                  <a:cubicBezTo>
                    <a:pt x="718135" y="172341"/>
                    <a:pt x="718135" y="170719"/>
                    <a:pt x="718135" y="170719"/>
                  </a:cubicBezTo>
                  <a:cubicBezTo>
                    <a:pt x="716511" y="170719"/>
                    <a:pt x="716511" y="169098"/>
                    <a:pt x="716511" y="170719"/>
                  </a:cubicBezTo>
                  <a:cubicBezTo>
                    <a:pt x="714887" y="170719"/>
                    <a:pt x="714887" y="170719"/>
                    <a:pt x="714887" y="170719"/>
                  </a:cubicBezTo>
                  <a:cubicBezTo>
                    <a:pt x="713263" y="169098"/>
                    <a:pt x="713263" y="169098"/>
                    <a:pt x="713263" y="170719"/>
                  </a:cubicBezTo>
                  <a:cubicBezTo>
                    <a:pt x="711640" y="170719"/>
                    <a:pt x="710016" y="170719"/>
                    <a:pt x="710016" y="170719"/>
                  </a:cubicBezTo>
                  <a:cubicBezTo>
                    <a:pt x="708392" y="170719"/>
                    <a:pt x="708392" y="170719"/>
                    <a:pt x="708392" y="170719"/>
                  </a:cubicBezTo>
                  <a:cubicBezTo>
                    <a:pt x="706768" y="170719"/>
                    <a:pt x="706768" y="170719"/>
                    <a:pt x="705144" y="169098"/>
                  </a:cubicBezTo>
                  <a:cubicBezTo>
                    <a:pt x="705144" y="169098"/>
                    <a:pt x="703521" y="169098"/>
                    <a:pt x="703521" y="169098"/>
                  </a:cubicBezTo>
                  <a:cubicBezTo>
                    <a:pt x="701897" y="169098"/>
                    <a:pt x="701897" y="169098"/>
                    <a:pt x="701897" y="169098"/>
                  </a:cubicBezTo>
                  <a:cubicBezTo>
                    <a:pt x="701897" y="169098"/>
                    <a:pt x="700273" y="169098"/>
                    <a:pt x="698649" y="170719"/>
                  </a:cubicBezTo>
                  <a:cubicBezTo>
                    <a:pt x="697025" y="172341"/>
                    <a:pt x="697025" y="173963"/>
                    <a:pt x="695402" y="175584"/>
                  </a:cubicBezTo>
                  <a:cubicBezTo>
                    <a:pt x="693778" y="177206"/>
                    <a:pt x="693778" y="177206"/>
                    <a:pt x="690530" y="178827"/>
                  </a:cubicBezTo>
                  <a:cubicBezTo>
                    <a:pt x="688906" y="182070"/>
                    <a:pt x="687283" y="182070"/>
                    <a:pt x="685659" y="182070"/>
                  </a:cubicBezTo>
                  <a:cubicBezTo>
                    <a:pt x="684035" y="183692"/>
                    <a:pt x="684035" y="183692"/>
                    <a:pt x="682411" y="186935"/>
                  </a:cubicBezTo>
                  <a:cubicBezTo>
                    <a:pt x="680787" y="190178"/>
                    <a:pt x="680787" y="188557"/>
                    <a:pt x="679164" y="191800"/>
                  </a:cubicBezTo>
                  <a:cubicBezTo>
                    <a:pt x="675916" y="195043"/>
                    <a:pt x="675916" y="195043"/>
                    <a:pt x="674292" y="198286"/>
                  </a:cubicBezTo>
                  <a:cubicBezTo>
                    <a:pt x="674292" y="199908"/>
                    <a:pt x="675916" y="199908"/>
                    <a:pt x="677540" y="203151"/>
                  </a:cubicBezTo>
                  <a:cubicBezTo>
                    <a:pt x="679164" y="206394"/>
                    <a:pt x="680787" y="204773"/>
                    <a:pt x="680787" y="206394"/>
                  </a:cubicBezTo>
                  <a:cubicBezTo>
                    <a:pt x="680787" y="209637"/>
                    <a:pt x="679164" y="211259"/>
                    <a:pt x="679164" y="212880"/>
                  </a:cubicBezTo>
                  <a:cubicBezTo>
                    <a:pt x="677540" y="212880"/>
                    <a:pt x="679164" y="212880"/>
                    <a:pt x="677540" y="216124"/>
                  </a:cubicBezTo>
                  <a:cubicBezTo>
                    <a:pt x="675916" y="217745"/>
                    <a:pt x="674292" y="217745"/>
                    <a:pt x="671045" y="220988"/>
                  </a:cubicBezTo>
                  <a:cubicBezTo>
                    <a:pt x="669421" y="224231"/>
                    <a:pt x="667797" y="225853"/>
                    <a:pt x="666173" y="227475"/>
                  </a:cubicBezTo>
                  <a:cubicBezTo>
                    <a:pt x="664549" y="229096"/>
                    <a:pt x="664549" y="229096"/>
                    <a:pt x="661302" y="230718"/>
                  </a:cubicBezTo>
                  <a:cubicBezTo>
                    <a:pt x="661302" y="230718"/>
                    <a:pt x="659678" y="230718"/>
                    <a:pt x="658054" y="230718"/>
                  </a:cubicBezTo>
                  <a:cubicBezTo>
                    <a:pt x="658054" y="230718"/>
                    <a:pt x="656431" y="230718"/>
                    <a:pt x="656431" y="232339"/>
                  </a:cubicBezTo>
                  <a:cubicBezTo>
                    <a:pt x="654807" y="232339"/>
                    <a:pt x="653183" y="233961"/>
                    <a:pt x="651559" y="235583"/>
                  </a:cubicBezTo>
                  <a:cubicBezTo>
                    <a:pt x="649935" y="237204"/>
                    <a:pt x="649935" y="235583"/>
                    <a:pt x="645064" y="238826"/>
                  </a:cubicBezTo>
                  <a:cubicBezTo>
                    <a:pt x="641816" y="240447"/>
                    <a:pt x="638569" y="242069"/>
                    <a:pt x="636945" y="243690"/>
                  </a:cubicBezTo>
                  <a:cubicBezTo>
                    <a:pt x="635321" y="245312"/>
                    <a:pt x="630450" y="245312"/>
                    <a:pt x="628826" y="246934"/>
                  </a:cubicBezTo>
                  <a:cubicBezTo>
                    <a:pt x="627202" y="248555"/>
                    <a:pt x="623955" y="253420"/>
                    <a:pt x="622331" y="253420"/>
                  </a:cubicBezTo>
                  <a:cubicBezTo>
                    <a:pt x="620707" y="253420"/>
                    <a:pt x="619083" y="251798"/>
                    <a:pt x="619083" y="251798"/>
                  </a:cubicBezTo>
                  <a:cubicBezTo>
                    <a:pt x="617459" y="251798"/>
                    <a:pt x="614212" y="248555"/>
                    <a:pt x="615836" y="251798"/>
                  </a:cubicBezTo>
                  <a:cubicBezTo>
                    <a:pt x="615836" y="255042"/>
                    <a:pt x="617459" y="256663"/>
                    <a:pt x="615836" y="258285"/>
                  </a:cubicBezTo>
                  <a:cubicBezTo>
                    <a:pt x="615836" y="258285"/>
                    <a:pt x="617459" y="259906"/>
                    <a:pt x="617459" y="261528"/>
                  </a:cubicBezTo>
                  <a:cubicBezTo>
                    <a:pt x="617459" y="263149"/>
                    <a:pt x="615836" y="264771"/>
                    <a:pt x="614212" y="264771"/>
                  </a:cubicBezTo>
                  <a:cubicBezTo>
                    <a:pt x="612588" y="266393"/>
                    <a:pt x="612588" y="266393"/>
                    <a:pt x="610964" y="264771"/>
                  </a:cubicBezTo>
                  <a:cubicBezTo>
                    <a:pt x="610964" y="264771"/>
                    <a:pt x="609340" y="264771"/>
                    <a:pt x="609340" y="264771"/>
                  </a:cubicBezTo>
                  <a:cubicBezTo>
                    <a:pt x="609340" y="264771"/>
                    <a:pt x="607717" y="264771"/>
                    <a:pt x="607717" y="264771"/>
                  </a:cubicBezTo>
                  <a:cubicBezTo>
                    <a:pt x="607717" y="264771"/>
                    <a:pt x="607717" y="264771"/>
                    <a:pt x="606093" y="266393"/>
                  </a:cubicBezTo>
                  <a:cubicBezTo>
                    <a:pt x="606093" y="269636"/>
                    <a:pt x="607717" y="269636"/>
                    <a:pt x="609340" y="271257"/>
                  </a:cubicBezTo>
                  <a:cubicBezTo>
                    <a:pt x="609340" y="276122"/>
                    <a:pt x="610964" y="272879"/>
                    <a:pt x="609340" y="276122"/>
                  </a:cubicBezTo>
                  <a:cubicBezTo>
                    <a:pt x="607717" y="279365"/>
                    <a:pt x="607717" y="277744"/>
                    <a:pt x="606093" y="279365"/>
                  </a:cubicBezTo>
                  <a:cubicBezTo>
                    <a:pt x="606093" y="282608"/>
                    <a:pt x="606093" y="280987"/>
                    <a:pt x="606093" y="282608"/>
                  </a:cubicBezTo>
                  <a:cubicBezTo>
                    <a:pt x="606093" y="285852"/>
                    <a:pt x="607717" y="285852"/>
                    <a:pt x="606093" y="289095"/>
                  </a:cubicBezTo>
                  <a:cubicBezTo>
                    <a:pt x="606093" y="290716"/>
                    <a:pt x="602845" y="289095"/>
                    <a:pt x="602845" y="290716"/>
                  </a:cubicBezTo>
                  <a:cubicBezTo>
                    <a:pt x="602845" y="292338"/>
                    <a:pt x="602845" y="292338"/>
                    <a:pt x="602845" y="293959"/>
                  </a:cubicBezTo>
                  <a:cubicBezTo>
                    <a:pt x="601221" y="297203"/>
                    <a:pt x="602845" y="298824"/>
                    <a:pt x="602845" y="302067"/>
                  </a:cubicBezTo>
                  <a:cubicBezTo>
                    <a:pt x="604469" y="306932"/>
                    <a:pt x="604469" y="306932"/>
                    <a:pt x="604469" y="310175"/>
                  </a:cubicBezTo>
                  <a:cubicBezTo>
                    <a:pt x="602845" y="315040"/>
                    <a:pt x="602845" y="315040"/>
                    <a:pt x="602845" y="315040"/>
                  </a:cubicBezTo>
                  <a:cubicBezTo>
                    <a:pt x="604469" y="315040"/>
                    <a:pt x="604469" y="315040"/>
                    <a:pt x="606093" y="316662"/>
                  </a:cubicBezTo>
                  <a:cubicBezTo>
                    <a:pt x="609340" y="316662"/>
                    <a:pt x="609340" y="315040"/>
                    <a:pt x="612588" y="318283"/>
                  </a:cubicBezTo>
                  <a:cubicBezTo>
                    <a:pt x="612588" y="318283"/>
                    <a:pt x="614212" y="316662"/>
                    <a:pt x="617459" y="321526"/>
                  </a:cubicBezTo>
                  <a:cubicBezTo>
                    <a:pt x="623955" y="326391"/>
                    <a:pt x="623955" y="328013"/>
                    <a:pt x="625578" y="328013"/>
                  </a:cubicBezTo>
                  <a:cubicBezTo>
                    <a:pt x="627202" y="328013"/>
                    <a:pt x="627202" y="328013"/>
                    <a:pt x="627202" y="328013"/>
                  </a:cubicBezTo>
                  <a:cubicBezTo>
                    <a:pt x="628826" y="328013"/>
                    <a:pt x="630450" y="328013"/>
                    <a:pt x="630450" y="329634"/>
                  </a:cubicBezTo>
                  <a:cubicBezTo>
                    <a:pt x="630450" y="331256"/>
                    <a:pt x="632074" y="332877"/>
                    <a:pt x="632074" y="334499"/>
                  </a:cubicBezTo>
                  <a:cubicBezTo>
                    <a:pt x="635321" y="339364"/>
                    <a:pt x="635321" y="336120"/>
                    <a:pt x="635321" y="339364"/>
                  </a:cubicBezTo>
                  <a:cubicBezTo>
                    <a:pt x="633697" y="342607"/>
                    <a:pt x="635321" y="340985"/>
                    <a:pt x="633697" y="342607"/>
                  </a:cubicBezTo>
                  <a:cubicBezTo>
                    <a:pt x="632074" y="345850"/>
                    <a:pt x="628826" y="345850"/>
                    <a:pt x="628826" y="347472"/>
                  </a:cubicBezTo>
                  <a:cubicBezTo>
                    <a:pt x="628826" y="349093"/>
                    <a:pt x="627202" y="349093"/>
                    <a:pt x="627202" y="350715"/>
                  </a:cubicBezTo>
                  <a:cubicBezTo>
                    <a:pt x="627202" y="350715"/>
                    <a:pt x="627202" y="350715"/>
                    <a:pt x="628826" y="352336"/>
                  </a:cubicBezTo>
                  <a:cubicBezTo>
                    <a:pt x="628826" y="353958"/>
                    <a:pt x="627202" y="355579"/>
                    <a:pt x="627202" y="357201"/>
                  </a:cubicBezTo>
                  <a:cubicBezTo>
                    <a:pt x="627202" y="357201"/>
                    <a:pt x="623955" y="360444"/>
                    <a:pt x="623955" y="362066"/>
                  </a:cubicBezTo>
                  <a:cubicBezTo>
                    <a:pt x="622331" y="362066"/>
                    <a:pt x="620707" y="363687"/>
                    <a:pt x="619083" y="363687"/>
                  </a:cubicBezTo>
                  <a:cubicBezTo>
                    <a:pt x="617459" y="365309"/>
                    <a:pt x="615836" y="363687"/>
                    <a:pt x="615836" y="365309"/>
                  </a:cubicBezTo>
                  <a:cubicBezTo>
                    <a:pt x="614212" y="366930"/>
                    <a:pt x="612588" y="368552"/>
                    <a:pt x="612588" y="368552"/>
                  </a:cubicBezTo>
                  <a:cubicBezTo>
                    <a:pt x="612588" y="368552"/>
                    <a:pt x="609340" y="368552"/>
                    <a:pt x="607717" y="368552"/>
                  </a:cubicBezTo>
                  <a:cubicBezTo>
                    <a:pt x="604469" y="370174"/>
                    <a:pt x="601221" y="371795"/>
                    <a:pt x="601221" y="371795"/>
                  </a:cubicBezTo>
                  <a:cubicBezTo>
                    <a:pt x="601221" y="371795"/>
                    <a:pt x="599598" y="370174"/>
                    <a:pt x="597974" y="371795"/>
                  </a:cubicBezTo>
                  <a:cubicBezTo>
                    <a:pt x="597974" y="373417"/>
                    <a:pt x="596350" y="373417"/>
                    <a:pt x="594726" y="376660"/>
                  </a:cubicBezTo>
                  <a:cubicBezTo>
                    <a:pt x="594726" y="381525"/>
                    <a:pt x="593102" y="376660"/>
                    <a:pt x="593102" y="381525"/>
                  </a:cubicBezTo>
                  <a:cubicBezTo>
                    <a:pt x="593102" y="386389"/>
                    <a:pt x="594726" y="389633"/>
                    <a:pt x="594726" y="391254"/>
                  </a:cubicBezTo>
                  <a:cubicBezTo>
                    <a:pt x="594726" y="394497"/>
                    <a:pt x="593102" y="396119"/>
                    <a:pt x="593102" y="396119"/>
                  </a:cubicBezTo>
                  <a:cubicBezTo>
                    <a:pt x="593102" y="397741"/>
                    <a:pt x="593102" y="400984"/>
                    <a:pt x="593102" y="400984"/>
                  </a:cubicBezTo>
                  <a:cubicBezTo>
                    <a:pt x="593102" y="402605"/>
                    <a:pt x="593102" y="402605"/>
                    <a:pt x="591479" y="405848"/>
                  </a:cubicBezTo>
                  <a:cubicBezTo>
                    <a:pt x="591479" y="407470"/>
                    <a:pt x="591479" y="409092"/>
                    <a:pt x="591479" y="410713"/>
                  </a:cubicBezTo>
                  <a:cubicBezTo>
                    <a:pt x="591479" y="412335"/>
                    <a:pt x="591479" y="412335"/>
                    <a:pt x="591479" y="413956"/>
                  </a:cubicBezTo>
                  <a:cubicBezTo>
                    <a:pt x="589855" y="415578"/>
                    <a:pt x="589855" y="413956"/>
                    <a:pt x="589855" y="417199"/>
                  </a:cubicBezTo>
                  <a:cubicBezTo>
                    <a:pt x="589855" y="418821"/>
                    <a:pt x="589855" y="417199"/>
                    <a:pt x="589855" y="418821"/>
                  </a:cubicBezTo>
                  <a:cubicBezTo>
                    <a:pt x="589855" y="418821"/>
                    <a:pt x="591479" y="417199"/>
                    <a:pt x="591479" y="415578"/>
                  </a:cubicBezTo>
                  <a:cubicBezTo>
                    <a:pt x="593102" y="415578"/>
                    <a:pt x="594726" y="412335"/>
                    <a:pt x="594726" y="410713"/>
                  </a:cubicBezTo>
                  <a:cubicBezTo>
                    <a:pt x="596350" y="410713"/>
                    <a:pt x="596350" y="409092"/>
                    <a:pt x="597974" y="409092"/>
                  </a:cubicBezTo>
                  <a:cubicBezTo>
                    <a:pt x="597974" y="409092"/>
                    <a:pt x="596350" y="420443"/>
                    <a:pt x="594726" y="422064"/>
                  </a:cubicBezTo>
                  <a:cubicBezTo>
                    <a:pt x="594726" y="425307"/>
                    <a:pt x="593102" y="423686"/>
                    <a:pt x="591479" y="428551"/>
                  </a:cubicBezTo>
                  <a:cubicBezTo>
                    <a:pt x="591479" y="433415"/>
                    <a:pt x="588231" y="436658"/>
                    <a:pt x="588231" y="436658"/>
                  </a:cubicBezTo>
                  <a:cubicBezTo>
                    <a:pt x="588231" y="436658"/>
                    <a:pt x="586607" y="430172"/>
                    <a:pt x="586607" y="428551"/>
                  </a:cubicBezTo>
                  <a:cubicBezTo>
                    <a:pt x="586607" y="428551"/>
                    <a:pt x="583360" y="428551"/>
                    <a:pt x="581736" y="431794"/>
                  </a:cubicBezTo>
                  <a:cubicBezTo>
                    <a:pt x="581736" y="435037"/>
                    <a:pt x="580112" y="435037"/>
                    <a:pt x="578488" y="436658"/>
                  </a:cubicBezTo>
                  <a:cubicBezTo>
                    <a:pt x="578488" y="439902"/>
                    <a:pt x="575241" y="438280"/>
                    <a:pt x="575241" y="439902"/>
                  </a:cubicBezTo>
                  <a:cubicBezTo>
                    <a:pt x="573617" y="439902"/>
                    <a:pt x="571993" y="439902"/>
                    <a:pt x="570369" y="438280"/>
                  </a:cubicBezTo>
                  <a:cubicBezTo>
                    <a:pt x="568746" y="438280"/>
                    <a:pt x="567122" y="438280"/>
                    <a:pt x="567122" y="438280"/>
                  </a:cubicBezTo>
                  <a:cubicBezTo>
                    <a:pt x="567122" y="438280"/>
                    <a:pt x="565498" y="438280"/>
                    <a:pt x="565498" y="438280"/>
                  </a:cubicBezTo>
                  <a:cubicBezTo>
                    <a:pt x="563874" y="438280"/>
                    <a:pt x="562250" y="438280"/>
                    <a:pt x="562250" y="438280"/>
                  </a:cubicBezTo>
                  <a:cubicBezTo>
                    <a:pt x="562250" y="438280"/>
                    <a:pt x="560627" y="438280"/>
                    <a:pt x="560627" y="438280"/>
                  </a:cubicBezTo>
                  <a:cubicBezTo>
                    <a:pt x="559003" y="438280"/>
                    <a:pt x="559003" y="438280"/>
                    <a:pt x="557379" y="439902"/>
                  </a:cubicBezTo>
                  <a:cubicBezTo>
                    <a:pt x="555755" y="443145"/>
                    <a:pt x="549260" y="441523"/>
                    <a:pt x="549260" y="443145"/>
                  </a:cubicBezTo>
                  <a:cubicBezTo>
                    <a:pt x="549260" y="444766"/>
                    <a:pt x="550884" y="446388"/>
                    <a:pt x="550884" y="449631"/>
                  </a:cubicBezTo>
                  <a:cubicBezTo>
                    <a:pt x="550884" y="454496"/>
                    <a:pt x="547636" y="456117"/>
                    <a:pt x="546012" y="456117"/>
                  </a:cubicBezTo>
                  <a:cubicBezTo>
                    <a:pt x="546012" y="456117"/>
                    <a:pt x="536270" y="456117"/>
                    <a:pt x="536270" y="456117"/>
                  </a:cubicBezTo>
                  <a:cubicBezTo>
                    <a:pt x="536270" y="456117"/>
                    <a:pt x="529774" y="459361"/>
                    <a:pt x="528151" y="457739"/>
                  </a:cubicBezTo>
                  <a:cubicBezTo>
                    <a:pt x="528151" y="456117"/>
                    <a:pt x="524903" y="451253"/>
                    <a:pt x="524903" y="451253"/>
                  </a:cubicBezTo>
                  <a:cubicBezTo>
                    <a:pt x="524903" y="449631"/>
                    <a:pt x="523279" y="448009"/>
                    <a:pt x="523279" y="446388"/>
                  </a:cubicBezTo>
                  <a:cubicBezTo>
                    <a:pt x="523279" y="446388"/>
                    <a:pt x="520032" y="444766"/>
                    <a:pt x="520032" y="443145"/>
                  </a:cubicBezTo>
                  <a:cubicBezTo>
                    <a:pt x="518408" y="439902"/>
                    <a:pt x="516784" y="438280"/>
                    <a:pt x="518408" y="436658"/>
                  </a:cubicBezTo>
                  <a:cubicBezTo>
                    <a:pt x="520032" y="435037"/>
                    <a:pt x="521655" y="433415"/>
                    <a:pt x="523279" y="430172"/>
                  </a:cubicBezTo>
                  <a:cubicBezTo>
                    <a:pt x="523279" y="428551"/>
                    <a:pt x="523279" y="428551"/>
                    <a:pt x="523279" y="425307"/>
                  </a:cubicBezTo>
                  <a:cubicBezTo>
                    <a:pt x="523279" y="423686"/>
                    <a:pt x="521655" y="423686"/>
                    <a:pt x="520032" y="420443"/>
                  </a:cubicBezTo>
                  <a:cubicBezTo>
                    <a:pt x="518408" y="417199"/>
                    <a:pt x="518408" y="413956"/>
                    <a:pt x="515160" y="412335"/>
                  </a:cubicBezTo>
                  <a:cubicBezTo>
                    <a:pt x="511912" y="409092"/>
                    <a:pt x="508665" y="409092"/>
                    <a:pt x="508665" y="405848"/>
                  </a:cubicBezTo>
                  <a:cubicBezTo>
                    <a:pt x="507041" y="402605"/>
                    <a:pt x="508665" y="397741"/>
                    <a:pt x="505417" y="394497"/>
                  </a:cubicBezTo>
                  <a:cubicBezTo>
                    <a:pt x="503793" y="389633"/>
                    <a:pt x="505417" y="384768"/>
                    <a:pt x="505417" y="383146"/>
                  </a:cubicBezTo>
                  <a:cubicBezTo>
                    <a:pt x="505417" y="381525"/>
                    <a:pt x="502169" y="379903"/>
                    <a:pt x="500546" y="379903"/>
                  </a:cubicBezTo>
                  <a:cubicBezTo>
                    <a:pt x="497298" y="378282"/>
                    <a:pt x="495674" y="378282"/>
                    <a:pt x="494050" y="375038"/>
                  </a:cubicBezTo>
                  <a:cubicBezTo>
                    <a:pt x="494050" y="371795"/>
                    <a:pt x="494050" y="370174"/>
                    <a:pt x="494050" y="368552"/>
                  </a:cubicBezTo>
                  <a:cubicBezTo>
                    <a:pt x="494050" y="365309"/>
                    <a:pt x="495674" y="365309"/>
                    <a:pt x="495674" y="363687"/>
                  </a:cubicBezTo>
                  <a:cubicBezTo>
                    <a:pt x="495674" y="363687"/>
                    <a:pt x="495674" y="363687"/>
                    <a:pt x="495674" y="362066"/>
                  </a:cubicBezTo>
                  <a:cubicBezTo>
                    <a:pt x="494050" y="358823"/>
                    <a:pt x="494050" y="357201"/>
                    <a:pt x="492427" y="357201"/>
                  </a:cubicBezTo>
                  <a:cubicBezTo>
                    <a:pt x="489179" y="355579"/>
                    <a:pt x="487555" y="355579"/>
                    <a:pt x="485931" y="353958"/>
                  </a:cubicBezTo>
                  <a:cubicBezTo>
                    <a:pt x="484308" y="350715"/>
                    <a:pt x="482684" y="350715"/>
                    <a:pt x="482684" y="347472"/>
                  </a:cubicBezTo>
                  <a:cubicBezTo>
                    <a:pt x="484308" y="345850"/>
                    <a:pt x="485931" y="340985"/>
                    <a:pt x="484308" y="340985"/>
                  </a:cubicBezTo>
                  <a:cubicBezTo>
                    <a:pt x="482684" y="340985"/>
                    <a:pt x="479436" y="352336"/>
                    <a:pt x="479436" y="353958"/>
                  </a:cubicBezTo>
                  <a:cubicBezTo>
                    <a:pt x="479436" y="355579"/>
                    <a:pt x="479436" y="360444"/>
                    <a:pt x="474565" y="362066"/>
                  </a:cubicBezTo>
                  <a:cubicBezTo>
                    <a:pt x="471317" y="362066"/>
                    <a:pt x="469693" y="363687"/>
                    <a:pt x="468070" y="365309"/>
                  </a:cubicBezTo>
                  <a:cubicBezTo>
                    <a:pt x="464822" y="365309"/>
                    <a:pt x="464822" y="365309"/>
                    <a:pt x="463198" y="366930"/>
                  </a:cubicBezTo>
                  <a:cubicBezTo>
                    <a:pt x="461574" y="368552"/>
                    <a:pt x="461574" y="368552"/>
                    <a:pt x="456703" y="371795"/>
                  </a:cubicBezTo>
                  <a:cubicBezTo>
                    <a:pt x="453455" y="373417"/>
                    <a:pt x="451832" y="375038"/>
                    <a:pt x="450208" y="376660"/>
                  </a:cubicBezTo>
                  <a:cubicBezTo>
                    <a:pt x="448584" y="376660"/>
                    <a:pt x="445336" y="381525"/>
                    <a:pt x="445336" y="381525"/>
                  </a:cubicBezTo>
                  <a:cubicBezTo>
                    <a:pt x="445336" y="381525"/>
                    <a:pt x="432346" y="388011"/>
                    <a:pt x="427475" y="388011"/>
                  </a:cubicBezTo>
                  <a:cubicBezTo>
                    <a:pt x="422603" y="386389"/>
                    <a:pt x="419356" y="386389"/>
                    <a:pt x="414484" y="383146"/>
                  </a:cubicBezTo>
                  <a:cubicBezTo>
                    <a:pt x="409613" y="381525"/>
                    <a:pt x="407989" y="381525"/>
                    <a:pt x="406365" y="379903"/>
                  </a:cubicBezTo>
                  <a:cubicBezTo>
                    <a:pt x="404742" y="378282"/>
                    <a:pt x="403118" y="376660"/>
                    <a:pt x="399870" y="376660"/>
                  </a:cubicBezTo>
                  <a:cubicBezTo>
                    <a:pt x="396623" y="375038"/>
                    <a:pt x="393375" y="375038"/>
                    <a:pt x="393375" y="371795"/>
                  </a:cubicBezTo>
                  <a:cubicBezTo>
                    <a:pt x="393375" y="368552"/>
                    <a:pt x="391751" y="366930"/>
                    <a:pt x="394999" y="365309"/>
                  </a:cubicBezTo>
                  <a:cubicBezTo>
                    <a:pt x="396623" y="363687"/>
                    <a:pt x="399870" y="358823"/>
                    <a:pt x="401494" y="358823"/>
                  </a:cubicBezTo>
                  <a:cubicBezTo>
                    <a:pt x="401494" y="357201"/>
                    <a:pt x="403118" y="353958"/>
                    <a:pt x="403118" y="352336"/>
                  </a:cubicBezTo>
                  <a:cubicBezTo>
                    <a:pt x="401494" y="350715"/>
                    <a:pt x="399870" y="349093"/>
                    <a:pt x="398246" y="350715"/>
                  </a:cubicBezTo>
                  <a:cubicBezTo>
                    <a:pt x="394999" y="353958"/>
                    <a:pt x="393375" y="353958"/>
                    <a:pt x="391751" y="353958"/>
                  </a:cubicBezTo>
                  <a:cubicBezTo>
                    <a:pt x="390127" y="355579"/>
                    <a:pt x="390127" y="355579"/>
                    <a:pt x="388504" y="353958"/>
                  </a:cubicBezTo>
                  <a:cubicBezTo>
                    <a:pt x="386880" y="353958"/>
                    <a:pt x="386880" y="350715"/>
                    <a:pt x="390127" y="347472"/>
                  </a:cubicBezTo>
                  <a:cubicBezTo>
                    <a:pt x="391751" y="345850"/>
                    <a:pt x="391751" y="344228"/>
                    <a:pt x="393375" y="339364"/>
                  </a:cubicBezTo>
                  <a:cubicBezTo>
                    <a:pt x="394999" y="334499"/>
                    <a:pt x="398246" y="336120"/>
                    <a:pt x="396623" y="332877"/>
                  </a:cubicBezTo>
                  <a:cubicBezTo>
                    <a:pt x="396623" y="331256"/>
                    <a:pt x="393375" y="328013"/>
                    <a:pt x="393375" y="328013"/>
                  </a:cubicBezTo>
                  <a:cubicBezTo>
                    <a:pt x="393375" y="328013"/>
                    <a:pt x="386880" y="328013"/>
                    <a:pt x="385256" y="326391"/>
                  </a:cubicBezTo>
                  <a:cubicBezTo>
                    <a:pt x="383632" y="326391"/>
                    <a:pt x="380385" y="323148"/>
                    <a:pt x="382008" y="319905"/>
                  </a:cubicBezTo>
                  <a:cubicBezTo>
                    <a:pt x="383632" y="318283"/>
                    <a:pt x="385256" y="311797"/>
                    <a:pt x="385256" y="310175"/>
                  </a:cubicBezTo>
                  <a:cubicBezTo>
                    <a:pt x="386880" y="306932"/>
                    <a:pt x="388504" y="305310"/>
                    <a:pt x="388504" y="303689"/>
                  </a:cubicBezTo>
                  <a:cubicBezTo>
                    <a:pt x="388504" y="302067"/>
                    <a:pt x="388504" y="298824"/>
                    <a:pt x="386880" y="298824"/>
                  </a:cubicBezTo>
                  <a:cubicBezTo>
                    <a:pt x="386880" y="298824"/>
                    <a:pt x="383632" y="297203"/>
                    <a:pt x="383632" y="295581"/>
                  </a:cubicBezTo>
                  <a:cubicBezTo>
                    <a:pt x="382008" y="293959"/>
                    <a:pt x="383632" y="289095"/>
                    <a:pt x="383632" y="287473"/>
                  </a:cubicBezTo>
                  <a:cubicBezTo>
                    <a:pt x="385256" y="285852"/>
                    <a:pt x="385256" y="282608"/>
                    <a:pt x="386880" y="280987"/>
                  </a:cubicBezTo>
                  <a:cubicBezTo>
                    <a:pt x="386880" y="279365"/>
                    <a:pt x="388504" y="276122"/>
                    <a:pt x="388504" y="276122"/>
                  </a:cubicBezTo>
                  <a:cubicBezTo>
                    <a:pt x="390127" y="276122"/>
                    <a:pt x="393375" y="274500"/>
                    <a:pt x="394999" y="272879"/>
                  </a:cubicBezTo>
                  <a:cubicBezTo>
                    <a:pt x="396623" y="271257"/>
                    <a:pt x="403118" y="268014"/>
                    <a:pt x="403118" y="268014"/>
                  </a:cubicBezTo>
                  <a:cubicBezTo>
                    <a:pt x="403118" y="268014"/>
                    <a:pt x="403118" y="268014"/>
                    <a:pt x="409613" y="263149"/>
                  </a:cubicBezTo>
                  <a:cubicBezTo>
                    <a:pt x="409613" y="263149"/>
                    <a:pt x="409613" y="261528"/>
                    <a:pt x="409613" y="259906"/>
                  </a:cubicBezTo>
                  <a:cubicBezTo>
                    <a:pt x="411237" y="259906"/>
                    <a:pt x="411237" y="256663"/>
                    <a:pt x="412861" y="258285"/>
                  </a:cubicBezTo>
                  <a:cubicBezTo>
                    <a:pt x="414484" y="258285"/>
                    <a:pt x="417732" y="258285"/>
                    <a:pt x="419356" y="258285"/>
                  </a:cubicBezTo>
                  <a:cubicBezTo>
                    <a:pt x="419356" y="258285"/>
                    <a:pt x="422603" y="255042"/>
                    <a:pt x="422603" y="255042"/>
                  </a:cubicBezTo>
                  <a:cubicBezTo>
                    <a:pt x="422603" y="255042"/>
                    <a:pt x="422603" y="253420"/>
                    <a:pt x="422603" y="251798"/>
                  </a:cubicBezTo>
                  <a:cubicBezTo>
                    <a:pt x="424227" y="250177"/>
                    <a:pt x="425851" y="248555"/>
                    <a:pt x="427475" y="248555"/>
                  </a:cubicBezTo>
                  <a:cubicBezTo>
                    <a:pt x="429099" y="248555"/>
                    <a:pt x="432346" y="248555"/>
                    <a:pt x="433970" y="248555"/>
                  </a:cubicBezTo>
                  <a:cubicBezTo>
                    <a:pt x="433970" y="246934"/>
                    <a:pt x="435594" y="246934"/>
                    <a:pt x="437218" y="246934"/>
                  </a:cubicBezTo>
                  <a:cubicBezTo>
                    <a:pt x="438841" y="248555"/>
                    <a:pt x="443713" y="248555"/>
                    <a:pt x="443713" y="246934"/>
                  </a:cubicBezTo>
                  <a:cubicBezTo>
                    <a:pt x="443713" y="245312"/>
                    <a:pt x="445336" y="243690"/>
                    <a:pt x="446960" y="240447"/>
                  </a:cubicBezTo>
                  <a:cubicBezTo>
                    <a:pt x="446960" y="238826"/>
                    <a:pt x="446960" y="235583"/>
                    <a:pt x="448584" y="233961"/>
                  </a:cubicBezTo>
                  <a:cubicBezTo>
                    <a:pt x="448584" y="232339"/>
                    <a:pt x="451832" y="229096"/>
                    <a:pt x="451832" y="230718"/>
                  </a:cubicBezTo>
                  <a:cubicBezTo>
                    <a:pt x="453455" y="232339"/>
                    <a:pt x="458327" y="230718"/>
                    <a:pt x="456703" y="232339"/>
                  </a:cubicBezTo>
                  <a:cubicBezTo>
                    <a:pt x="455079" y="233961"/>
                    <a:pt x="455079" y="237204"/>
                    <a:pt x="455079" y="238826"/>
                  </a:cubicBezTo>
                  <a:cubicBezTo>
                    <a:pt x="455079" y="238826"/>
                    <a:pt x="458327" y="237204"/>
                    <a:pt x="458327" y="237204"/>
                  </a:cubicBezTo>
                  <a:cubicBezTo>
                    <a:pt x="458327" y="237204"/>
                    <a:pt x="458327" y="237204"/>
                    <a:pt x="463198" y="232339"/>
                  </a:cubicBezTo>
                  <a:cubicBezTo>
                    <a:pt x="463198" y="232339"/>
                    <a:pt x="466446" y="229096"/>
                    <a:pt x="468070" y="227475"/>
                  </a:cubicBezTo>
                  <a:cubicBezTo>
                    <a:pt x="468070" y="224231"/>
                    <a:pt x="469693" y="219367"/>
                    <a:pt x="469693" y="219367"/>
                  </a:cubicBezTo>
                  <a:cubicBezTo>
                    <a:pt x="471317" y="219367"/>
                    <a:pt x="474565" y="217745"/>
                    <a:pt x="476189" y="217745"/>
                  </a:cubicBezTo>
                  <a:cubicBezTo>
                    <a:pt x="477812" y="216124"/>
                    <a:pt x="482684" y="212880"/>
                    <a:pt x="484308" y="211259"/>
                  </a:cubicBezTo>
                  <a:cubicBezTo>
                    <a:pt x="484308" y="211259"/>
                    <a:pt x="487555" y="206394"/>
                    <a:pt x="487555" y="206394"/>
                  </a:cubicBezTo>
                  <a:cubicBezTo>
                    <a:pt x="487555" y="206394"/>
                    <a:pt x="489179" y="203151"/>
                    <a:pt x="490803" y="203151"/>
                  </a:cubicBezTo>
                  <a:cubicBezTo>
                    <a:pt x="492427" y="203151"/>
                    <a:pt x="494050" y="203151"/>
                    <a:pt x="494050" y="203151"/>
                  </a:cubicBezTo>
                  <a:cubicBezTo>
                    <a:pt x="494050" y="204773"/>
                    <a:pt x="497298" y="203151"/>
                    <a:pt x="498922" y="203151"/>
                  </a:cubicBezTo>
                  <a:cubicBezTo>
                    <a:pt x="498922" y="201529"/>
                    <a:pt x="502169" y="199908"/>
                    <a:pt x="502169" y="199908"/>
                  </a:cubicBezTo>
                  <a:cubicBezTo>
                    <a:pt x="502169" y="199908"/>
                    <a:pt x="503793" y="198286"/>
                    <a:pt x="503793" y="196665"/>
                  </a:cubicBezTo>
                  <a:cubicBezTo>
                    <a:pt x="503793" y="193421"/>
                    <a:pt x="505417" y="188557"/>
                    <a:pt x="505417" y="188557"/>
                  </a:cubicBezTo>
                  <a:cubicBezTo>
                    <a:pt x="505417" y="188557"/>
                    <a:pt x="505417" y="185314"/>
                    <a:pt x="507041" y="186935"/>
                  </a:cubicBezTo>
                  <a:cubicBezTo>
                    <a:pt x="507041" y="186935"/>
                    <a:pt x="510288" y="185314"/>
                    <a:pt x="510288" y="185314"/>
                  </a:cubicBezTo>
                  <a:cubicBezTo>
                    <a:pt x="510288" y="185314"/>
                    <a:pt x="510288" y="185314"/>
                    <a:pt x="515160" y="183692"/>
                  </a:cubicBezTo>
                  <a:cubicBezTo>
                    <a:pt x="515160" y="183692"/>
                    <a:pt x="515160" y="183692"/>
                    <a:pt x="516784" y="178827"/>
                  </a:cubicBezTo>
                  <a:cubicBezTo>
                    <a:pt x="516784" y="178827"/>
                    <a:pt x="516784" y="175584"/>
                    <a:pt x="516784" y="173963"/>
                  </a:cubicBezTo>
                  <a:cubicBezTo>
                    <a:pt x="516784" y="170719"/>
                    <a:pt x="516784" y="170719"/>
                    <a:pt x="518408" y="169098"/>
                  </a:cubicBezTo>
                  <a:cubicBezTo>
                    <a:pt x="520032" y="167476"/>
                    <a:pt x="520032" y="167476"/>
                    <a:pt x="521655" y="165855"/>
                  </a:cubicBezTo>
                  <a:cubicBezTo>
                    <a:pt x="523279" y="165855"/>
                    <a:pt x="516784" y="164233"/>
                    <a:pt x="516784" y="164233"/>
                  </a:cubicBezTo>
                  <a:cubicBezTo>
                    <a:pt x="516784" y="160990"/>
                    <a:pt x="518408" y="156125"/>
                    <a:pt x="520032" y="156125"/>
                  </a:cubicBezTo>
                  <a:cubicBezTo>
                    <a:pt x="521655" y="156125"/>
                    <a:pt x="523279" y="156125"/>
                    <a:pt x="526527" y="157747"/>
                  </a:cubicBezTo>
                  <a:cubicBezTo>
                    <a:pt x="529774" y="157747"/>
                    <a:pt x="534646" y="154504"/>
                    <a:pt x="533022" y="154504"/>
                  </a:cubicBezTo>
                  <a:cubicBezTo>
                    <a:pt x="531398" y="154504"/>
                    <a:pt x="531398" y="154504"/>
                    <a:pt x="531398" y="151260"/>
                  </a:cubicBezTo>
                  <a:cubicBezTo>
                    <a:pt x="531398" y="146396"/>
                    <a:pt x="544389" y="135045"/>
                    <a:pt x="544389" y="135045"/>
                  </a:cubicBezTo>
                  <a:cubicBezTo>
                    <a:pt x="544389" y="135045"/>
                    <a:pt x="544389" y="131801"/>
                    <a:pt x="546012" y="131801"/>
                  </a:cubicBezTo>
                  <a:cubicBezTo>
                    <a:pt x="547636" y="130180"/>
                    <a:pt x="549260" y="125315"/>
                    <a:pt x="550884" y="125315"/>
                  </a:cubicBezTo>
                  <a:cubicBezTo>
                    <a:pt x="552508" y="125315"/>
                    <a:pt x="559003" y="118829"/>
                    <a:pt x="557379" y="118829"/>
                  </a:cubicBezTo>
                  <a:cubicBezTo>
                    <a:pt x="557379" y="118829"/>
                    <a:pt x="555755" y="118829"/>
                    <a:pt x="555755" y="115586"/>
                  </a:cubicBezTo>
                  <a:cubicBezTo>
                    <a:pt x="555755" y="112343"/>
                    <a:pt x="559003" y="109099"/>
                    <a:pt x="560627" y="109099"/>
                  </a:cubicBezTo>
                  <a:cubicBezTo>
                    <a:pt x="560627" y="109099"/>
                    <a:pt x="563874" y="107478"/>
                    <a:pt x="563874" y="107478"/>
                  </a:cubicBezTo>
                  <a:cubicBezTo>
                    <a:pt x="565498" y="107478"/>
                    <a:pt x="567122" y="105856"/>
                    <a:pt x="567122" y="104235"/>
                  </a:cubicBezTo>
                  <a:cubicBezTo>
                    <a:pt x="567122" y="100991"/>
                    <a:pt x="567122" y="99370"/>
                    <a:pt x="567122" y="99370"/>
                  </a:cubicBezTo>
                  <a:cubicBezTo>
                    <a:pt x="567122" y="100991"/>
                    <a:pt x="568746" y="99370"/>
                    <a:pt x="568746" y="97748"/>
                  </a:cubicBezTo>
                  <a:cubicBezTo>
                    <a:pt x="570369" y="97748"/>
                    <a:pt x="571993" y="96127"/>
                    <a:pt x="571993" y="97748"/>
                  </a:cubicBezTo>
                  <a:cubicBezTo>
                    <a:pt x="571993" y="99370"/>
                    <a:pt x="575241" y="97748"/>
                    <a:pt x="575241" y="97748"/>
                  </a:cubicBezTo>
                  <a:cubicBezTo>
                    <a:pt x="575241" y="97748"/>
                    <a:pt x="578488" y="92884"/>
                    <a:pt x="580112" y="94505"/>
                  </a:cubicBezTo>
                  <a:cubicBezTo>
                    <a:pt x="581736" y="94505"/>
                    <a:pt x="583360" y="94505"/>
                    <a:pt x="583360" y="97748"/>
                  </a:cubicBezTo>
                  <a:cubicBezTo>
                    <a:pt x="583360" y="99370"/>
                    <a:pt x="588231" y="99370"/>
                    <a:pt x="588231" y="99370"/>
                  </a:cubicBezTo>
                  <a:cubicBezTo>
                    <a:pt x="588231" y="99370"/>
                    <a:pt x="591479" y="96127"/>
                    <a:pt x="591479" y="92884"/>
                  </a:cubicBezTo>
                  <a:cubicBezTo>
                    <a:pt x="589855" y="91262"/>
                    <a:pt x="591479" y="88019"/>
                    <a:pt x="588231" y="88019"/>
                  </a:cubicBezTo>
                  <a:cubicBezTo>
                    <a:pt x="586607" y="88019"/>
                    <a:pt x="586607" y="88019"/>
                    <a:pt x="584983" y="88019"/>
                  </a:cubicBezTo>
                  <a:cubicBezTo>
                    <a:pt x="584983" y="88019"/>
                    <a:pt x="583360" y="86397"/>
                    <a:pt x="581736" y="88019"/>
                  </a:cubicBezTo>
                  <a:cubicBezTo>
                    <a:pt x="581736" y="88019"/>
                    <a:pt x="580112" y="88019"/>
                    <a:pt x="580112" y="88019"/>
                  </a:cubicBezTo>
                  <a:cubicBezTo>
                    <a:pt x="580112" y="88019"/>
                    <a:pt x="578488" y="88019"/>
                    <a:pt x="576864" y="89640"/>
                  </a:cubicBezTo>
                  <a:cubicBezTo>
                    <a:pt x="575241" y="91262"/>
                    <a:pt x="575241" y="91262"/>
                    <a:pt x="573617" y="91262"/>
                  </a:cubicBezTo>
                  <a:cubicBezTo>
                    <a:pt x="573617" y="91262"/>
                    <a:pt x="571993" y="91262"/>
                    <a:pt x="571993" y="91262"/>
                  </a:cubicBezTo>
                  <a:cubicBezTo>
                    <a:pt x="570369" y="91262"/>
                    <a:pt x="570369" y="91262"/>
                    <a:pt x="570369" y="89640"/>
                  </a:cubicBezTo>
                  <a:cubicBezTo>
                    <a:pt x="570369" y="89640"/>
                    <a:pt x="568746" y="88019"/>
                    <a:pt x="568746" y="88019"/>
                  </a:cubicBezTo>
                  <a:cubicBezTo>
                    <a:pt x="565498" y="89640"/>
                    <a:pt x="563874" y="89640"/>
                    <a:pt x="562250" y="91262"/>
                  </a:cubicBezTo>
                  <a:cubicBezTo>
                    <a:pt x="562250" y="91262"/>
                    <a:pt x="563874" y="84776"/>
                    <a:pt x="567122" y="83154"/>
                  </a:cubicBezTo>
                  <a:cubicBezTo>
                    <a:pt x="568746" y="81532"/>
                    <a:pt x="571993" y="78289"/>
                    <a:pt x="573617" y="76668"/>
                  </a:cubicBezTo>
                  <a:cubicBezTo>
                    <a:pt x="573617" y="75046"/>
                    <a:pt x="575241" y="70181"/>
                    <a:pt x="576864" y="68560"/>
                  </a:cubicBezTo>
                  <a:cubicBezTo>
                    <a:pt x="576864" y="66938"/>
                    <a:pt x="580112" y="63695"/>
                    <a:pt x="583360" y="63695"/>
                  </a:cubicBezTo>
                  <a:cubicBezTo>
                    <a:pt x="584983" y="63695"/>
                    <a:pt x="583360" y="70181"/>
                    <a:pt x="583360" y="73425"/>
                  </a:cubicBezTo>
                  <a:cubicBezTo>
                    <a:pt x="581736" y="75046"/>
                    <a:pt x="583360" y="76668"/>
                    <a:pt x="584983" y="75046"/>
                  </a:cubicBezTo>
                  <a:cubicBezTo>
                    <a:pt x="588231" y="73425"/>
                    <a:pt x="591479" y="70181"/>
                    <a:pt x="591479" y="71803"/>
                  </a:cubicBezTo>
                  <a:cubicBezTo>
                    <a:pt x="591479" y="73425"/>
                    <a:pt x="593102" y="75046"/>
                    <a:pt x="593102" y="76668"/>
                  </a:cubicBezTo>
                  <a:cubicBezTo>
                    <a:pt x="594726" y="78289"/>
                    <a:pt x="599598" y="76668"/>
                    <a:pt x="599598" y="76668"/>
                  </a:cubicBezTo>
                  <a:cubicBezTo>
                    <a:pt x="599598" y="76668"/>
                    <a:pt x="599598" y="76668"/>
                    <a:pt x="602845" y="73425"/>
                  </a:cubicBezTo>
                  <a:cubicBezTo>
                    <a:pt x="602845" y="73425"/>
                    <a:pt x="602845" y="73425"/>
                    <a:pt x="602845" y="70181"/>
                  </a:cubicBezTo>
                  <a:cubicBezTo>
                    <a:pt x="602845" y="70181"/>
                    <a:pt x="601221" y="68560"/>
                    <a:pt x="601221" y="66938"/>
                  </a:cubicBezTo>
                  <a:cubicBezTo>
                    <a:pt x="601221" y="66938"/>
                    <a:pt x="607717" y="66938"/>
                    <a:pt x="609340" y="68560"/>
                  </a:cubicBezTo>
                  <a:cubicBezTo>
                    <a:pt x="609340" y="68560"/>
                    <a:pt x="612588" y="66938"/>
                    <a:pt x="612588" y="66938"/>
                  </a:cubicBezTo>
                  <a:cubicBezTo>
                    <a:pt x="614212" y="66938"/>
                    <a:pt x="612588" y="65317"/>
                    <a:pt x="610964" y="63695"/>
                  </a:cubicBezTo>
                  <a:cubicBezTo>
                    <a:pt x="610964" y="62074"/>
                    <a:pt x="607717" y="57209"/>
                    <a:pt x="609340" y="55587"/>
                  </a:cubicBezTo>
                  <a:cubicBezTo>
                    <a:pt x="609340" y="53966"/>
                    <a:pt x="615836" y="47479"/>
                    <a:pt x="615836" y="49101"/>
                  </a:cubicBezTo>
                  <a:cubicBezTo>
                    <a:pt x="617459" y="50722"/>
                    <a:pt x="622331" y="50722"/>
                    <a:pt x="622331" y="53966"/>
                  </a:cubicBezTo>
                  <a:cubicBezTo>
                    <a:pt x="622331" y="58830"/>
                    <a:pt x="625578" y="58830"/>
                    <a:pt x="625578" y="58830"/>
                  </a:cubicBezTo>
                  <a:cubicBezTo>
                    <a:pt x="627202" y="58830"/>
                    <a:pt x="630450" y="57209"/>
                    <a:pt x="630450" y="57209"/>
                  </a:cubicBezTo>
                  <a:cubicBezTo>
                    <a:pt x="632074" y="57209"/>
                    <a:pt x="636945" y="53966"/>
                    <a:pt x="636945" y="53966"/>
                  </a:cubicBezTo>
                  <a:cubicBezTo>
                    <a:pt x="636945" y="53966"/>
                    <a:pt x="636945" y="53966"/>
                    <a:pt x="636945" y="49101"/>
                  </a:cubicBezTo>
                  <a:cubicBezTo>
                    <a:pt x="636945" y="49101"/>
                    <a:pt x="636945" y="45858"/>
                    <a:pt x="638569" y="45858"/>
                  </a:cubicBezTo>
                  <a:cubicBezTo>
                    <a:pt x="638569" y="44236"/>
                    <a:pt x="643440" y="40993"/>
                    <a:pt x="643440" y="42615"/>
                  </a:cubicBezTo>
                  <a:cubicBezTo>
                    <a:pt x="643440" y="42615"/>
                    <a:pt x="648312" y="44236"/>
                    <a:pt x="648312" y="45858"/>
                  </a:cubicBezTo>
                  <a:cubicBezTo>
                    <a:pt x="648312" y="49101"/>
                    <a:pt x="649935" y="50722"/>
                    <a:pt x="651559" y="50722"/>
                  </a:cubicBezTo>
                  <a:cubicBezTo>
                    <a:pt x="654807" y="50722"/>
                    <a:pt x="659678" y="49101"/>
                    <a:pt x="659678" y="49101"/>
                  </a:cubicBezTo>
                  <a:cubicBezTo>
                    <a:pt x="659678" y="49101"/>
                    <a:pt x="672668" y="44236"/>
                    <a:pt x="672668" y="40993"/>
                  </a:cubicBezTo>
                  <a:cubicBezTo>
                    <a:pt x="672668" y="39371"/>
                    <a:pt x="671045" y="37750"/>
                    <a:pt x="672668" y="37750"/>
                  </a:cubicBezTo>
                  <a:cubicBezTo>
                    <a:pt x="674292" y="36128"/>
                    <a:pt x="679164" y="36128"/>
                    <a:pt x="680787" y="37750"/>
                  </a:cubicBezTo>
                  <a:cubicBezTo>
                    <a:pt x="680787" y="39371"/>
                    <a:pt x="682411" y="39371"/>
                    <a:pt x="684035" y="39371"/>
                  </a:cubicBezTo>
                  <a:cubicBezTo>
                    <a:pt x="685659" y="39371"/>
                    <a:pt x="690530" y="36128"/>
                    <a:pt x="690530" y="36128"/>
                  </a:cubicBezTo>
                  <a:cubicBezTo>
                    <a:pt x="690530" y="34507"/>
                    <a:pt x="688906" y="34507"/>
                    <a:pt x="687283" y="31264"/>
                  </a:cubicBezTo>
                  <a:cubicBezTo>
                    <a:pt x="687283" y="29642"/>
                    <a:pt x="685659" y="28020"/>
                    <a:pt x="687283" y="29642"/>
                  </a:cubicBezTo>
                  <a:cubicBezTo>
                    <a:pt x="687283" y="29642"/>
                    <a:pt x="688906" y="29642"/>
                    <a:pt x="690530" y="29642"/>
                  </a:cubicBezTo>
                  <a:cubicBezTo>
                    <a:pt x="692154" y="29642"/>
                    <a:pt x="693778" y="28020"/>
                    <a:pt x="693778" y="29642"/>
                  </a:cubicBezTo>
                  <a:cubicBezTo>
                    <a:pt x="695402" y="31264"/>
                    <a:pt x="697025" y="32885"/>
                    <a:pt x="700273" y="32885"/>
                  </a:cubicBezTo>
                  <a:cubicBezTo>
                    <a:pt x="700273" y="32885"/>
                    <a:pt x="703521" y="32885"/>
                    <a:pt x="705144" y="32885"/>
                  </a:cubicBezTo>
                  <a:cubicBezTo>
                    <a:pt x="706768" y="31264"/>
                    <a:pt x="708392" y="31264"/>
                    <a:pt x="708392" y="31264"/>
                  </a:cubicBezTo>
                  <a:cubicBezTo>
                    <a:pt x="710016" y="31264"/>
                    <a:pt x="710016" y="29642"/>
                    <a:pt x="711640" y="29642"/>
                  </a:cubicBezTo>
                  <a:cubicBezTo>
                    <a:pt x="713263" y="28020"/>
                    <a:pt x="716511" y="26399"/>
                    <a:pt x="716511" y="26399"/>
                  </a:cubicBezTo>
                  <a:cubicBezTo>
                    <a:pt x="716511" y="26399"/>
                    <a:pt x="723006" y="24777"/>
                    <a:pt x="724630" y="23156"/>
                  </a:cubicBezTo>
                  <a:cubicBezTo>
                    <a:pt x="724630" y="23156"/>
                    <a:pt x="726254" y="18291"/>
                    <a:pt x="727878" y="18291"/>
                  </a:cubicBezTo>
                  <a:cubicBezTo>
                    <a:pt x="729501" y="19912"/>
                    <a:pt x="732749" y="18291"/>
                    <a:pt x="732749" y="18291"/>
                  </a:cubicBezTo>
                  <a:cubicBezTo>
                    <a:pt x="734373" y="16669"/>
                    <a:pt x="740868" y="15048"/>
                    <a:pt x="740868" y="13426"/>
                  </a:cubicBezTo>
                  <a:cubicBezTo>
                    <a:pt x="740868" y="10183"/>
                    <a:pt x="742492" y="6940"/>
                    <a:pt x="742492" y="6940"/>
                  </a:cubicBezTo>
                  <a:cubicBezTo>
                    <a:pt x="742492" y="6940"/>
                    <a:pt x="747363" y="5318"/>
                    <a:pt x="750611" y="5318"/>
                  </a:cubicBezTo>
                  <a:cubicBezTo>
                    <a:pt x="753858" y="6940"/>
                    <a:pt x="758730" y="2075"/>
                    <a:pt x="758730" y="2075"/>
                  </a:cubicBezTo>
                  <a:cubicBezTo>
                    <a:pt x="758730" y="2075"/>
                    <a:pt x="758730" y="8561"/>
                    <a:pt x="753858" y="11805"/>
                  </a:cubicBezTo>
                  <a:cubicBezTo>
                    <a:pt x="750611" y="15048"/>
                    <a:pt x="747363" y="18291"/>
                    <a:pt x="744116" y="23156"/>
                  </a:cubicBezTo>
                  <a:cubicBezTo>
                    <a:pt x="742492" y="26399"/>
                    <a:pt x="742492" y="26399"/>
                    <a:pt x="742492" y="28020"/>
                  </a:cubicBezTo>
                  <a:cubicBezTo>
                    <a:pt x="747363" y="29642"/>
                    <a:pt x="752235" y="26399"/>
                    <a:pt x="753858" y="26399"/>
                  </a:cubicBezTo>
                  <a:cubicBezTo>
                    <a:pt x="755482" y="24777"/>
                    <a:pt x="761977" y="19912"/>
                    <a:pt x="761977" y="18291"/>
                  </a:cubicBezTo>
                  <a:cubicBezTo>
                    <a:pt x="761977" y="16669"/>
                    <a:pt x="765225" y="11805"/>
                    <a:pt x="766849" y="10183"/>
                  </a:cubicBezTo>
                  <a:cubicBezTo>
                    <a:pt x="766849" y="8561"/>
                    <a:pt x="768472" y="5318"/>
                    <a:pt x="770096" y="6940"/>
                  </a:cubicBezTo>
                  <a:cubicBezTo>
                    <a:pt x="771720" y="6940"/>
                    <a:pt x="771720" y="16669"/>
                    <a:pt x="771720" y="18291"/>
                  </a:cubicBezTo>
                  <a:cubicBezTo>
                    <a:pt x="770096" y="19912"/>
                    <a:pt x="770096" y="19912"/>
                    <a:pt x="771720" y="21534"/>
                  </a:cubicBezTo>
                  <a:cubicBezTo>
                    <a:pt x="771720" y="21534"/>
                    <a:pt x="773344" y="21534"/>
                    <a:pt x="774968" y="19912"/>
                  </a:cubicBezTo>
                  <a:cubicBezTo>
                    <a:pt x="776591" y="19912"/>
                    <a:pt x="776591" y="19912"/>
                    <a:pt x="778215" y="19912"/>
                  </a:cubicBezTo>
                  <a:cubicBezTo>
                    <a:pt x="778215" y="19912"/>
                    <a:pt x="781463" y="16669"/>
                    <a:pt x="781463" y="16669"/>
                  </a:cubicBezTo>
                  <a:cubicBezTo>
                    <a:pt x="781463" y="16669"/>
                    <a:pt x="784710" y="8561"/>
                    <a:pt x="784710" y="6940"/>
                  </a:cubicBezTo>
                  <a:cubicBezTo>
                    <a:pt x="784710" y="3697"/>
                    <a:pt x="786334" y="3697"/>
                    <a:pt x="787958" y="2075"/>
                  </a:cubicBezTo>
                  <a:cubicBezTo>
                    <a:pt x="791206" y="2075"/>
                    <a:pt x="796077" y="-1168"/>
                    <a:pt x="797701" y="454"/>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0" name="ísļîdé">
              <a:extLst>
                <a:ext uri="{FF2B5EF4-FFF2-40B4-BE49-F238E27FC236}">
                  <a16:creationId xmlns:a16="http://schemas.microsoft.com/office/drawing/2014/main" xmlns="" id="{A74BA512-2C7F-4555-895E-1E9AEDD568AB}"/>
                </a:ext>
              </a:extLst>
            </p:cNvPr>
            <p:cNvSpPr/>
            <p:nvPr/>
          </p:nvSpPr>
          <p:spPr bwMode="auto">
            <a:xfrm>
              <a:off x="6646864" y="3384550"/>
              <a:ext cx="134938" cy="249238"/>
            </a:xfrm>
            <a:custGeom>
              <a:avLst/>
              <a:gdLst>
                <a:gd name="T0" fmla="*/ 77 w 83"/>
                <a:gd name="T1" fmla="*/ 16 h 154"/>
                <a:gd name="T2" fmla="*/ 75 w 83"/>
                <a:gd name="T3" fmla="*/ 10 h 154"/>
                <a:gd name="T4" fmla="*/ 72 w 83"/>
                <a:gd name="T5" fmla="*/ 2 h 154"/>
                <a:gd name="T6" fmla="*/ 67 w 83"/>
                <a:gd name="T7" fmla="*/ 0 h 154"/>
                <a:gd name="T8" fmla="*/ 63 w 83"/>
                <a:gd name="T9" fmla="*/ 5 h 154"/>
                <a:gd name="T10" fmla="*/ 64 w 83"/>
                <a:gd name="T11" fmla="*/ 12 h 154"/>
                <a:gd name="T12" fmla="*/ 58 w 83"/>
                <a:gd name="T13" fmla="*/ 17 h 154"/>
                <a:gd name="T14" fmla="*/ 54 w 83"/>
                <a:gd name="T15" fmla="*/ 21 h 154"/>
                <a:gd name="T16" fmla="*/ 53 w 83"/>
                <a:gd name="T17" fmla="*/ 23 h 154"/>
                <a:gd name="T18" fmla="*/ 51 w 83"/>
                <a:gd name="T19" fmla="*/ 30 h 154"/>
                <a:gd name="T20" fmla="*/ 46 w 83"/>
                <a:gd name="T21" fmla="*/ 34 h 154"/>
                <a:gd name="T22" fmla="*/ 39 w 83"/>
                <a:gd name="T23" fmla="*/ 37 h 154"/>
                <a:gd name="T24" fmla="*/ 36 w 83"/>
                <a:gd name="T25" fmla="*/ 43 h 154"/>
                <a:gd name="T26" fmla="*/ 30 w 83"/>
                <a:gd name="T27" fmla="*/ 41 h 154"/>
                <a:gd name="T28" fmla="*/ 22 w 83"/>
                <a:gd name="T29" fmla="*/ 43 h 154"/>
                <a:gd name="T30" fmla="*/ 16 w 83"/>
                <a:gd name="T31" fmla="*/ 45 h 154"/>
                <a:gd name="T32" fmla="*/ 12 w 83"/>
                <a:gd name="T33" fmla="*/ 55 h 154"/>
                <a:gd name="T34" fmla="*/ 10 w 83"/>
                <a:gd name="T35" fmla="*/ 61 h 154"/>
                <a:gd name="T36" fmla="*/ 10 w 83"/>
                <a:gd name="T37" fmla="*/ 66 h 154"/>
                <a:gd name="T38" fmla="*/ 11 w 83"/>
                <a:gd name="T39" fmla="*/ 69 h 154"/>
                <a:gd name="T40" fmla="*/ 13 w 83"/>
                <a:gd name="T41" fmla="*/ 80 h 154"/>
                <a:gd name="T42" fmla="*/ 14 w 83"/>
                <a:gd name="T43" fmla="*/ 85 h 154"/>
                <a:gd name="T44" fmla="*/ 12 w 83"/>
                <a:gd name="T45" fmla="*/ 94 h 154"/>
                <a:gd name="T46" fmla="*/ 8 w 83"/>
                <a:gd name="T47" fmla="*/ 100 h 154"/>
                <a:gd name="T48" fmla="*/ 8 w 83"/>
                <a:gd name="T49" fmla="*/ 103 h 154"/>
                <a:gd name="T50" fmla="*/ 3 w 83"/>
                <a:gd name="T51" fmla="*/ 107 h 154"/>
                <a:gd name="T52" fmla="*/ 5 w 83"/>
                <a:gd name="T53" fmla="*/ 115 h 154"/>
                <a:gd name="T54" fmla="*/ 2 w 83"/>
                <a:gd name="T55" fmla="*/ 120 h 154"/>
                <a:gd name="T56" fmla="*/ 6 w 83"/>
                <a:gd name="T57" fmla="*/ 129 h 154"/>
                <a:gd name="T58" fmla="*/ 5 w 83"/>
                <a:gd name="T59" fmla="*/ 137 h 154"/>
                <a:gd name="T60" fmla="*/ 7 w 83"/>
                <a:gd name="T61" fmla="*/ 140 h 154"/>
                <a:gd name="T62" fmla="*/ 11 w 83"/>
                <a:gd name="T63" fmla="*/ 147 h 154"/>
                <a:gd name="T64" fmla="*/ 16 w 83"/>
                <a:gd name="T65" fmla="*/ 150 h 154"/>
                <a:gd name="T66" fmla="*/ 20 w 83"/>
                <a:gd name="T67" fmla="*/ 152 h 154"/>
                <a:gd name="T68" fmla="*/ 24 w 83"/>
                <a:gd name="T69" fmla="*/ 154 h 154"/>
                <a:gd name="T70" fmla="*/ 32 w 83"/>
                <a:gd name="T71" fmla="*/ 151 h 154"/>
                <a:gd name="T72" fmla="*/ 38 w 83"/>
                <a:gd name="T73" fmla="*/ 149 h 154"/>
                <a:gd name="T74" fmla="*/ 43 w 83"/>
                <a:gd name="T75" fmla="*/ 146 h 154"/>
                <a:gd name="T76" fmla="*/ 47 w 83"/>
                <a:gd name="T77" fmla="*/ 140 h 154"/>
                <a:gd name="T78" fmla="*/ 49 w 83"/>
                <a:gd name="T79" fmla="*/ 134 h 154"/>
                <a:gd name="T80" fmla="*/ 52 w 83"/>
                <a:gd name="T81" fmla="*/ 125 h 154"/>
                <a:gd name="T82" fmla="*/ 53 w 83"/>
                <a:gd name="T83" fmla="*/ 118 h 154"/>
                <a:gd name="T84" fmla="*/ 56 w 83"/>
                <a:gd name="T85" fmla="*/ 110 h 154"/>
                <a:gd name="T86" fmla="*/ 58 w 83"/>
                <a:gd name="T87" fmla="*/ 102 h 154"/>
                <a:gd name="T88" fmla="*/ 61 w 83"/>
                <a:gd name="T89" fmla="*/ 95 h 154"/>
                <a:gd name="T90" fmla="*/ 63 w 83"/>
                <a:gd name="T91" fmla="*/ 89 h 154"/>
                <a:gd name="T92" fmla="*/ 66 w 83"/>
                <a:gd name="T93" fmla="*/ 79 h 154"/>
                <a:gd name="T94" fmla="*/ 68 w 83"/>
                <a:gd name="T95" fmla="*/ 71 h 154"/>
                <a:gd name="T96" fmla="*/ 70 w 83"/>
                <a:gd name="T97" fmla="*/ 61 h 154"/>
                <a:gd name="T98" fmla="*/ 74 w 83"/>
                <a:gd name="T99" fmla="*/ 52 h 154"/>
                <a:gd name="T100" fmla="*/ 74 w 83"/>
                <a:gd name="T101" fmla="*/ 43 h 154"/>
                <a:gd name="T102" fmla="*/ 75 w 83"/>
                <a:gd name="T103" fmla="*/ 37 h 154"/>
                <a:gd name="T104" fmla="*/ 80 w 83"/>
                <a:gd name="T105" fmla="*/ 41 h 154"/>
                <a:gd name="T106" fmla="*/ 83 w 83"/>
                <a:gd name="T107" fmla="*/ 36 h 154"/>
                <a:gd name="T108" fmla="*/ 77 w 83"/>
                <a:gd name="T109" fmla="*/ 21 h 1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83" h="154">
                  <a:moveTo>
                    <a:pt x="77" y="21"/>
                  </a:moveTo>
                  <a:cubicBezTo>
                    <a:pt x="77" y="20"/>
                    <a:pt x="77" y="17"/>
                    <a:pt x="77" y="16"/>
                  </a:cubicBezTo>
                  <a:cubicBezTo>
                    <a:pt x="77" y="15"/>
                    <a:pt x="78" y="13"/>
                    <a:pt x="77" y="13"/>
                  </a:cubicBezTo>
                  <a:cubicBezTo>
                    <a:pt x="76" y="13"/>
                    <a:pt x="75" y="10"/>
                    <a:pt x="75" y="10"/>
                  </a:cubicBezTo>
                  <a:cubicBezTo>
                    <a:pt x="75" y="10"/>
                    <a:pt x="75" y="7"/>
                    <a:pt x="74" y="6"/>
                  </a:cubicBezTo>
                  <a:cubicBezTo>
                    <a:pt x="73" y="5"/>
                    <a:pt x="74" y="1"/>
                    <a:pt x="72" y="2"/>
                  </a:cubicBezTo>
                  <a:cubicBezTo>
                    <a:pt x="71" y="2"/>
                    <a:pt x="70" y="1"/>
                    <a:pt x="69" y="1"/>
                  </a:cubicBezTo>
                  <a:cubicBezTo>
                    <a:pt x="68" y="1"/>
                    <a:pt x="67" y="0"/>
                    <a:pt x="67" y="0"/>
                  </a:cubicBezTo>
                  <a:cubicBezTo>
                    <a:pt x="65" y="3"/>
                    <a:pt x="65" y="3"/>
                    <a:pt x="65" y="3"/>
                  </a:cubicBezTo>
                  <a:cubicBezTo>
                    <a:pt x="65" y="3"/>
                    <a:pt x="63" y="4"/>
                    <a:pt x="63" y="5"/>
                  </a:cubicBezTo>
                  <a:cubicBezTo>
                    <a:pt x="64" y="6"/>
                    <a:pt x="64" y="9"/>
                    <a:pt x="64" y="9"/>
                  </a:cubicBezTo>
                  <a:cubicBezTo>
                    <a:pt x="64" y="9"/>
                    <a:pt x="66" y="10"/>
                    <a:pt x="64" y="12"/>
                  </a:cubicBezTo>
                  <a:cubicBezTo>
                    <a:pt x="64" y="12"/>
                    <a:pt x="62" y="13"/>
                    <a:pt x="61" y="14"/>
                  </a:cubicBezTo>
                  <a:cubicBezTo>
                    <a:pt x="59" y="17"/>
                    <a:pt x="59" y="17"/>
                    <a:pt x="58" y="17"/>
                  </a:cubicBezTo>
                  <a:cubicBezTo>
                    <a:pt x="55" y="18"/>
                    <a:pt x="53" y="17"/>
                    <a:pt x="54" y="18"/>
                  </a:cubicBezTo>
                  <a:cubicBezTo>
                    <a:pt x="54" y="19"/>
                    <a:pt x="54" y="19"/>
                    <a:pt x="54" y="21"/>
                  </a:cubicBezTo>
                  <a:cubicBezTo>
                    <a:pt x="53" y="22"/>
                    <a:pt x="53" y="22"/>
                    <a:pt x="53" y="22"/>
                  </a:cubicBezTo>
                  <a:cubicBezTo>
                    <a:pt x="53" y="22"/>
                    <a:pt x="53" y="22"/>
                    <a:pt x="53" y="23"/>
                  </a:cubicBezTo>
                  <a:cubicBezTo>
                    <a:pt x="52" y="26"/>
                    <a:pt x="52" y="27"/>
                    <a:pt x="52" y="27"/>
                  </a:cubicBezTo>
                  <a:cubicBezTo>
                    <a:pt x="51" y="30"/>
                    <a:pt x="51" y="30"/>
                    <a:pt x="51" y="30"/>
                  </a:cubicBezTo>
                  <a:cubicBezTo>
                    <a:pt x="49" y="29"/>
                    <a:pt x="46" y="31"/>
                    <a:pt x="46" y="31"/>
                  </a:cubicBezTo>
                  <a:cubicBezTo>
                    <a:pt x="47" y="33"/>
                    <a:pt x="46" y="32"/>
                    <a:pt x="46" y="34"/>
                  </a:cubicBezTo>
                  <a:cubicBezTo>
                    <a:pt x="45" y="37"/>
                    <a:pt x="43" y="36"/>
                    <a:pt x="43" y="36"/>
                  </a:cubicBezTo>
                  <a:cubicBezTo>
                    <a:pt x="40" y="37"/>
                    <a:pt x="40" y="36"/>
                    <a:pt x="39" y="37"/>
                  </a:cubicBezTo>
                  <a:cubicBezTo>
                    <a:pt x="37" y="39"/>
                    <a:pt x="36" y="40"/>
                    <a:pt x="36" y="40"/>
                  </a:cubicBezTo>
                  <a:cubicBezTo>
                    <a:pt x="36" y="40"/>
                    <a:pt x="37" y="42"/>
                    <a:pt x="36" y="43"/>
                  </a:cubicBezTo>
                  <a:cubicBezTo>
                    <a:pt x="33" y="42"/>
                    <a:pt x="33" y="42"/>
                    <a:pt x="33" y="42"/>
                  </a:cubicBezTo>
                  <a:cubicBezTo>
                    <a:pt x="30" y="41"/>
                    <a:pt x="30" y="41"/>
                    <a:pt x="30" y="41"/>
                  </a:cubicBezTo>
                  <a:cubicBezTo>
                    <a:pt x="26" y="43"/>
                    <a:pt x="26" y="43"/>
                    <a:pt x="26" y="43"/>
                  </a:cubicBezTo>
                  <a:cubicBezTo>
                    <a:pt x="26" y="43"/>
                    <a:pt x="23" y="43"/>
                    <a:pt x="22" y="43"/>
                  </a:cubicBezTo>
                  <a:cubicBezTo>
                    <a:pt x="22" y="43"/>
                    <a:pt x="20" y="45"/>
                    <a:pt x="19" y="46"/>
                  </a:cubicBezTo>
                  <a:cubicBezTo>
                    <a:pt x="19" y="46"/>
                    <a:pt x="17" y="44"/>
                    <a:pt x="16" y="45"/>
                  </a:cubicBezTo>
                  <a:cubicBezTo>
                    <a:pt x="14" y="48"/>
                    <a:pt x="14" y="48"/>
                    <a:pt x="14" y="49"/>
                  </a:cubicBezTo>
                  <a:cubicBezTo>
                    <a:pt x="14" y="53"/>
                    <a:pt x="13" y="54"/>
                    <a:pt x="12" y="55"/>
                  </a:cubicBezTo>
                  <a:cubicBezTo>
                    <a:pt x="11" y="57"/>
                    <a:pt x="12" y="56"/>
                    <a:pt x="11" y="58"/>
                  </a:cubicBezTo>
                  <a:cubicBezTo>
                    <a:pt x="11" y="59"/>
                    <a:pt x="10" y="59"/>
                    <a:pt x="10" y="61"/>
                  </a:cubicBezTo>
                  <a:cubicBezTo>
                    <a:pt x="10" y="62"/>
                    <a:pt x="11" y="61"/>
                    <a:pt x="10" y="63"/>
                  </a:cubicBezTo>
                  <a:cubicBezTo>
                    <a:pt x="10" y="65"/>
                    <a:pt x="10" y="65"/>
                    <a:pt x="10" y="66"/>
                  </a:cubicBezTo>
                  <a:cubicBezTo>
                    <a:pt x="10" y="66"/>
                    <a:pt x="10" y="66"/>
                    <a:pt x="10" y="66"/>
                  </a:cubicBezTo>
                  <a:cubicBezTo>
                    <a:pt x="10" y="67"/>
                    <a:pt x="10" y="68"/>
                    <a:pt x="11" y="69"/>
                  </a:cubicBezTo>
                  <a:cubicBezTo>
                    <a:pt x="12" y="76"/>
                    <a:pt x="11" y="78"/>
                    <a:pt x="11" y="78"/>
                  </a:cubicBezTo>
                  <a:cubicBezTo>
                    <a:pt x="11" y="78"/>
                    <a:pt x="12" y="79"/>
                    <a:pt x="13" y="80"/>
                  </a:cubicBezTo>
                  <a:cubicBezTo>
                    <a:pt x="13" y="82"/>
                    <a:pt x="14" y="82"/>
                    <a:pt x="14" y="84"/>
                  </a:cubicBezTo>
                  <a:cubicBezTo>
                    <a:pt x="14" y="85"/>
                    <a:pt x="14" y="82"/>
                    <a:pt x="14" y="85"/>
                  </a:cubicBezTo>
                  <a:cubicBezTo>
                    <a:pt x="14" y="89"/>
                    <a:pt x="14" y="90"/>
                    <a:pt x="13" y="91"/>
                  </a:cubicBezTo>
                  <a:cubicBezTo>
                    <a:pt x="12" y="92"/>
                    <a:pt x="13" y="91"/>
                    <a:pt x="12" y="94"/>
                  </a:cubicBezTo>
                  <a:cubicBezTo>
                    <a:pt x="11" y="96"/>
                    <a:pt x="10" y="97"/>
                    <a:pt x="10" y="98"/>
                  </a:cubicBezTo>
                  <a:cubicBezTo>
                    <a:pt x="9" y="99"/>
                    <a:pt x="8" y="98"/>
                    <a:pt x="8" y="100"/>
                  </a:cubicBezTo>
                  <a:cubicBezTo>
                    <a:pt x="8" y="102"/>
                    <a:pt x="8" y="100"/>
                    <a:pt x="8" y="102"/>
                  </a:cubicBezTo>
                  <a:cubicBezTo>
                    <a:pt x="8" y="103"/>
                    <a:pt x="8" y="103"/>
                    <a:pt x="8" y="103"/>
                  </a:cubicBezTo>
                  <a:cubicBezTo>
                    <a:pt x="8" y="103"/>
                    <a:pt x="5" y="103"/>
                    <a:pt x="5" y="104"/>
                  </a:cubicBezTo>
                  <a:cubicBezTo>
                    <a:pt x="4" y="106"/>
                    <a:pt x="4" y="106"/>
                    <a:pt x="3" y="107"/>
                  </a:cubicBezTo>
                  <a:cubicBezTo>
                    <a:pt x="2" y="110"/>
                    <a:pt x="2" y="109"/>
                    <a:pt x="2" y="110"/>
                  </a:cubicBezTo>
                  <a:cubicBezTo>
                    <a:pt x="3" y="113"/>
                    <a:pt x="6" y="115"/>
                    <a:pt x="5" y="115"/>
                  </a:cubicBezTo>
                  <a:cubicBezTo>
                    <a:pt x="2" y="115"/>
                    <a:pt x="2" y="116"/>
                    <a:pt x="2" y="117"/>
                  </a:cubicBezTo>
                  <a:cubicBezTo>
                    <a:pt x="2" y="117"/>
                    <a:pt x="2" y="119"/>
                    <a:pt x="2" y="120"/>
                  </a:cubicBezTo>
                  <a:cubicBezTo>
                    <a:pt x="2" y="121"/>
                    <a:pt x="0" y="120"/>
                    <a:pt x="2" y="123"/>
                  </a:cubicBezTo>
                  <a:cubicBezTo>
                    <a:pt x="5" y="125"/>
                    <a:pt x="6" y="127"/>
                    <a:pt x="6" y="129"/>
                  </a:cubicBezTo>
                  <a:cubicBezTo>
                    <a:pt x="6" y="130"/>
                    <a:pt x="7" y="125"/>
                    <a:pt x="6" y="131"/>
                  </a:cubicBezTo>
                  <a:cubicBezTo>
                    <a:pt x="5" y="137"/>
                    <a:pt x="5" y="137"/>
                    <a:pt x="5" y="137"/>
                  </a:cubicBezTo>
                  <a:cubicBezTo>
                    <a:pt x="5" y="137"/>
                    <a:pt x="5" y="138"/>
                    <a:pt x="5" y="139"/>
                  </a:cubicBezTo>
                  <a:cubicBezTo>
                    <a:pt x="5" y="139"/>
                    <a:pt x="6" y="139"/>
                    <a:pt x="7" y="140"/>
                  </a:cubicBezTo>
                  <a:cubicBezTo>
                    <a:pt x="8" y="142"/>
                    <a:pt x="9" y="143"/>
                    <a:pt x="9" y="144"/>
                  </a:cubicBezTo>
                  <a:cubicBezTo>
                    <a:pt x="11" y="147"/>
                    <a:pt x="11" y="147"/>
                    <a:pt x="11" y="147"/>
                  </a:cubicBezTo>
                  <a:cubicBezTo>
                    <a:pt x="14" y="148"/>
                    <a:pt x="14" y="148"/>
                    <a:pt x="14" y="148"/>
                  </a:cubicBezTo>
                  <a:cubicBezTo>
                    <a:pt x="16" y="150"/>
                    <a:pt x="16" y="150"/>
                    <a:pt x="16" y="150"/>
                  </a:cubicBezTo>
                  <a:cubicBezTo>
                    <a:pt x="17" y="152"/>
                    <a:pt x="17" y="152"/>
                    <a:pt x="17" y="152"/>
                  </a:cubicBezTo>
                  <a:cubicBezTo>
                    <a:pt x="20" y="152"/>
                    <a:pt x="20" y="152"/>
                    <a:pt x="20" y="152"/>
                  </a:cubicBezTo>
                  <a:cubicBezTo>
                    <a:pt x="22" y="154"/>
                    <a:pt x="22" y="154"/>
                    <a:pt x="22" y="154"/>
                  </a:cubicBezTo>
                  <a:cubicBezTo>
                    <a:pt x="24" y="154"/>
                    <a:pt x="24" y="154"/>
                    <a:pt x="24" y="154"/>
                  </a:cubicBezTo>
                  <a:cubicBezTo>
                    <a:pt x="28" y="153"/>
                    <a:pt x="28" y="153"/>
                    <a:pt x="28" y="153"/>
                  </a:cubicBezTo>
                  <a:cubicBezTo>
                    <a:pt x="32" y="151"/>
                    <a:pt x="32" y="151"/>
                    <a:pt x="32" y="151"/>
                  </a:cubicBezTo>
                  <a:cubicBezTo>
                    <a:pt x="36" y="150"/>
                    <a:pt x="36" y="150"/>
                    <a:pt x="36" y="150"/>
                  </a:cubicBezTo>
                  <a:cubicBezTo>
                    <a:pt x="36" y="150"/>
                    <a:pt x="38" y="149"/>
                    <a:pt x="38" y="149"/>
                  </a:cubicBezTo>
                  <a:cubicBezTo>
                    <a:pt x="41" y="149"/>
                    <a:pt x="41" y="149"/>
                    <a:pt x="41" y="149"/>
                  </a:cubicBezTo>
                  <a:cubicBezTo>
                    <a:pt x="43" y="147"/>
                    <a:pt x="43" y="146"/>
                    <a:pt x="43" y="146"/>
                  </a:cubicBezTo>
                  <a:cubicBezTo>
                    <a:pt x="45" y="143"/>
                    <a:pt x="45" y="143"/>
                    <a:pt x="45" y="143"/>
                  </a:cubicBezTo>
                  <a:cubicBezTo>
                    <a:pt x="45" y="143"/>
                    <a:pt x="47" y="141"/>
                    <a:pt x="47" y="140"/>
                  </a:cubicBezTo>
                  <a:cubicBezTo>
                    <a:pt x="48" y="140"/>
                    <a:pt x="47" y="138"/>
                    <a:pt x="47" y="138"/>
                  </a:cubicBezTo>
                  <a:cubicBezTo>
                    <a:pt x="47" y="138"/>
                    <a:pt x="49" y="138"/>
                    <a:pt x="49" y="134"/>
                  </a:cubicBezTo>
                  <a:cubicBezTo>
                    <a:pt x="50" y="131"/>
                    <a:pt x="50" y="130"/>
                    <a:pt x="50" y="130"/>
                  </a:cubicBezTo>
                  <a:cubicBezTo>
                    <a:pt x="50" y="130"/>
                    <a:pt x="52" y="126"/>
                    <a:pt x="52" y="125"/>
                  </a:cubicBezTo>
                  <a:cubicBezTo>
                    <a:pt x="52" y="125"/>
                    <a:pt x="52" y="121"/>
                    <a:pt x="52" y="121"/>
                  </a:cubicBezTo>
                  <a:cubicBezTo>
                    <a:pt x="53" y="118"/>
                    <a:pt x="53" y="118"/>
                    <a:pt x="53" y="118"/>
                  </a:cubicBezTo>
                  <a:cubicBezTo>
                    <a:pt x="55" y="114"/>
                    <a:pt x="55" y="114"/>
                    <a:pt x="55" y="114"/>
                  </a:cubicBezTo>
                  <a:cubicBezTo>
                    <a:pt x="56" y="110"/>
                    <a:pt x="56" y="110"/>
                    <a:pt x="56" y="110"/>
                  </a:cubicBezTo>
                  <a:cubicBezTo>
                    <a:pt x="56" y="110"/>
                    <a:pt x="56" y="107"/>
                    <a:pt x="56" y="107"/>
                  </a:cubicBezTo>
                  <a:cubicBezTo>
                    <a:pt x="56" y="106"/>
                    <a:pt x="58" y="103"/>
                    <a:pt x="58" y="102"/>
                  </a:cubicBezTo>
                  <a:cubicBezTo>
                    <a:pt x="58" y="101"/>
                    <a:pt x="59" y="100"/>
                    <a:pt x="60" y="99"/>
                  </a:cubicBezTo>
                  <a:cubicBezTo>
                    <a:pt x="60" y="98"/>
                    <a:pt x="61" y="95"/>
                    <a:pt x="61" y="95"/>
                  </a:cubicBezTo>
                  <a:cubicBezTo>
                    <a:pt x="61" y="95"/>
                    <a:pt x="62" y="93"/>
                    <a:pt x="63" y="92"/>
                  </a:cubicBezTo>
                  <a:cubicBezTo>
                    <a:pt x="63" y="91"/>
                    <a:pt x="63" y="89"/>
                    <a:pt x="63" y="89"/>
                  </a:cubicBezTo>
                  <a:cubicBezTo>
                    <a:pt x="63" y="89"/>
                    <a:pt x="66" y="84"/>
                    <a:pt x="66" y="84"/>
                  </a:cubicBezTo>
                  <a:cubicBezTo>
                    <a:pt x="66" y="83"/>
                    <a:pt x="66" y="79"/>
                    <a:pt x="66" y="79"/>
                  </a:cubicBezTo>
                  <a:cubicBezTo>
                    <a:pt x="66" y="78"/>
                    <a:pt x="68" y="74"/>
                    <a:pt x="68" y="74"/>
                  </a:cubicBezTo>
                  <a:cubicBezTo>
                    <a:pt x="68" y="74"/>
                    <a:pt x="68" y="72"/>
                    <a:pt x="68" y="71"/>
                  </a:cubicBezTo>
                  <a:cubicBezTo>
                    <a:pt x="68" y="70"/>
                    <a:pt x="70" y="65"/>
                    <a:pt x="70" y="65"/>
                  </a:cubicBezTo>
                  <a:cubicBezTo>
                    <a:pt x="70" y="64"/>
                    <a:pt x="70" y="62"/>
                    <a:pt x="70" y="61"/>
                  </a:cubicBezTo>
                  <a:cubicBezTo>
                    <a:pt x="70" y="60"/>
                    <a:pt x="69" y="55"/>
                    <a:pt x="70" y="55"/>
                  </a:cubicBezTo>
                  <a:cubicBezTo>
                    <a:pt x="70" y="55"/>
                    <a:pt x="73" y="51"/>
                    <a:pt x="74" y="52"/>
                  </a:cubicBezTo>
                  <a:cubicBezTo>
                    <a:pt x="75" y="46"/>
                    <a:pt x="75" y="46"/>
                    <a:pt x="75" y="46"/>
                  </a:cubicBezTo>
                  <a:cubicBezTo>
                    <a:pt x="74" y="43"/>
                    <a:pt x="74" y="43"/>
                    <a:pt x="74" y="43"/>
                  </a:cubicBezTo>
                  <a:cubicBezTo>
                    <a:pt x="74" y="43"/>
                    <a:pt x="72" y="41"/>
                    <a:pt x="73" y="40"/>
                  </a:cubicBezTo>
                  <a:cubicBezTo>
                    <a:pt x="74" y="39"/>
                    <a:pt x="73" y="37"/>
                    <a:pt x="75" y="37"/>
                  </a:cubicBezTo>
                  <a:cubicBezTo>
                    <a:pt x="76" y="37"/>
                    <a:pt x="75" y="40"/>
                    <a:pt x="76" y="40"/>
                  </a:cubicBezTo>
                  <a:cubicBezTo>
                    <a:pt x="79" y="42"/>
                    <a:pt x="80" y="41"/>
                    <a:pt x="80" y="41"/>
                  </a:cubicBezTo>
                  <a:cubicBezTo>
                    <a:pt x="80" y="41"/>
                    <a:pt x="81" y="40"/>
                    <a:pt x="82" y="39"/>
                  </a:cubicBezTo>
                  <a:cubicBezTo>
                    <a:pt x="82" y="37"/>
                    <a:pt x="83" y="37"/>
                    <a:pt x="83" y="36"/>
                  </a:cubicBezTo>
                  <a:cubicBezTo>
                    <a:pt x="82" y="34"/>
                    <a:pt x="80" y="28"/>
                    <a:pt x="80" y="28"/>
                  </a:cubicBezTo>
                  <a:cubicBezTo>
                    <a:pt x="78" y="25"/>
                    <a:pt x="78" y="23"/>
                    <a:pt x="77" y="21"/>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1" name="îS1íḓe">
              <a:extLst>
                <a:ext uri="{FF2B5EF4-FFF2-40B4-BE49-F238E27FC236}">
                  <a16:creationId xmlns:a16="http://schemas.microsoft.com/office/drawing/2014/main" xmlns="" id="{CEC8C1AC-7DCE-478D-A712-82121EE60DFE}"/>
                </a:ext>
              </a:extLst>
            </p:cNvPr>
            <p:cNvSpPr/>
            <p:nvPr/>
          </p:nvSpPr>
          <p:spPr bwMode="auto">
            <a:xfrm>
              <a:off x="5556251" y="2460625"/>
              <a:ext cx="1238250" cy="1357313"/>
            </a:xfrm>
            <a:custGeom>
              <a:avLst/>
              <a:gdLst>
                <a:gd name="T0" fmla="*/ 721 w 762"/>
                <a:gd name="T1" fmla="*/ 311 h 836"/>
                <a:gd name="T2" fmla="*/ 690 w 762"/>
                <a:gd name="T3" fmla="*/ 318 h 836"/>
                <a:gd name="T4" fmla="*/ 674 w 762"/>
                <a:gd name="T5" fmla="*/ 296 h 836"/>
                <a:gd name="T6" fmla="*/ 640 w 762"/>
                <a:gd name="T7" fmla="*/ 267 h 836"/>
                <a:gd name="T8" fmla="*/ 612 w 762"/>
                <a:gd name="T9" fmla="*/ 226 h 836"/>
                <a:gd name="T10" fmla="*/ 592 w 762"/>
                <a:gd name="T11" fmla="*/ 177 h 836"/>
                <a:gd name="T12" fmla="*/ 576 w 762"/>
                <a:gd name="T13" fmla="*/ 145 h 836"/>
                <a:gd name="T14" fmla="*/ 554 w 762"/>
                <a:gd name="T15" fmla="*/ 96 h 836"/>
                <a:gd name="T16" fmla="*/ 577 w 762"/>
                <a:gd name="T17" fmla="*/ 107 h 836"/>
                <a:gd name="T18" fmla="*/ 553 w 762"/>
                <a:gd name="T19" fmla="*/ 78 h 836"/>
                <a:gd name="T20" fmla="*/ 507 w 762"/>
                <a:gd name="T21" fmla="*/ 79 h 836"/>
                <a:gd name="T22" fmla="*/ 464 w 762"/>
                <a:gd name="T23" fmla="*/ 67 h 836"/>
                <a:gd name="T24" fmla="*/ 423 w 762"/>
                <a:gd name="T25" fmla="*/ 61 h 836"/>
                <a:gd name="T26" fmla="*/ 392 w 762"/>
                <a:gd name="T27" fmla="*/ 81 h 836"/>
                <a:gd name="T28" fmla="*/ 358 w 762"/>
                <a:gd name="T29" fmla="*/ 63 h 836"/>
                <a:gd name="T30" fmla="*/ 315 w 762"/>
                <a:gd name="T31" fmla="*/ 46 h 836"/>
                <a:gd name="T32" fmla="*/ 312 w 762"/>
                <a:gd name="T33" fmla="*/ 19 h 836"/>
                <a:gd name="T34" fmla="*/ 298 w 762"/>
                <a:gd name="T35" fmla="*/ 3 h 836"/>
                <a:gd name="T36" fmla="*/ 270 w 762"/>
                <a:gd name="T37" fmla="*/ 6 h 836"/>
                <a:gd name="T38" fmla="*/ 227 w 762"/>
                <a:gd name="T39" fmla="*/ 8 h 836"/>
                <a:gd name="T40" fmla="*/ 178 w 762"/>
                <a:gd name="T41" fmla="*/ 25 h 836"/>
                <a:gd name="T42" fmla="*/ 157 w 762"/>
                <a:gd name="T43" fmla="*/ 26 h 836"/>
                <a:gd name="T44" fmla="*/ 125 w 762"/>
                <a:gd name="T45" fmla="*/ 24 h 836"/>
                <a:gd name="T46" fmla="*/ 92 w 762"/>
                <a:gd name="T47" fmla="*/ 58 h 836"/>
                <a:gd name="T48" fmla="*/ 72 w 762"/>
                <a:gd name="T49" fmla="*/ 105 h 836"/>
                <a:gd name="T50" fmla="*/ 31 w 762"/>
                <a:gd name="T51" fmla="*/ 140 h 836"/>
                <a:gd name="T52" fmla="*/ 4 w 762"/>
                <a:gd name="T53" fmla="*/ 189 h 836"/>
                <a:gd name="T54" fmla="*/ 14 w 762"/>
                <a:gd name="T55" fmla="*/ 228 h 836"/>
                <a:gd name="T56" fmla="*/ 4 w 762"/>
                <a:gd name="T57" fmla="*/ 275 h 836"/>
                <a:gd name="T58" fmla="*/ 13 w 762"/>
                <a:gd name="T59" fmla="*/ 302 h 836"/>
                <a:gd name="T60" fmla="*/ 32 w 762"/>
                <a:gd name="T61" fmla="*/ 320 h 836"/>
                <a:gd name="T62" fmla="*/ 63 w 762"/>
                <a:gd name="T63" fmla="*/ 359 h 836"/>
                <a:gd name="T64" fmla="*/ 110 w 762"/>
                <a:gd name="T65" fmla="*/ 387 h 836"/>
                <a:gd name="T66" fmla="*/ 159 w 762"/>
                <a:gd name="T67" fmla="*/ 377 h 836"/>
                <a:gd name="T68" fmla="*/ 201 w 762"/>
                <a:gd name="T69" fmla="*/ 369 h 836"/>
                <a:gd name="T70" fmla="*/ 252 w 762"/>
                <a:gd name="T71" fmla="*/ 372 h 836"/>
                <a:gd name="T72" fmla="*/ 295 w 762"/>
                <a:gd name="T73" fmla="*/ 388 h 836"/>
                <a:gd name="T74" fmla="*/ 297 w 762"/>
                <a:gd name="T75" fmla="*/ 454 h 836"/>
                <a:gd name="T76" fmla="*/ 340 w 762"/>
                <a:gd name="T77" fmla="*/ 523 h 836"/>
                <a:gd name="T78" fmla="*/ 329 w 762"/>
                <a:gd name="T79" fmla="*/ 587 h 836"/>
                <a:gd name="T80" fmla="*/ 334 w 762"/>
                <a:gd name="T81" fmla="*/ 653 h 836"/>
                <a:gd name="T82" fmla="*/ 352 w 762"/>
                <a:gd name="T83" fmla="*/ 706 h 836"/>
                <a:gd name="T84" fmla="*/ 377 w 762"/>
                <a:gd name="T85" fmla="*/ 766 h 836"/>
                <a:gd name="T86" fmla="*/ 390 w 762"/>
                <a:gd name="T87" fmla="*/ 814 h 836"/>
                <a:gd name="T88" fmla="*/ 415 w 762"/>
                <a:gd name="T89" fmla="*/ 836 h 836"/>
                <a:gd name="T90" fmla="*/ 447 w 762"/>
                <a:gd name="T91" fmla="*/ 827 h 836"/>
                <a:gd name="T92" fmla="*/ 473 w 762"/>
                <a:gd name="T93" fmla="*/ 827 h 836"/>
                <a:gd name="T94" fmla="*/ 506 w 762"/>
                <a:gd name="T95" fmla="*/ 811 h 836"/>
                <a:gd name="T96" fmla="*/ 534 w 762"/>
                <a:gd name="T97" fmla="*/ 780 h 836"/>
                <a:gd name="T98" fmla="*/ 556 w 762"/>
                <a:gd name="T99" fmla="*/ 744 h 836"/>
                <a:gd name="T100" fmla="*/ 558 w 762"/>
                <a:gd name="T101" fmla="*/ 722 h 836"/>
                <a:gd name="T102" fmla="*/ 587 w 762"/>
                <a:gd name="T103" fmla="*/ 694 h 836"/>
                <a:gd name="T104" fmla="*/ 578 w 762"/>
                <a:gd name="T105" fmla="*/ 661 h 836"/>
                <a:gd name="T106" fmla="*/ 596 w 762"/>
                <a:gd name="T107" fmla="*/ 641 h 836"/>
                <a:gd name="T108" fmla="*/ 641 w 762"/>
                <a:gd name="T109" fmla="*/ 610 h 836"/>
                <a:gd name="T110" fmla="*/ 643 w 762"/>
                <a:gd name="T111" fmla="*/ 560 h 836"/>
                <a:gd name="T112" fmla="*/ 629 w 762"/>
                <a:gd name="T113" fmla="*/ 524 h 836"/>
                <a:gd name="T114" fmla="*/ 626 w 762"/>
                <a:gd name="T115" fmla="*/ 492 h 836"/>
                <a:gd name="T116" fmla="*/ 652 w 762"/>
                <a:gd name="T117" fmla="*/ 453 h 836"/>
                <a:gd name="T118" fmla="*/ 686 w 762"/>
                <a:gd name="T119" fmla="*/ 417 h 836"/>
                <a:gd name="T120" fmla="*/ 733 w 762"/>
                <a:gd name="T121" fmla="*/ 372 h 836"/>
                <a:gd name="T122" fmla="*/ 753 w 762"/>
                <a:gd name="T123" fmla="*/ 338 h 8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762" h="836">
                  <a:moveTo>
                    <a:pt x="758" y="302"/>
                  </a:moveTo>
                  <a:cubicBezTo>
                    <a:pt x="757" y="300"/>
                    <a:pt x="758" y="302"/>
                    <a:pt x="756" y="302"/>
                  </a:cubicBezTo>
                  <a:cubicBezTo>
                    <a:pt x="754" y="302"/>
                    <a:pt x="755" y="303"/>
                    <a:pt x="752" y="304"/>
                  </a:cubicBezTo>
                  <a:cubicBezTo>
                    <a:pt x="752" y="304"/>
                    <a:pt x="749" y="306"/>
                    <a:pt x="748" y="306"/>
                  </a:cubicBezTo>
                  <a:cubicBezTo>
                    <a:pt x="747" y="306"/>
                    <a:pt x="746" y="307"/>
                    <a:pt x="744" y="307"/>
                  </a:cubicBezTo>
                  <a:cubicBezTo>
                    <a:pt x="742" y="307"/>
                    <a:pt x="742" y="308"/>
                    <a:pt x="741" y="307"/>
                  </a:cubicBezTo>
                  <a:cubicBezTo>
                    <a:pt x="739" y="307"/>
                    <a:pt x="737" y="309"/>
                    <a:pt x="737" y="309"/>
                  </a:cubicBezTo>
                  <a:cubicBezTo>
                    <a:pt x="734" y="310"/>
                    <a:pt x="734" y="310"/>
                    <a:pt x="734" y="310"/>
                  </a:cubicBezTo>
                  <a:cubicBezTo>
                    <a:pt x="734" y="310"/>
                    <a:pt x="733" y="311"/>
                    <a:pt x="732" y="310"/>
                  </a:cubicBezTo>
                  <a:cubicBezTo>
                    <a:pt x="731" y="310"/>
                    <a:pt x="729" y="310"/>
                    <a:pt x="728" y="310"/>
                  </a:cubicBezTo>
                  <a:cubicBezTo>
                    <a:pt x="726" y="310"/>
                    <a:pt x="725" y="311"/>
                    <a:pt x="725" y="311"/>
                  </a:cubicBezTo>
                  <a:cubicBezTo>
                    <a:pt x="724" y="310"/>
                    <a:pt x="721" y="311"/>
                    <a:pt x="721" y="311"/>
                  </a:cubicBezTo>
                  <a:cubicBezTo>
                    <a:pt x="720" y="312"/>
                    <a:pt x="720" y="312"/>
                    <a:pt x="720" y="312"/>
                  </a:cubicBezTo>
                  <a:cubicBezTo>
                    <a:pt x="717" y="312"/>
                    <a:pt x="717" y="312"/>
                    <a:pt x="717" y="312"/>
                  </a:cubicBezTo>
                  <a:cubicBezTo>
                    <a:pt x="714" y="314"/>
                    <a:pt x="714" y="314"/>
                    <a:pt x="714" y="314"/>
                  </a:cubicBezTo>
                  <a:cubicBezTo>
                    <a:pt x="714" y="314"/>
                    <a:pt x="711" y="315"/>
                    <a:pt x="711" y="315"/>
                  </a:cubicBezTo>
                  <a:cubicBezTo>
                    <a:pt x="711" y="315"/>
                    <a:pt x="710" y="315"/>
                    <a:pt x="709" y="315"/>
                  </a:cubicBezTo>
                  <a:cubicBezTo>
                    <a:pt x="709" y="315"/>
                    <a:pt x="708" y="315"/>
                    <a:pt x="708" y="315"/>
                  </a:cubicBezTo>
                  <a:cubicBezTo>
                    <a:pt x="708" y="314"/>
                    <a:pt x="705" y="314"/>
                    <a:pt x="705" y="314"/>
                  </a:cubicBezTo>
                  <a:cubicBezTo>
                    <a:pt x="705" y="314"/>
                    <a:pt x="703" y="314"/>
                    <a:pt x="702" y="314"/>
                  </a:cubicBezTo>
                  <a:cubicBezTo>
                    <a:pt x="701" y="315"/>
                    <a:pt x="699" y="315"/>
                    <a:pt x="699" y="315"/>
                  </a:cubicBezTo>
                  <a:cubicBezTo>
                    <a:pt x="697" y="316"/>
                    <a:pt x="697" y="316"/>
                    <a:pt x="697" y="316"/>
                  </a:cubicBezTo>
                  <a:cubicBezTo>
                    <a:pt x="697" y="316"/>
                    <a:pt x="694" y="318"/>
                    <a:pt x="693" y="318"/>
                  </a:cubicBezTo>
                  <a:cubicBezTo>
                    <a:pt x="692" y="319"/>
                    <a:pt x="690" y="318"/>
                    <a:pt x="690" y="318"/>
                  </a:cubicBezTo>
                  <a:cubicBezTo>
                    <a:pt x="690" y="318"/>
                    <a:pt x="684" y="317"/>
                    <a:pt x="684" y="317"/>
                  </a:cubicBezTo>
                  <a:cubicBezTo>
                    <a:pt x="684" y="316"/>
                    <a:pt x="680" y="314"/>
                    <a:pt x="679" y="314"/>
                  </a:cubicBezTo>
                  <a:cubicBezTo>
                    <a:pt x="679" y="313"/>
                    <a:pt x="677" y="311"/>
                    <a:pt x="676" y="311"/>
                  </a:cubicBezTo>
                  <a:cubicBezTo>
                    <a:pt x="676" y="310"/>
                    <a:pt x="675" y="308"/>
                    <a:pt x="675" y="308"/>
                  </a:cubicBezTo>
                  <a:cubicBezTo>
                    <a:pt x="674" y="307"/>
                    <a:pt x="674" y="307"/>
                    <a:pt x="674" y="307"/>
                  </a:cubicBezTo>
                  <a:cubicBezTo>
                    <a:pt x="673" y="306"/>
                    <a:pt x="673" y="306"/>
                    <a:pt x="673" y="306"/>
                  </a:cubicBezTo>
                  <a:cubicBezTo>
                    <a:pt x="673" y="306"/>
                    <a:pt x="670" y="305"/>
                    <a:pt x="669" y="306"/>
                  </a:cubicBezTo>
                  <a:cubicBezTo>
                    <a:pt x="668" y="306"/>
                    <a:pt x="667" y="305"/>
                    <a:pt x="667" y="304"/>
                  </a:cubicBezTo>
                  <a:cubicBezTo>
                    <a:pt x="668" y="303"/>
                    <a:pt x="670" y="304"/>
                    <a:pt x="670" y="304"/>
                  </a:cubicBezTo>
                  <a:cubicBezTo>
                    <a:pt x="670" y="304"/>
                    <a:pt x="674" y="302"/>
                    <a:pt x="674" y="302"/>
                  </a:cubicBezTo>
                  <a:cubicBezTo>
                    <a:pt x="675" y="301"/>
                    <a:pt x="675" y="300"/>
                    <a:pt x="675" y="299"/>
                  </a:cubicBezTo>
                  <a:cubicBezTo>
                    <a:pt x="676" y="299"/>
                    <a:pt x="674" y="297"/>
                    <a:pt x="674" y="296"/>
                  </a:cubicBezTo>
                  <a:cubicBezTo>
                    <a:pt x="673" y="295"/>
                    <a:pt x="672" y="295"/>
                    <a:pt x="672" y="295"/>
                  </a:cubicBezTo>
                  <a:cubicBezTo>
                    <a:pt x="672" y="295"/>
                    <a:pt x="670" y="294"/>
                    <a:pt x="669" y="293"/>
                  </a:cubicBezTo>
                  <a:cubicBezTo>
                    <a:pt x="668" y="292"/>
                    <a:pt x="667" y="292"/>
                    <a:pt x="666" y="291"/>
                  </a:cubicBezTo>
                  <a:cubicBezTo>
                    <a:pt x="666" y="290"/>
                    <a:pt x="665" y="289"/>
                    <a:pt x="664" y="288"/>
                  </a:cubicBezTo>
                  <a:cubicBezTo>
                    <a:pt x="664" y="287"/>
                    <a:pt x="663" y="286"/>
                    <a:pt x="663" y="285"/>
                  </a:cubicBezTo>
                  <a:cubicBezTo>
                    <a:pt x="663" y="283"/>
                    <a:pt x="660" y="282"/>
                    <a:pt x="660" y="282"/>
                  </a:cubicBezTo>
                  <a:cubicBezTo>
                    <a:pt x="654" y="276"/>
                    <a:pt x="654" y="276"/>
                    <a:pt x="654" y="276"/>
                  </a:cubicBezTo>
                  <a:cubicBezTo>
                    <a:pt x="654" y="276"/>
                    <a:pt x="649" y="274"/>
                    <a:pt x="648" y="272"/>
                  </a:cubicBezTo>
                  <a:cubicBezTo>
                    <a:pt x="648" y="271"/>
                    <a:pt x="647" y="270"/>
                    <a:pt x="647" y="270"/>
                  </a:cubicBezTo>
                  <a:cubicBezTo>
                    <a:pt x="647" y="270"/>
                    <a:pt x="644" y="270"/>
                    <a:pt x="644" y="269"/>
                  </a:cubicBezTo>
                  <a:cubicBezTo>
                    <a:pt x="644" y="269"/>
                    <a:pt x="641" y="268"/>
                    <a:pt x="641" y="268"/>
                  </a:cubicBezTo>
                  <a:cubicBezTo>
                    <a:pt x="640" y="267"/>
                    <a:pt x="640" y="267"/>
                    <a:pt x="640" y="267"/>
                  </a:cubicBezTo>
                  <a:cubicBezTo>
                    <a:pt x="640" y="267"/>
                    <a:pt x="638" y="267"/>
                    <a:pt x="638" y="266"/>
                  </a:cubicBezTo>
                  <a:cubicBezTo>
                    <a:pt x="637" y="265"/>
                    <a:pt x="637" y="264"/>
                    <a:pt x="637" y="263"/>
                  </a:cubicBezTo>
                  <a:cubicBezTo>
                    <a:pt x="637" y="262"/>
                    <a:pt x="634" y="261"/>
                    <a:pt x="634" y="261"/>
                  </a:cubicBezTo>
                  <a:cubicBezTo>
                    <a:pt x="633" y="261"/>
                    <a:pt x="633" y="261"/>
                    <a:pt x="633" y="261"/>
                  </a:cubicBezTo>
                  <a:cubicBezTo>
                    <a:pt x="633" y="260"/>
                    <a:pt x="631" y="260"/>
                    <a:pt x="630" y="260"/>
                  </a:cubicBezTo>
                  <a:cubicBezTo>
                    <a:pt x="630" y="260"/>
                    <a:pt x="629" y="256"/>
                    <a:pt x="628" y="255"/>
                  </a:cubicBezTo>
                  <a:cubicBezTo>
                    <a:pt x="628" y="255"/>
                    <a:pt x="624" y="244"/>
                    <a:pt x="624" y="242"/>
                  </a:cubicBezTo>
                  <a:cubicBezTo>
                    <a:pt x="624" y="240"/>
                    <a:pt x="623" y="238"/>
                    <a:pt x="623" y="236"/>
                  </a:cubicBezTo>
                  <a:cubicBezTo>
                    <a:pt x="622" y="234"/>
                    <a:pt x="621" y="234"/>
                    <a:pt x="621" y="233"/>
                  </a:cubicBezTo>
                  <a:cubicBezTo>
                    <a:pt x="621" y="233"/>
                    <a:pt x="621" y="233"/>
                    <a:pt x="621" y="233"/>
                  </a:cubicBezTo>
                  <a:cubicBezTo>
                    <a:pt x="620" y="232"/>
                    <a:pt x="618" y="231"/>
                    <a:pt x="618" y="231"/>
                  </a:cubicBezTo>
                  <a:cubicBezTo>
                    <a:pt x="618" y="230"/>
                    <a:pt x="613" y="227"/>
                    <a:pt x="612" y="226"/>
                  </a:cubicBezTo>
                  <a:cubicBezTo>
                    <a:pt x="611" y="224"/>
                    <a:pt x="609" y="223"/>
                    <a:pt x="609" y="223"/>
                  </a:cubicBezTo>
                  <a:cubicBezTo>
                    <a:pt x="608" y="222"/>
                    <a:pt x="607" y="221"/>
                    <a:pt x="607" y="220"/>
                  </a:cubicBezTo>
                  <a:cubicBezTo>
                    <a:pt x="607" y="220"/>
                    <a:pt x="606" y="217"/>
                    <a:pt x="606" y="215"/>
                  </a:cubicBezTo>
                  <a:cubicBezTo>
                    <a:pt x="606" y="214"/>
                    <a:pt x="605" y="212"/>
                    <a:pt x="605" y="211"/>
                  </a:cubicBezTo>
                  <a:cubicBezTo>
                    <a:pt x="605" y="209"/>
                    <a:pt x="604" y="206"/>
                    <a:pt x="604" y="204"/>
                  </a:cubicBezTo>
                  <a:cubicBezTo>
                    <a:pt x="604" y="203"/>
                    <a:pt x="606" y="200"/>
                    <a:pt x="606" y="200"/>
                  </a:cubicBezTo>
                  <a:cubicBezTo>
                    <a:pt x="606" y="200"/>
                    <a:pt x="602" y="191"/>
                    <a:pt x="602" y="191"/>
                  </a:cubicBezTo>
                  <a:cubicBezTo>
                    <a:pt x="602" y="190"/>
                    <a:pt x="601" y="189"/>
                    <a:pt x="600" y="187"/>
                  </a:cubicBezTo>
                  <a:cubicBezTo>
                    <a:pt x="600" y="185"/>
                    <a:pt x="599" y="185"/>
                    <a:pt x="599" y="184"/>
                  </a:cubicBezTo>
                  <a:cubicBezTo>
                    <a:pt x="598" y="183"/>
                    <a:pt x="596" y="183"/>
                    <a:pt x="596" y="182"/>
                  </a:cubicBezTo>
                  <a:cubicBezTo>
                    <a:pt x="595" y="182"/>
                    <a:pt x="595" y="180"/>
                    <a:pt x="594" y="179"/>
                  </a:cubicBezTo>
                  <a:cubicBezTo>
                    <a:pt x="594" y="178"/>
                    <a:pt x="592" y="178"/>
                    <a:pt x="592" y="177"/>
                  </a:cubicBezTo>
                  <a:cubicBezTo>
                    <a:pt x="591" y="176"/>
                    <a:pt x="589" y="176"/>
                    <a:pt x="588" y="176"/>
                  </a:cubicBezTo>
                  <a:cubicBezTo>
                    <a:pt x="588" y="175"/>
                    <a:pt x="588" y="175"/>
                    <a:pt x="588" y="175"/>
                  </a:cubicBezTo>
                  <a:cubicBezTo>
                    <a:pt x="587" y="174"/>
                    <a:pt x="587" y="173"/>
                    <a:pt x="587" y="172"/>
                  </a:cubicBezTo>
                  <a:cubicBezTo>
                    <a:pt x="586" y="171"/>
                    <a:pt x="586" y="169"/>
                    <a:pt x="586" y="169"/>
                  </a:cubicBezTo>
                  <a:cubicBezTo>
                    <a:pt x="586" y="168"/>
                    <a:pt x="588" y="166"/>
                    <a:pt x="588" y="166"/>
                  </a:cubicBezTo>
                  <a:cubicBezTo>
                    <a:pt x="588" y="166"/>
                    <a:pt x="588" y="164"/>
                    <a:pt x="588" y="164"/>
                  </a:cubicBezTo>
                  <a:cubicBezTo>
                    <a:pt x="587" y="163"/>
                    <a:pt x="587" y="163"/>
                    <a:pt x="587" y="162"/>
                  </a:cubicBezTo>
                  <a:cubicBezTo>
                    <a:pt x="587" y="161"/>
                    <a:pt x="585" y="159"/>
                    <a:pt x="585" y="159"/>
                  </a:cubicBezTo>
                  <a:cubicBezTo>
                    <a:pt x="585" y="159"/>
                    <a:pt x="583" y="157"/>
                    <a:pt x="583" y="156"/>
                  </a:cubicBezTo>
                  <a:cubicBezTo>
                    <a:pt x="583" y="155"/>
                    <a:pt x="580" y="153"/>
                    <a:pt x="580" y="152"/>
                  </a:cubicBezTo>
                  <a:cubicBezTo>
                    <a:pt x="580" y="151"/>
                    <a:pt x="578" y="149"/>
                    <a:pt x="577" y="148"/>
                  </a:cubicBezTo>
                  <a:cubicBezTo>
                    <a:pt x="577" y="148"/>
                    <a:pt x="576" y="146"/>
                    <a:pt x="576" y="145"/>
                  </a:cubicBezTo>
                  <a:cubicBezTo>
                    <a:pt x="576" y="145"/>
                    <a:pt x="571" y="134"/>
                    <a:pt x="571" y="133"/>
                  </a:cubicBezTo>
                  <a:cubicBezTo>
                    <a:pt x="570" y="131"/>
                    <a:pt x="570" y="131"/>
                    <a:pt x="570" y="130"/>
                  </a:cubicBezTo>
                  <a:cubicBezTo>
                    <a:pt x="569" y="130"/>
                    <a:pt x="568" y="129"/>
                    <a:pt x="568" y="128"/>
                  </a:cubicBezTo>
                  <a:cubicBezTo>
                    <a:pt x="568" y="127"/>
                    <a:pt x="567" y="126"/>
                    <a:pt x="567" y="125"/>
                  </a:cubicBezTo>
                  <a:cubicBezTo>
                    <a:pt x="567" y="125"/>
                    <a:pt x="566" y="124"/>
                    <a:pt x="565" y="122"/>
                  </a:cubicBezTo>
                  <a:cubicBezTo>
                    <a:pt x="565" y="121"/>
                    <a:pt x="564" y="121"/>
                    <a:pt x="564" y="121"/>
                  </a:cubicBezTo>
                  <a:cubicBezTo>
                    <a:pt x="564" y="120"/>
                    <a:pt x="564" y="119"/>
                    <a:pt x="564" y="117"/>
                  </a:cubicBezTo>
                  <a:cubicBezTo>
                    <a:pt x="563" y="116"/>
                    <a:pt x="561" y="113"/>
                    <a:pt x="561" y="112"/>
                  </a:cubicBezTo>
                  <a:cubicBezTo>
                    <a:pt x="561" y="111"/>
                    <a:pt x="560" y="111"/>
                    <a:pt x="559" y="110"/>
                  </a:cubicBezTo>
                  <a:cubicBezTo>
                    <a:pt x="559" y="110"/>
                    <a:pt x="556" y="108"/>
                    <a:pt x="556" y="108"/>
                  </a:cubicBezTo>
                  <a:cubicBezTo>
                    <a:pt x="554" y="102"/>
                    <a:pt x="554" y="102"/>
                    <a:pt x="554" y="102"/>
                  </a:cubicBezTo>
                  <a:cubicBezTo>
                    <a:pt x="554" y="102"/>
                    <a:pt x="554" y="96"/>
                    <a:pt x="554" y="96"/>
                  </a:cubicBezTo>
                  <a:cubicBezTo>
                    <a:pt x="554" y="97"/>
                    <a:pt x="554" y="99"/>
                    <a:pt x="554" y="99"/>
                  </a:cubicBezTo>
                  <a:cubicBezTo>
                    <a:pt x="554" y="99"/>
                    <a:pt x="557" y="102"/>
                    <a:pt x="557" y="103"/>
                  </a:cubicBezTo>
                  <a:cubicBezTo>
                    <a:pt x="558" y="103"/>
                    <a:pt x="559" y="105"/>
                    <a:pt x="560" y="104"/>
                  </a:cubicBezTo>
                  <a:cubicBezTo>
                    <a:pt x="560" y="104"/>
                    <a:pt x="560" y="106"/>
                    <a:pt x="561" y="106"/>
                  </a:cubicBezTo>
                  <a:cubicBezTo>
                    <a:pt x="561" y="106"/>
                    <a:pt x="563" y="111"/>
                    <a:pt x="563" y="111"/>
                  </a:cubicBezTo>
                  <a:cubicBezTo>
                    <a:pt x="564" y="112"/>
                    <a:pt x="564" y="113"/>
                    <a:pt x="564" y="113"/>
                  </a:cubicBezTo>
                  <a:cubicBezTo>
                    <a:pt x="564" y="113"/>
                    <a:pt x="566" y="116"/>
                    <a:pt x="567" y="116"/>
                  </a:cubicBezTo>
                  <a:cubicBezTo>
                    <a:pt x="567" y="117"/>
                    <a:pt x="569" y="120"/>
                    <a:pt x="569" y="120"/>
                  </a:cubicBezTo>
                  <a:cubicBezTo>
                    <a:pt x="574" y="118"/>
                    <a:pt x="574" y="118"/>
                    <a:pt x="574" y="118"/>
                  </a:cubicBezTo>
                  <a:cubicBezTo>
                    <a:pt x="574" y="117"/>
                    <a:pt x="575" y="115"/>
                    <a:pt x="575" y="114"/>
                  </a:cubicBezTo>
                  <a:cubicBezTo>
                    <a:pt x="575" y="113"/>
                    <a:pt x="576" y="110"/>
                    <a:pt x="576" y="110"/>
                  </a:cubicBezTo>
                  <a:cubicBezTo>
                    <a:pt x="577" y="107"/>
                    <a:pt x="577" y="107"/>
                    <a:pt x="577" y="107"/>
                  </a:cubicBezTo>
                  <a:cubicBezTo>
                    <a:pt x="577" y="107"/>
                    <a:pt x="577" y="107"/>
                    <a:pt x="577" y="107"/>
                  </a:cubicBezTo>
                  <a:cubicBezTo>
                    <a:pt x="577" y="107"/>
                    <a:pt x="577" y="107"/>
                    <a:pt x="577" y="107"/>
                  </a:cubicBezTo>
                  <a:cubicBezTo>
                    <a:pt x="578" y="103"/>
                    <a:pt x="578" y="103"/>
                    <a:pt x="578" y="103"/>
                  </a:cubicBezTo>
                  <a:cubicBezTo>
                    <a:pt x="578" y="105"/>
                    <a:pt x="578" y="105"/>
                    <a:pt x="578" y="105"/>
                  </a:cubicBezTo>
                  <a:cubicBezTo>
                    <a:pt x="578" y="105"/>
                    <a:pt x="578" y="105"/>
                    <a:pt x="578" y="106"/>
                  </a:cubicBezTo>
                  <a:cubicBezTo>
                    <a:pt x="581" y="102"/>
                    <a:pt x="579" y="93"/>
                    <a:pt x="578" y="89"/>
                  </a:cubicBezTo>
                  <a:cubicBezTo>
                    <a:pt x="577" y="86"/>
                    <a:pt x="574" y="83"/>
                    <a:pt x="574" y="80"/>
                  </a:cubicBezTo>
                  <a:cubicBezTo>
                    <a:pt x="573" y="78"/>
                    <a:pt x="574" y="77"/>
                    <a:pt x="572" y="75"/>
                  </a:cubicBezTo>
                  <a:cubicBezTo>
                    <a:pt x="571" y="76"/>
                    <a:pt x="571" y="76"/>
                    <a:pt x="570" y="76"/>
                  </a:cubicBezTo>
                  <a:cubicBezTo>
                    <a:pt x="568" y="78"/>
                    <a:pt x="569" y="78"/>
                    <a:pt x="568" y="78"/>
                  </a:cubicBezTo>
                  <a:cubicBezTo>
                    <a:pt x="568" y="78"/>
                    <a:pt x="559" y="78"/>
                    <a:pt x="556" y="79"/>
                  </a:cubicBezTo>
                  <a:cubicBezTo>
                    <a:pt x="553" y="79"/>
                    <a:pt x="553" y="79"/>
                    <a:pt x="553" y="78"/>
                  </a:cubicBezTo>
                  <a:cubicBezTo>
                    <a:pt x="552" y="77"/>
                    <a:pt x="551" y="77"/>
                    <a:pt x="550" y="76"/>
                  </a:cubicBezTo>
                  <a:cubicBezTo>
                    <a:pt x="549" y="75"/>
                    <a:pt x="549" y="75"/>
                    <a:pt x="548" y="75"/>
                  </a:cubicBezTo>
                  <a:cubicBezTo>
                    <a:pt x="548" y="75"/>
                    <a:pt x="548" y="75"/>
                    <a:pt x="547" y="75"/>
                  </a:cubicBezTo>
                  <a:cubicBezTo>
                    <a:pt x="547" y="74"/>
                    <a:pt x="544" y="74"/>
                    <a:pt x="544" y="74"/>
                  </a:cubicBezTo>
                  <a:cubicBezTo>
                    <a:pt x="544" y="73"/>
                    <a:pt x="535" y="73"/>
                    <a:pt x="532" y="74"/>
                  </a:cubicBezTo>
                  <a:cubicBezTo>
                    <a:pt x="530" y="75"/>
                    <a:pt x="530" y="75"/>
                    <a:pt x="530" y="75"/>
                  </a:cubicBezTo>
                  <a:cubicBezTo>
                    <a:pt x="530" y="75"/>
                    <a:pt x="527" y="77"/>
                    <a:pt x="525" y="79"/>
                  </a:cubicBezTo>
                  <a:cubicBezTo>
                    <a:pt x="523" y="80"/>
                    <a:pt x="521" y="82"/>
                    <a:pt x="520" y="82"/>
                  </a:cubicBezTo>
                  <a:cubicBezTo>
                    <a:pt x="518" y="82"/>
                    <a:pt x="518" y="82"/>
                    <a:pt x="518" y="82"/>
                  </a:cubicBezTo>
                  <a:cubicBezTo>
                    <a:pt x="517" y="81"/>
                    <a:pt x="516" y="82"/>
                    <a:pt x="515" y="81"/>
                  </a:cubicBezTo>
                  <a:cubicBezTo>
                    <a:pt x="514" y="80"/>
                    <a:pt x="513" y="80"/>
                    <a:pt x="511" y="80"/>
                  </a:cubicBezTo>
                  <a:cubicBezTo>
                    <a:pt x="510" y="79"/>
                    <a:pt x="508" y="79"/>
                    <a:pt x="507" y="79"/>
                  </a:cubicBezTo>
                  <a:cubicBezTo>
                    <a:pt x="506" y="79"/>
                    <a:pt x="504" y="78"/>
                    <a:pt x="504" y="78"/>
                  </a:cubicBezTo>
                  <a:cubicBezTo>
                    <a:pt x="503" y="78"/>
                    <a:pt x="500" y="78"/>
                    <a:pt x="500" y="78"/>
                  </a:cubicBezTo>
                  <a:cubicBezTo>
                    <a:pt x="500" y="78"/>
                    <a:pt x="491" y="75"/>
                    <a:pt x="490" y="74"/>
                  </a:cubicBezTo>
                  <a:cubicBezTo>
                    <a:pt x="490" y="74"/>
                    <a:pt x="483" y="73"/>
                    <a:pt x="483" y="73"/>
                  </a:cubicBezTo>
                  <a:cubicBezTo>
                    <a:pt x="483" y="73"/>
                    <a:pt x="480" y="73"/>
                    <a:pt x="479" y="73"/>
                  </a:cubicBezTo>
                  <a:cubicBezTo>
                    <a:pt x="479" y="73"/>
                    <a:pt x="479" y="73"/>
                    <a:pt x="478" y="73"/>
                  </a:cubicBezTo>
                  <a:cubicBezTo>
                    <a:pt x="477" y="73"/>
                    <a:pt x="476" y="73"/>
                    <a:pt x="474" y="72"/>
                  </a:cubicBezTo>
                  <a:cubicBezTo>
                    <a:pt x="474" y="72"/>
                    <a:pt x="474" y="71"/>
                    <a:pt x="473" y="71"/>
                  </a:cubicBezTo>
                  <a:cubicBezTo>
                    <a:pt x="473" y="71"/>
                    <a:pt x="472" y="70"/>
                    <a:pt x="471" y="69"/>
                  </a:cubicBezTo>
                  <a:cubicBezTo>
                    <a:pt x="470" y="68"/>
                    <a:pt x="471" y="69"/>
                    <a:pt x="470" y="68"/>
                  </a:cubicBezTo>
                  <a:cubicBezTo>
                    <a:pt x="470" y="67"/>
                    <a:pt x="469" y="67"/>
                    <a:pt x="468" y="67"/>
                  </a:cubicBezTo>
                  <a:cubicBezTo>
                    <a:pt x="466" y="66"/>
                    <a:pt x="464" y="67"/>
                    <a:pt x="464" y="67"/>
                  </a:cubicBezTo>
                  <a:cubicBezTo>
                    <a:pt x="463" y="67"/>
                    <a:pt x="460" y="67"/>
                    <a:pt x="460" y="67"/>
                  </a:cubicBezTo>
                  <a:cubicBezTo>
                    <a:pt x="460" y="67"/>
                    <a:pt x="452" y="66"/>
                    <a:pt x="452" y="66"/>
                  </a:cubicBezTo>
                  <a:cubicBezTo>
                    <a:pt x="451" y="65"/>
                    <a:pt x="450" y="66"/>
                    <a:pt x="450" y="64"/>
                  </a:cubicBezTo>
                  <a:cubicBezTo>
                    <a:pt x="450" y="63"/>
                    <a:pt x="448" y="63"/>
                    <a:pt x="448" y="62"/>
                  </a:cubicBezTo>
                  <a:cubicBezTo>
                    <a:pt x="448" y="61"/>
                    <a:pt x="446" y="61"/>
                    <a:pt x="445" y="59"/>
                  </a:cubicBezTo>
                  <a:cubicBezTo>
                    <a:pt x="445" y="59"/>
                    <a:pt x="444" y="59"/>
                    <a:pt x="443" y="59"/>
                  </a:cubicBezTo>
                  <a:cubicBezTo>
                    <a:pt x="443" y="59"/>
                    <a:pt x="443" y="59"/>
                    <a:pt x="443" y="59"/>
                  </a:cubicBezTo>
                  <a:cubicBezTo>
                    <a:pt x="442" y="58"/>
                    <a:pt x="440" y="59"/>
                    <a:pt x="439" y="58"/>
                  </a:cubicBezTo>
                  <a:cubicBezTo>
                    <a:pt x="438" y="57"/>
                    <a:pt x="437" y="57"/>
                    <a:pt x="436" y="57"/>
                  </a:cubicBezTo>
                  <a:cubicBezTo>
                    <a:pt x="436" y="56"/>
                    <a:pt x="432" y="58"/>
                    <a:pt x="430" y="58"/>
                  </a:cubicBezTo>
                  <a:cubicBezTo>
                    <a:pt x="428" y="58"/>
                    <a:pt x="429" y="59"/>
                    <a:pt x="428" y="59"/>
                  </a:cubicBezTo>
                  <a:cubicBezTo>
                    <a:pt x="428" y="60"/>
                    <a:pt x="424" y="62"/>
                    <a:pt x="423" y="61"/>
                  </a:cubicBezTo>
                  <a:cubicBezTo>
                    <a:pt x="422" y="61"/>
                    <a:pt x="421" y="63"/>
                    <a:pt x="419" y="63"/>
                  </a:cubicBezTo>
                  <a:cubicBezTo>
                    <a:pt x="418" y="64"/>
                    <a:pt x="417" y="65"/>
                    <a:pt x="416" y="66"/>
                  </a:cubicBezTo>
                  <a:cubicBezTo>
                    <a:pt x="415" y="67"/>
                    <a:pt x="414" y="70"/>
                    <a:pt x="414" y="70"/>
                  </a:cubicBezTo>
                  <a:cubicBezTo>
                    <a:pt x="414" y="70"/>
                    <a:pt x="416" y="74"/>
                    <a:pt x="416" y="74"/>
                  </a:cubicBezTo>
                  <a:cubicBezTo>
                    <a:pt x="416" y="75"/>
                    <a:pt x="417" y="78"/>
                    <a:pt x="417" y="78"/>
                  </a:cubicBezTo>
                  <a:cubicBezTo>
                    <a:pt x="417" y="79"/>
                    <a:pt x="414" y="84"/>
                    <a:pt x="414" y="84"/>
                  </a:cubicBezTo>
                  <a:cubicBezTo>
                    <a:pt x="410" y="86"/>
                    <a:pt x="410" y="86"/>
                    <a:pt x="410" y="86"/>
                  </a:cubicBezTo>
                  <a:cubicBezTo>
                    <a:pt x="410" y="86"/>
                    <a:pt x="407" y="87"/>
                    <a:pt x="406" y="88"/>
                  </a:cubicBezTo>
                  <a:cubicBezTo>
                    <a:pt x="405" y="88"/>
                    <a:pt x="403" y="88"/>
                    <a:pt x="403" y="88"/>
                  </a:cubicBezTo>
                  <a:cubicBezTo>
                    <a:pt x="402" y="89"/>
                    <a:pt x="400" y="86"/>
                    <a:pt x="399" y="85"/>
                  </a:cubicBezTo>
                  <a:cubicBezTo>
                    <a:pt x="398" y="84"/>
                    <a:pt x="397" y="83"/>
                    <a:pt x="396" y="83"/>
                  </a:cubicBezTo>
                  <a:cubicBezTo>
                    <a:pt x="395" y="82"/>
                    <a:pt x="393" y="82"/>
                    <a:pt x="392" y="81"/>
                  </a:cubicBezTo>
                  <a:cubicBezTo>
                    <a:pt x="391" y="80"/>
                    <a:pt x="388" y="80"/>
                    <a:pt x="388" y="79"/>
                  </a:cubicBezTo>
                  <a:cubicBezTo>
                    <a:pt x="387" y="79"/>
                    <a:pt x="385" y="79"/>
                    <a:pt x="385" y="79"/>
                  </a:cubicBezTo>
                  <a:cubicBezTo>
                    <a:pt x="385" y="79"/>
                    <a:pt x="377" y="77"/>
                    <a:pt x="377" y="76"/>
                  </a:cubicBezTo>
                  <a:cubicBezTo>
                    <a:pt x="377" y="76"/>
                    <a:pt x="374" y="77"/>
                    <a:pt x="372" y="77"/>
                  </a:cubicBezTo>
                  <a:cubicBezTo>
                    <a:pt x="370" y="77"/>
                    <a:pt x="370" y="77"/>
                    <a:pt x="370" y="76"/>
                  </a:cubicBezTo>
                  <a:cubicBezTo>
                    <a:pt x="370" y="75"/>
                    <a:pt x="369" y="75"/>
                    <a:pt x="368" y="75"/>
                  </a:cubicBezTo>
                  <a:cubicBezTo>
                    <a:pt x="368" y="75"/>
                    <a:pt x="367" y="75"/>
                    <a:pt x="367" y="75"/>
                  </a:cubicBezTo>
                  <a:cubicBezTo>
                    <a:pt x="365" y="75"/>
                    <a:pt x="366" y="74"/>
                    <a:pt x="366" y="72"/>
                  </a:cubicBezTo>
                  <a:cubicBezTo>
                    <a:pt x="366" y="70"/>
                    <a:pt x="364" y="69"/>
                    <a:pt x="363" y="67"/>
                  </a:cubicBezTo>
                  <a:cubicBezTo>
                    <a:pt x="362" y="65"/>
                    <a:pt x="363" y="65"/>
                    <a:pt x="362" y="64"/>
                  </a:cubicBezTo>
                  <a:cubicBezTo>
                    <a:pt x="362" y="64"/>
                    <a:pt x="361" y="63"/>
                    <a:pt x="360" y="62"/>
                  </a:cubicBezTo>
                  <a:cubicBezTo>
                    <a:pt x="360" y="62"/>
                    <a:pt x="359" y="62"/>
                    <a:pt x="358" y="63"/>
                  </a:cubicBezTo>
                  <a:cubicBezTo>
                    <a:pt x="357" y="63"/>
                    <a:pt x="357" y="63"/>
                    <a:pt x="356" y="63"/>
                  </a:cubicBezTo>
                  <a:cubicBezTo>
                    <a:pt x="355" y="63"/>
                    <a:pt x="349" y="58"/>
                    <a:pt x="349" y="58"/>
                  </a:cubicBezTo>
                  <a:cubicBezTo>
                    <a:pt x="342" y="57"/>
                    <a:pt x="342" y="57"/>
                    <a:pt x="342" y="57"/>
                  </a:cubicBezTo>
                  <a:cubicBezTo>
                    <a:pt x="342" y="57"/>
                    <a:pt x="335" y="58"/>
                    <a:pt x="335" y="58"/>
                  </a:cubicBezTo>
                  <a:cubicBezTo>
                    <a:pt x="334" y="57"/>
                    <a:pt x="333" y="58"/>
                    <a:pt x="331" y="58"/>
                  </a:cubicBezTo>
                  <a:cubicBezTo>
                    <a:pt x="330" y="58"/>
                    <a:pt x="329" y="57"/>
                    <a:pt x="329" y="57"/>
                  </a:cubicBezTo>
                  <a:cubicBezTo>
                    <a:pt x="329" y="57"/>
                    <a:pt x="327" y="57"/>
                    <a:pt x="326" y="56"/>
                  </a:cubicBezTo>
                  <a:cubicBezTo>
                    <a:pt x="326" y="54"/>
                    <a:pt x="324" y="55"/>
                    <a:pt x="323" y="54"/>
                  </a:cubicBezTo>
                  <a:cubicBezTo>
                    <a:pt x="323" y="54"/>
                    <a:pt x="322" y="53"/>
                    <a:pt x="321" y="53"/>
                  </a:cubicBezTo>
                  <a:cubicBezTo>
                    <a:pt x="320" y="52"/>
                    <a:pt x="320" y="52"/>
                    <a:pt x="319" y="52"/>
                  </a:cubicBezTo>
                  <a:cubicBezTo>
                    <a:pt x="318" y="51"/>
                    <a:pt x="317" y="50"/>
                    <a:pt x="317" y="49"/>
                  </a:cubicBezTo>
                  <a:cubicBezTo>
                    <a:pt x="316" y="49"/>
                    <a:pt x="316" y="47"/>
                    <a:pt x="315" y="46"/>
                  </a:cubicBezTo>
                  <a:cubicBezTo>
                    <a:pt x="314" y="45"/>
                    <a:pt x="312" y="46"/>
                    <a:pt x="312" y="46"/>
                  </a:cubicBezTo>
                  <a:cubicBezTo>
                    <a:pt x="312" y="46"/>
                    <a:pt x="311" y="48"/>
                    <a:pt x="310" y="47"/>
                  </a:cubicBezTo>
                  <a:cubicBezTo>
                    <a:pt x="309" y="47"/>
                    <a:pt x="308" y="47"/>
                    <a:pt x="307" y="45"/>
                  </a:cubicBezTo>
                  <a:cubicBezTo>
                    <a:pt x="306" y="44"/>
                    <a:pt x="305" y="44"/>
                    <a:pt x="305" y="43"/>
                  </a:cubicBezTo>
                  <a:cubicBezTo>
                    <a:pt x="304" y="41"/>
                    <a:pt x="305" y="42"/>
                    <a:pt x="306" y="41"/>
                  </a:cubicBezTo>
                  <a:cubicBezTo>
                    <a:pt x="307" y="40"/>
                    <a:pt x="307" y="40"/>
                    <a:pt x="308" y="39"/>
                  </a:cubicBezTo>
                  <a:cubicBezTo>
                    <a:pt x="308" y="38"/>
                    <a:pt x="310" y="37"/>
                    <a:pt x="311" y="37"/>
                  </a:cubicBezTo>
                  <a:cubicBezTo>
                    <a:pt x="311" y="36"/>
                    <a:pt x="313" y="36"/>
                    <a:pt x="314" y="34"/>
                  </a:cubicBezTo>
                  <a:cubicBezTo>
                    <a:pt x="315" y="33"/>
                    <a:pt x="315" y="32"/>
                    <a:pt x="316" y="31"/>
                  </a:cubicBezTo>
                  <a:cubicBezTo>
                    <a:pt x="316" y="30"/>
                    <a:pt x="316" y="30"/>
                    <a:pt x="316" y="28"/>
                  </a:cubicBezTo>
                  <a:cubicBezTo>
                    <a:pt x="316" y="27"/>
                    <a:pt x="316" y="26"/>
                    <a:pt x="316" y="26"/>
                  </a:cubicBezTo>
                  <a:cubicBezTo>
                    <a:pt x="316" y="25"/>
                    <a:pt x="313" y="20"/>
                    <a:pt x="312" y="19"/>
                  </a:cubicBezTo>
                  <a:cubicBezTo>
                    <a:pt x="311" y="18"/>
                    <a:pt x="310" y="18"/>
                    <a:pt x="310" y="16"/>
                  </a:cubicBezTo>
                  <a:cubicBezTo>
                    <a:pt x="310" y="15"/>
                    <a:pt x="311" y="15"/>
                    <a:pt x="311" y="14"/>
                  </a:cubicBezTo>
                  <a:cubicBezTo>
                    <a:pt x="312" y="13"/>
                    <a:pt x="312" y="13"/>
                    <a:pt x="313" y="11"/>
                  </a:cubicBezTo>
                  <a:cubicBezTo>
                    <a:pt x="314" y="10"/>
                    <a:pt x="315" y="9"/>
                    <a:pt x="316" y="6"/>
                  </a:cubicBezTo>
                  <a:cubicBezTo>
                    <a:pt x="316" y="6"/>
                    <a:pt x="314" y="5"/>
                    <a:pt x="314" y="5"/>
                  </a:cubicBezTo>
                  <a:cubicBezTo>
                    <a:pt x="313" y="6"/>
                    <a:pt x="310" y="8"/>
                    <a:pt x="308" y="9"/>
                  </a:cubicBezTo>
                  <a:cubicBezTo>
                    <a:pt x="306" y="9"/>
                    <a:pt x="308" y="9"/>
                    <a:pt x="308" y="8"/>
                  </a:cubicBezTo>
                  <a:cubicBezTo>
                    <a:pt x="308" y="6"/>
                    <a:pt x="308" y="5"/>
                    <a:pt x="307" y="3"/>
                  </a:cubicBezTo>
                  <a:cubicBezTo>
                    <a:pt x="307" y="2"/>
                    <a:pt x="305" y="3"/>
                    <a:pt x="304" y="1"/>
                  </a:cubicBezTo>
                  <a:cubicBezTo>
                    <a:pt x="303" y="0"/>
                    <a:pt x="302" y="1"/>
                    <a:pt x="302" y="1"/>
                  </a:cubicBezTo>
                  <a:cubicBezTo>
                    <a:pt x="301" y="1"/>
                    <a:pt x="301" y="1"/>
                    <a:pt x="301" y="1"/>
                  </a:cubicBezTo>
                  <a:cubicBezTo>
                    <a:pt x="301" y="0"/>
                    <a:pt x="298" y="2"/>
                    <a:pt x="298" y="3"/>
                  </a:cubicBezTo>
                  <a:cubicBezTo>
                    <a:pt x="297" y="3"/>
                    <a:pt x="295" y="4"/>
                    <a:pt x="295" y="4"/>
                  </a:cubicBezTo>
                  <a:cubicBezTo>
                    <a:pt x="295" y="4"/>
                    <a:pt x="289" y="6"/>
                    <a:pt x="286" y="7"/>
                  </a:cubicBezTo>
                  <a:cubicBezTo>
                    <a:pt x="286" y="7"/>
                    <a:pt x="285" y="7"/>
                    <a:pt x="285" y="7"/>
                  </a:cubicBezTo>
                  <a:cubicBezTo>
                    <a:pt x="285" y="7"/>
                    <a:pt x="284" y="7"/>
                    <a:pt x="284" y="7"/>
                  </a:cubicBezTo>
                  <a:cubicBezTo>
                    <a:pt x="283" y="8"/>
                    <a:pt x="282" y="8"/>
                    <a:pt x="281" y="7"/>
                  </a:cubicBezTo>
                  <a:cubicBezTo>
                    <a:pt x="281" y="7"/>
                    <a:pt x="279" y="8"/>
                    <a:pt x="278" y="6"/>
                  </a:cubicBezTo>
                  <a:cubicBezTo>
                    <a:pt x="277" y="4"/>
                    <a:pt x="277" y="5"/>
                    <a:pt x="276" y="5"/>
                  </a:cubicBezTo>
                  <a:cubicBezTo>
                    <a:pt x="276" y="5"/>
                    <a:pt x="276" y="5"/>
                    <a:pt x="276" y="5"/>
                  </a:cubicBezTo>
                  <a:cubicBezTo>
                    <a:pt x="276" y="5"/>
                    <a:pt x="275" y="5"/>
                    <a:pt x="275" y="5"/>
                  </a:cubicBezTo>
                  <a:cubicBezTo>
                    <a:pt x="274" y="6"/>
                    <a:pt x="274" y="6"/>
                    <a:pt x="274" y="6"/>
                  </a:cubicBezTo>
                  <a:cubicBezTo>
                    <a:pt x="274" y="5"/>
                    <a:pt x="273" y="6"/>
                    <a:pt x="272" y="6"/>
                  </a:cubicBezTo>
                  <a:cubicBezTo>
                    <a:pt x="271" y="6"/>
                    <a:pt x="270" y="6"/>
                    <a:pt x="270" y="6"/>
                  </a:cubicBezTo>
                  <a:cubicBezTo>
                    <a:pt x="270" y="6"/>
                    <a:pt x="269" y="6"/>
                    <a:pt x="269" y="6"/>
                  </a:cubicBezTo>
                  <a:cubicBezTo>
                    <a:pt x="269" y="6"/>
                    <a:pt x="268" y="6"/>
                    <a:pt x="268" y="6"/>
                  </a:cubicBezTo>
                  <a:cubicBezTo>
                    <a:pt x="267" y="5"/>
                    <a:pt x="265" y="5"/>
                    <a:pt x="264" y="5"/>
                  </a:cubicBezTo>
                  <a:cubicBezTo>
                    <a:pt x="263" y="5"/>
                    <a:pt x="262" y="6"/>
                    <a:pt x="261" y="6"/>
                  </a:cubicBezTo>
                  <a:cubicBezTo>
                    <a:pt x="261" y="6"/>
                    <a:pt x="259" y="8"/>
                    <a:pt x="259" y="8"/>
                  </a:cubicBezTo>
                  <a:cubicBezTo>
                    <a:pt x="259" y="8"/>
                    <a:pt x="254" y="11"/>
                    <a:pt x="252" y="11"/>
                  </a:cubicBezTo>
                  <a:cubicBezTo>
                    <a:pt x="251" y="10"/>
                    <a:pt x="250" y="9"/>
                    <a:pt x="250" y="9"/>
                  </a:cubicBezTo>
                  <a:cubicBezTo>
                    <a:pt x="248" y="7"/>
                    <a:pt x="248" y="7"/>
                    <a:pt x="248" y="7"/>
                  </a:cubicBezTo>
                  <a:cubicBezTo>
                    <a:pt x="239" y="6"/>
                    <a:pt x="239" y="6"/>
                    <a:pt x="239" y="6"/>
                  </a:cubicBezTo>
                  <a:cubicBezTo>
                    <a:pt x="239" y="6"/>
                    <a:pt x="234" y="7"/>
                    <a:pt x="234" y="7"/>
                  </a:cubicBezTo>
                  <a:cubicBezTo>
                    <a:pt x="233" y="7"/>
                    <a:pt x="231" y="7"/>
                    <a:pt x="229" y="7"/>
                  </a:cubicBezTo>
                  <a:cubicBezTo>
                    <a:pt x="227" y="7"/>
                    <a:pt x="228" y="8"/>
                    <a:pt x="227" y="8"/>
                  </a:cubicBezTo>
                  <a:cubicBezTo>
                    <a:pt x="226" y="7"/>
                    <a:pt x="225" y="9"/>
                    <a:pt x="223" y="9"/>
                  </a:cubicBezTo>
                  <a:cubicBezTo>
                    <a:pt x="222" y="10"/>
                    <a:pt x="219" y="11"/>
                    <a:pt x="218" y="11"/>
                  </a:cubicBezTo>
                  <a:cubicBezTo>
                    <a:pt x="217" y="11"/>
                    <a:pt x="209" y="12"/>
                    <a:pt x="207" y="12"/>
                  </a:cubicBezTo>
                  <a:cubicBezTo>
                    <a:pt x="205" y="12"/>
                    <a:pt x="204" y="12"/>
                    <a:pt x="204" y="13"/>
                  </a:cubicBezTo>
                  <a:cubicBezTo>
                    <a:pt x="203" y="13"/>
                    <a:pt x="203" y="14"/>
                    <a:pt x="202" y="14"/>
                  </a:cubicBezTo>
                  <a:cubicBezTo>
                    <a:pt x="201" y="13"/>
                    <a:pt x="201" y="15"/>
                    <a:pt x="200" y="16"/>
                  </a:cubicBezTo>
                  <a:cubicBezTo>
                    <a:pt x="199" y="16"/>
                    <a:pt x="198" y="17"/>
                    <a:pt x="197" y="17"/>
                  </a:cubicBezTo>
                  <a:cubicBezTo>
                    <a:pt x="196" y="18"/>
                    <a:pt x="193" y="20"/>
                    <a:pt x="192" y="20"/>
                  </a:cubicBezTo>
                  <a:cubicBezTo>
                    <a:pt x="191" y="20"/>
                    <a:pt x="191" y="19"/>
                    <a:pt x="191" y="19"/>
                  </a:cubicBezTo>
                  <a:cubicBezTo>
                    <a:pt x="191" y="19"/>
                    <a:pt x="183" y="22"/>
                    <a:pt x="183" y="21"/>
                  </a:cubicBezTo>
                  <a:cubicBezTo>
                    <a:pt x="182" y="21"/>
                    <a:pt x="181" y="23"/>
                    <a:pt x="180" y="23"/>
                  </a:cubicBezTo>
                  <a:cubicBezTo>
                    <a:pt x="180" y="24"/>
                    <a:pt x="178" y="25"/>
                    <a:pt x="178" y="25"/>
                  </a:cubicBezTo>
                  <a:cubicBezTo>
                    <a:pt x="177" y="26"/>
                    <a:pt x="176" y="28"/>
                    <a:pt x="176" y="28"/>
                  </a:cubicBezTo>
                  <a:cubicBezTo>
                    <a:pt x="173" y="30"/>
                    <a:pt x="173" y="30"/>
                    <a:pt x="173" y="30"/>
                  </a:cubicBezTo>
                  <a:cubicBezTo>
                    <a:pt x="173" y="30"/>
                    <a:pt x="171" y="31"/>
                    <a:pt x="171" y="31"/>
                  </a:cubicBezTo>
                  <a:cubicBezTo>
                    <a:pt x="170" y="31"/>
                    <a:pt x="170" y="31"/>
                    <a:pt x="170" y="31"/>
                  </a:cubicBezTo>
                  <a:cubicBezTo>
                    <a:pt x="169" y="31"/>
                    <a:pt x="168" y="31"/>
                    <a:pt x="168" y="31"/>
                  </a:cubicBezTo>
                  <a:cubicBezTo>
                    <a:pt x="167" y="30"/>
                    <a:pt x="167" y="30"/>
                    <a:pt x="166" y="30"/>
                  </a:cubicBezTo>
                  <a:cubicBezTo>
                    <a:pt x="166" y="30"/>
                    <a:pt x="166" y="31"/>
                    <a:pt x="165" y="30"/>
                  </a:cubicBezTo>
                  <a:cubicBezTo>
                    <a:pt x="165" y="29"/>
                    <a:pt x="164" y="29"/>
                    <a:pt x="164" y="28"/>
                  </a:cubicBezTo>
                  <a:cubicBezTo>
                    <a:pt x="163" y="28"/>
                    <a:pt x="163" y="28"/>
                    <a:pt x="162" y="29"/>
                  </a:cubicBezTo>
                  <a:cubicBezTo>
                    <a:pt x="161" y="29"/>
                    <a:pt x="160" y="29"/>
                    <a:pt x="160" y="28"/>
                  </a:cubicBezTo>
                  <a:cubicBezTo>
                    <a:pt x="159" y="27"/>
                    <a:pt x="159" y="28"/>
                    <a:pt x="158" y="27"/>
                  </a:cubicBezTo>
                  <a:cubicBezTo>
                    <a:pt x="158" y="26"/>
                    <a:pt x="157" y="26"/>
                    <a:pt x="157" y="26"/>
                  </a:cubicBezTo>
                  <a:cubicBezTo>
                    <a:pt x="156" y="27"/>
                    <a:pt x="156" y="27"/>
                    <a:pt x="156" y="27"/>
                  </a:cubicBezTo>
                  <a:cubicBezTo>
                    <a:pt x="155" y="27"/>
                    <a:pt x="153" y="27"/>
                    <a:pt x="153" y="27"/>
                  </a:cubicBezTo>
                  <a:cubicBezTo>
                    <a:pt x="151" y="28"/>
                    <a:pt x="151" y="28"/>
                    <a:pt x="151" y="28"/>
                  </a:cubicBezTo>
                  <a:cubicBezTo>
                    <a:pt x="151" y="28"/>
                    <a:pt x="147" y="29"/>
                    <a:pt x="146" y="29"/>
                  </a:cubicBezTo>
                  <a:cubicBezTo>
                    <a:pt x="146" y="29"/>
                    <a:pt x="143" y="28"/>
                    <a:pt x="143" y="27"/>
                  </a:cubicBezTo>
                  <a:cubicBezTo>
                    <a:pt x="143" y="27"/>
                    <a:pt x="142" y="27"/>
                    <a:pt x="141" y="27"/>
                  </a:cubicBezTo>
                  <a:cubicBezTo>
                    <a:pt x="140" y="27"/>
                    <a:pt x="138" y="27"/>
                    <a:pt x="138" y="26"/>
                  </a:cubicBezTo>
                  <a:cubicBezTo>
                    <a:pt x="138" y="25"/>
                    <a:pt x="132" y="24"/>
                    <a:pt x="132" y="23"/>
                  </a:cubicBezTo>
                  <a:cubicBezTo>
                    <a:pt x="132" y="22"/>
                    <a:pt x="131" y="22"/>
                    <a:pt x="131" y="21"/>
                  </a:cubicBezTo>
                  <a:cubicBezTo>
                    <a:pt x="131" y="20"/>
                    <a:pt x="129" y="20"/>
                    <a:pt x="129" y="20"/>
                  </a:cubicBezTo>
                  <a:cubicBezTo>
                    <a:pt x="129" y="19"/>
                    <a:pt x="128" y="21"/>
                    <a:pt x="127" y="21"/>
                  </a:cubicBezTo>
                  <a:cubicBezTo>
                    <a:pt x="126" y="21"/>
                    <a:pt x="126" y="23"/>
                    <a:pt x="125" y="24"/>
                  </a:cubicBezTo>
                  <a:cubicBezTo>
                    <a:pt x="124" y="26"/>
                    <a:pt x="125" y="26"/>
                    <a:pt x="124" y="27"/>
                  </a:cubicBezTo>
                  <a:cubicBezTo>
                    <a:pt x="124" y="28"/>
                    <a:pt x="121" y="33"/>
                    <a:pt x="121" y="33"/>
                  </a:cubicBezTo>
                  <a:cubicBezTo>
                    <a:pt x="121" y="33"/>
                    <a:pt x="121" y="35"/>
                    <a:pt x="120" y="36"/>
                  </a:cubicBezTo>
                  <a:cubicBezTo>
                    <a:pt x="120" y="36"/>
                    <a:pt x="119" y="38"/>
                    <a:pt x="119" y="38"/>
                  </a:cubicBezTo>
                  <a:cubicBezTo>
                    <a:pt x="119" y="39"/>
                    <a:pt x="118" y="41"/>
                    <a:pt x="118" y="41"/>
                  </a:cubicBezTo>
                  <a:cubicBezTo>
                    <a:pt x="117" y="41"/>
                    <a:pt x="115" y="44"/>
                    <a:pt x="115" y="43"/>
                  </a:cubicBezTo>
                  <a:cubicBezTo>
                    <a:pt x="114" y="43"/>
                    <a:pt x="112" y="46"/>
                    <a:pt x="112" y="46"/>
                  </a:cubicBezTo>
                  <a:cubicBezTo>
                    <a:pt x="107" y="48"/>
                    <a:pt x="107" y="48"/>
                    <a:pt x="107" y="48"/>
                  </a:cubicBezTo>
                  <a:cubicBezTo>
                    <a:pt x="107" y="48"/>
                    <a:pt x="103" y="50"/>
                    <a:pt x="103" y="49"/>
                  </a:cubicBezTo>
                  <a:cubicBezTo>
                    <a:pt x="102" y="49"/>
                    <a:pt x="100" y="50"/>
                    <a:pt x="100" y="50"/>
                  </a:cubicBezTo>
                  <a:cubicBezTo>
                    <a:pt x="99" y="50"/>
                    <a:pt x="98" y="53"/>
                    <a:pt x="96" y="54"/>
                  </a:cubicBezTo>
                  <a:cubicBezTo>
                    <a:pt x="94" y="56"/>
                    <a:pt x="93" y="57"/>
                    <a:pt x="92" y="58"/>
                  </a:cubicBezTo>
                  <a:cubicBezTo>
                    <a:pt x="91" y="59"/>
                    <a:pt x="90" y="61"/>
                    <a:pt x="90" y="62"/>
                  </a:cubicBezTo>
                  <a:cubicBezTo>
                    <a:pt x="89" y="62"/>
                    <a:pt x="88" y="65"/>
                    <a:pt x="87" y="66"/>
                  </a:cubicBezTo>
                  <a:cubicBezTo>
                    <a:pt x="86" y="67"/>
                    <a:pt x="87" y="69"/>
                    <a:pt x="87" y="69"/>
                  </a:cubicBezTo>
                  <a:cubicBezTo>
                    <a:pt x="87" y="69"/>
                    <a:pt x="84" y="82"/>
                    <a:pt x="84" y="83"/>
                  </a:cubicBezTo>
                  <a:cubicBezTo>
                    <a:pt x="83" y="84"/>
                    <a:pt x="84" y="86"/>
                    <a:pt x="84" y="86"/>
                  </a:cubicBezTo>
                  <a:cubicBezTo>
                    <a:pt x="85" y="86"/>
                    <a:pt x="85" y="90"/>
                    <a:pt x="85" y="90"/>
                  </a:cubicBezTo>
                  <a:cubicBezTo>
                    <a:pt x="85" y="91"/>
                    <a:pt x="84" y="92"/>
                    <a:pt x="84" y="92"/>
                  </a:cubicBezTo>
                  <a:cubicBezTo>
                    <a:pt x="83" y="93"/>
                    <a:pt x="82" y="95"/>
                    <a:pt x="82" y="96"/>
                  </a:cubicBezTo>
                  <a:cubicBezTo>
                    <a:pt x="81" y="96"/>
                    <a:pt x="80" y="99"/>
                    <a:pt x="79" y="99"/>
                  </a:cubicBezTo>
                  <a:cubicBezTo>
                    <a:pt x="78" y="100"/>
                    <a:pt x="78" y="100"/>
                    <a:pt x="77" y="102"/>
                  </a:cubicBezTo>
                  <a:cubicBezTo>
                    <a:pt x="76" y="103"/>
                    <a:pt x="75" y="103"/>
                    <a:pt x="73" y="104"/>
                  </a:cubicBezTo>
                  <a:cubicBezTo>
                    <a:pt x="72" y="104"/>
                    <a:pt x="72" y="105"/>
                    <a:pt x="72" y="105"/>
                  </a:cubicBezTo>
                  <a:cubicBezTo>
                    <a:pt x="70" y="107"/>
                    <a:pt x="70" y="107"/>
                    <a:pt x="70" y="107"/>
                  </a:cubicBezTo>
                  <a:cubicBezTo>
                    <a:pt x="70" y="107"/>
                    <a:pt x="69" y="109"/>
                    <a:pt x="68" y="110"/>
                  </a:cubicBezTo>
                  <a:cubicBezTo>
                    <a:pt x="67" y="110"/>
                    <a:pt x="66" y="111"/>
                    <a:pt x="65" y="112"/>
                  </a:cubicBezTo>
                  <a:cubicBezTo>
                    <a:pt x="64" y="113"/>
                    <a:pt x="61" y="114"/>
                    <a:pt x="61" y="114"/>
                  </a:cubicBezTo>
                  <a:cubicBezTo>
                    <a:pt x="60" y="114"/>
                    <a:pt x="49" y="118"/>
                    <a:pt x="49" y="118"/>
                  </a:cubicBezTo>
                  <a:cubicBezTo>
                    <a:pt x="48" y="118"/>
                    <a:pt x="46" y="121"/>
                    <a:pt x="45" y="122"/>
                  </a:cubicBezTo>
                  <a:cubicBezTo>
                    <a:pt x="45" y="122"/>
                    <a:pt x="45" y="122"/>
                    <a:pt x="45" y="122"/>
                  </a:cubicBezTo>
                  <a:cubicBezTo>
                    <a:pt x="44" y="123"/>
                    <a:pt x="43" y="128"/>
                    <a:pt x="43" y="128"/>
                  </a:cubicBezTo>
                  <a:cubicBezTo>
                    <a:pt x="42" y="131"/>
                    <a:pt x="42" y="131"/>
                    <a:pt x="42" y="131"/>
                  </a:cubicBezTo>
                  <a:cubicBezTo>
                    <a:pt x="42" y="131"/>
                    <a:pt x="38" y="134"/>
                    <a:pt x="38" y="134"/>
                  </a:cubicBezTo>
                  <a:cubicBezTo>
                    <a:pt x="37" y="134"/>
                    <a:pt x="34" y="136"/>
                    <a:pt x="34" y="136"/>
                  </a:cubicBezTo>
                  <a:cubicBezTo>
                    <a:pt x="34" y="136"/>
                    <a:pt x="31" y="139"/>
                    <a:pt x="31" y="140"/>
                  </a:cubicBezTo>
                  <a:cubicBezTo>
                    <a:pt x="30" y="140"/>
                    <a:pt x="30" y="144"/>
                    <a:pt x="30" y="144"/>
                  </a:cubicBezTo>
                  <a:cubicBezTo>
                    <a:pt x="30" y="144"/>
                    <a:pt x="29" y="147"/>
                    <a:pt x="28" y="148"/>
                  </a:cubicBezTo>
                  <a:cubicBezTo>
                    <a:pt x="28" y="148"/>
                    <a:pt x="26" y="152"/>
                    <a:pt x="26" y="152"/>
                  </a:cubicBezTo>
                  <a:cubicBezTo>
                    <a:pt x="26" y="152"/>
                    <a:pt x="23" y="156"/>
                    <a:pt x="23" y="156"/>
                  </a:cubicBezTo>
                  <a:cubicBezTo>
                    <a:pt x="23" y="157"/>
                    <a:pt x="21" y="159"/>
                    <a:pt x="20" y="159"/>
                  </a:cubicBezTo>
                  <a:cubicBezTo>
                    <a:pt x="20" y="160"/>
                    <a:pt x="19" y="161"/>
                    <a:pt x="18" y="162"/>
                  </a:cubicBezTo>
                  <a:cubicBezTo>
                    <a:pt x="17" y="162"/>
                    <a:pt x="16" y="165"/>
                    <a:pt x="16" y="165"/>
                  </a:cubicBezTo>
                  <a:cubicBezTo>
                    <a:pt x="15" y="166"/>
                    <a:pt x="15" y="167"/>
                    <a:pt x="15" y="169"/>
                  </a:cubicBezTo>
                  <a:cubicBezTo>
                    <a:pt x="15" y="170"/>
                    <a:pt x="14" y="172"/>
                    <a:pt x="14" y="173"/>
                  </a:cubicBezTo>
                  <a:cubicBezTo>
                    <a:pt x="13" y="174"/>
                    <a:pt x="11" y="180"/>
                    <a:pt x="9" y="182"/>
                  </a:cubicBezTo>
                  <a:cubicBezTo>
                    <a:pt x="7" y="183"/>
                    <a:pt x="6" y="184"/>
                    <a:pt x="6" y="185"/>
                  </a:cubicBezTo>
                  <a:cubicBezTo>
                    <a:pt x="5" y="186"/>
                    <a:pt x="4" y="188"/>
                    <a:pt x="4" y="189"/>
                  </a:cubicBezTo>
                  <a:cubicBezTo>
                    <a:pt x="4" y="189"/>
                    <a:pt x="3" y="192"/>
                    <a:pt x="3" y="194"/>
                  </a:cubicBezTo>
                  <a:cubicBezTo>
                    <a:pt x="2" y="194"/>
                    <a:pt x="2" y="194"/>
                    <a:pt x="2" y="194"/>
                  </a:cubicBezTo>
                  <a:cubicBezTo>
                    <a:pt x="2" y="195"/>
                    <a:pt x="2" y="196"/>
                    <a:pt x="2" y="196"/>
                  </a:cubicBezTo>
                  <a:cubicBezTo>
                    <a:pt x="1" y="199"/>
                    <a:pt x="2" y="201"/>
                    <a:pt x="2" y="201"/>
                  </a:cubicBezTo>
                  <a:cubicBezTo>
                    <a:pt x="3" y="201"/>
                    <a:pt x="3" y="201"/>
                    <a:pt x="4" y="200"/>
                  </a:cubicBezTo>
                  <a:cubicBezTo>
                    <a:pt x="6" y="199"/>
                    <a:pt x="9" y="204"/>
                    <a:pt x="9" y="204"/>
                  </a:cubicBezTo>
                  <a:cubicBezTo>
                    <a:pt x="10" y="204"/>
                    <a:pt x="13" y="212"/>
                    <a:pt x="13" y="212"/>
                  </a:cubicBezTo>
                  <a:cubicBezTo>
                    <a:pt x="13" y="213"/>
                    <a:pt x="12" y="215"/>
                    <a:pt x="10" y="215"/>
                  </a:cubicBezTo>
                  <a:cubicBezTo>
                    <a:pt x="9" y="216"/>
                    <a:pt x="10" y="218"/>
                    <a:pt x="10" y="218"/>
                  </a:cubicBezTo>
                  <a:cubicBezTo>
                    <a:pt x="10" y="218"/>
                    <a:pt x="10" y="220"/>
                    <a:pt x="11" y="221"/>
                  </a:cubicBezTo>
                  <a:cubicBezTo>
                    <a:pt x="12" y="221"/>
                    <a:pt x="12" y="223"/>
                    <a:pt x="12" y="223"/>
                  </a:cubicBezTo>
                  <a:cubicBezTo>
                    <a:pt x="14" y="228"/>
                    <a:pt x="14" y="228"/>
                    <a:pt x="14" y="228"/>
                  </a:cubicBezTo>
                  <a:cubicBezTo>
                    <a:pt x="14" y="228"/>
                    <a:pt x="15" y="234"/>
                    <a:pt x="15" y="234"/>
                  </a:cubicBezTo>
                  <a:cubicBezTo>
                    <a:pt x="15" y="235"/>
                    <a:pt x="13" y="237"/>
                    <a:pt x="13" y="237"/>
                  </a:cubicBezTo>
                  <a:cubicBezTo>
                    <a:pt x="13" y="237"/>
                    <a:pt x="11" y="240"/>
                    <a:pt x="10" y="244"/>
                  </a:cubicBezTo>
                  <a:cubicBezTo>
                    <a:pt x="10" y="247"/>
                    <a:pt x="10" y="249"/>
                    <a:pt x="10" y="249"/>
                  </a:cubicBezTo>
                  <a:cubicBezTo>
                    <a:pt x="10" y="249"/>
                    <a:pt x="9" y="250"/>
                    <a:pt x="9" y="250"/>
                  </a:cubicBezTo>
                  <a:cubicBezTo>
                    <a:pt x="9" y="251"/>
                    <a:pt x="9" y="252"/>
                    <a:pt x="9" y="252"/>
                  </a:cubicBezTo>
                  <a:cubicBezTo>
                    <a:pt x="9" y="252"/>
                    <a:pt x="8" y="257"/>
                    <a:pt x="7" y="258"/>
                  </a:cubicBezTo>
                  <a:cubicBezTo>
                    <a:pt x="6" y="259"/>
                    <a:pt x="6" y="261"/>
                    <a:pt x="6" y="261"/>
                  </a:cubicBezTo>
                  <a:cubicBezTo>
                    <a:pt x="6" y="262"/>
                    <a:pt x="3" y="265"/>
                    <a:pt x="2" y="266"/>
                  </a:cubicBezTo>
                  <a:cubicBezTo>
                    <a:pt x="0" y="267"/>
                    <a:pt x="0" y="269"/>
                    <a:pt x="1" y="269"/>
                  </a:cubicBezTo>
                  <a:cubicBezTo>
                    <a:pt x="1" y="269"/>
                    <a:pt x="2" y="272"/>
                    <a:pt x="3" y="273"/>
                  </a:cubicBezTo>
                  <a:cubicBezTo>
                    <a:pt x="3" y="273"/>
                    <a:pt x="3" y="276"/>
                    <a:pt x="4" y="275"/>
                  </a:cubicBezTo>
                  <a:cubicBezTo>
                    <a:pt x="6" y="275"/>
                    <a:pt x="8" y="279"/>
                    <a:pt x="8" y="279"/>
                  </a:cubicBezTo>
                  <a:cubicBezTo>
                    <a:pt x="8" y="279"/>
                    <a:pt x="8" y="283"/>
                    <a:pt x="8" y="283"/>
                  </a:cubicBezTo>
                  <a:cubicBezTo>
                    <a:pt x="9" y="283"/>
                    <a:pt x="8" y="284"/>
                    <a:pt x="7" y="285"/>
                  </a:cubicBezTo>
                  <a:cubicBezTo>
                    <a:pt x="6" y="286"/>
                    <a:pt x="6" y="287"/>
                    <a:pt x="6" y="288"/>
                  </a:cubicBezTo>
                  <a:cubicBezTo>
                    <a:pt x="5" y="289"/>
                    <a:pt x="6" y="290"/>
                    <a:pt x="6" y="290"/>
                  </a:cubicBezTo>
                  <a:cubicBezTo>
                    <a:pt x="6" y="294"/>
                    <a:pt x="6" y="294"/>
                    <a:pt x="6" y="294"/>
                  </a:cubicBezTo>
                  <a:cubicBezTo>
                    <a:pt x="6" y="296"/>
                    <a:pt x="6" y="296"/>
                    <a:pt x="6" y="296"/>
                  </a:cubicBezTo>
                  <a:cubicBezTo>
                    <a:pt x="7" y="297"/>
                    <a:pt x="7" y="297"/>
                    <a:pt x="7" y="297"/>
                  </a:cubicBezTo>
                  <a:cubicBezTo>
                    <a:pt x="7" y="297"/>
                    <a:pt x="8" y="298"/>
                    <a:pt x="8" y="298"/>
                  </a:cubicBezTo>
                  <a:cubicBezTo>
                    <a:pt x="8" y="298"/>
                    <a:pt x="9" y="299"/>
                    <a:pt x="10" y="299"/>
                  </a:cubicBezTo>
                  <a:cubicBezTo>
                    <a:pt x="11" y="299"/>
                    <a:pt x="10" y="300"/>
                    <a:pt x="11" y="301"/>
                  </a:cubicBezTo>
                  <a:cubicBezTo>
                    <a:pt x="11" y="302"/>
                    <a:pt x="13" y="303"/>
                    <a:pt x="13" y="302"/>
                  </a:cubicBezTo>
                  <a:cubicBezTo>
                    <a:pt x="14" y="302"/>
                    <a:pt x="14" y="302"/>
                    <a:pt x="14" y="302"/>
                  </a:cubicBezTo>
                  <a:cubicBezTo>
                    <a:pt x="15" y="302"/>
                    <a:pt x="15" y="302"/>
                    <a:pt x="16" y="302"/>
                  </a:cubicBezTo>
                  <a:cubicBezTo>
                    <a:pt x="16" y="301"/>
                    <a:pt x="17" y="301"/>
                    <a:pt x="18" y="302"/>
                  </a:cubicBezTo>
                  <a:cubicBezTo>
                    <a:pt x="18" y="302"/>
                    <a:pt x="19" y="302"/>
                    <a:pt x="19" y="302"/>
                  </a:cubicBezTo>
                  <a:cubicBezTo>
                    <a:pt x="20" y="302"/>
                    <a:pt x="22" y="304"/>
                    <a:pt x="22" y="304"/>
                  </a:cubicBezTo>
                  <a:cubicBezTo>
                    <a:pt x="22" y="307"/>
                    <a:pt x="22" y="307"/>
                    <a:pt x="22" y="307"/>
                  </a:cubicBezTo>
                  <a:cubicBezTo>
                    <a:pt x="22" y="307"/>
                    <a:pt x="22" y="309"/>
                    <a:pt x="22" y="309"/>
                  </a:cubicBezTo>
                  <a:cubicBezTo>
                    <a:pt x="22" y="310"/>
                    <a:pt x="23" y="311"/>
                    <a:pt x="23" y="311"/>
                  </a:cubicBezTo>
                  <a:cubicBezTo>
                    <a:pt x="24" y="311"/>
                    <a:pt x="25" y="312"/>
                    <a:pt x="26" y="313"/>
                  </a:cubicBezTo>
                  <a:cubicBezTo>
                    <a:pt x="27" y="314"/>
                    <a:pt x="27" y="314"/>
                    <a:pt x="27" y="314"/>
                  </a:cubicBezTo>
                  <a:cubicBezTo>
                    <a:pt x="27" y="314"/>
                    <a:pt x="28" y="316"/>
                    <a:pt x="29" y="317"/>
                  </a:cubicBezTo>
                  <a:cubicBezTo>
                    <a:pt x="30" y="318"/>
                    <a:pt x="31" y="320"/>
                    <a:pt x="32" y="320"/>
                  </a:cubicBezTo>
                  <a:cubicBezTo>
                    <a:pt x="33" y="321"/>
                    <a:pt x="34" y="322"/>
                    <a:pt x="34" y="322"/>
                  </a:cubicBezTo>
                  <a:cubicBezTo>
                    <a:pt x="34" y="322"/>
                    <a:pt x="39" y="326"/>
                    <a:pt x="43" y="332"/>
                  </a:cubicBezTo>
                  <a:cubicBezTo>
                    <a:pt x="44" y="334"/>
                    <a:pt x="45" y="335"/>
                    <a:pt x="45" y="335"/>
                  </a:cubicBezTo>
                  <a:cubicBezTo>
                    <a:pt x="45" y="336"/>
                    <a:pt x="45" y="336"/>
                    <a:pt x="45" y="336"/>
                  </a:cubicBezTo>
                  <a:cubicBezTo>
                    <a:pt x="46" y="336"/>
                    <a:pt x="47" y="338"/>
                    <a:pt x="48" y="339"/>
                  </a:cubicBezTo>
                  <a:cubicBezTo>
                    <a:pt x="49" y="340"/>
                    <a:pt x="50" y="344"/>
                    <a:pt x="50" y="345"/>
                  </a:cubicBezTo>
                  <a:cubicBezTo>
                    <a:pt x="50" y="345"/>
                    <a:pt x="50" y="348"/>
                    <a:pt x="50" y="348"/>
                  </a:cubicBezTo>
                  <a:cubicBezTo>
                    <a:pt x="51" y="350"/>
                    <a:pt x="51" y="350"/>
                    <a:pt x="51" y="350"/>
                  </a:cubicBezTo>
                  <a:cubicBezTo>
                    <a:pt x="51" y="350"/>
                    <a:pt x="53" y="350"/>
                    <a:pt x="54" y="350"/>
                  </a:cubicBezTo>
                  <a:cubicBezTo>
                    <a:pt x="55" y="350"/>
                    <a:pt x="55" y="352"/>
                    <a:pt x="55" y="352"/>
                  </a:cubicBezTo>
                  <a:cubicBezTo>
                    <a:pt x="56" y="352"/>
                    <a:pt x="59" y="354"/>
                    <a:pt x="59" y="354"/>
                  </a:cubicBezTo>
                  <a:cubicBezTo>
                    <a:pt x="60" y="354"/>
                    <a:pt x="61" y="358"/>
                    <a:pt x="63" y="359"/>
                  </a:cubicBezTo>
                  <a:cubicBezTo>
                    <a:pt x="63" y="359"/>
                    <a:pt x="63" y="359"/>
                    <a:pt x="63" y="359"/>
                  </a:cubicBezTo>
                  <a:cubicBezTo>
                    <a:pt x="65" y="360"/>
                    <a:pt x="68" y="361"/>
                    <a:pt x="68" y="361"/>
                  </a:cubicBezTo>
                  <a:cubicBezTo>
                    <a:pt x="68" y="361"/>
                    <a:pt x="73" y="362"/>
                    <a:pt x="74" y="365"/>
                  </a:cubicBezTo>
                  <a:cubicBezTo>
                    <a:pt x="76" y="367"/>
                    <a:pt x="78" y="369"/>
                    <a:pt x="79" y="369"/>
                  </a:cubicBezTo>
                  <a:cubicBezTo>
                    <a:pt x="80" y="370"/>
                    <a:pt x="82" y="372"/>
                    <a:pt x="82" y="373"/>
                  </a:cubicBezTo>
                  <a:cubicBezTo>
                    <a:pt x="83" y="374"/>
                    <a:pt x="85" y="375"/>
                    <a:pt x="85" y="375"/>
                  </a:cubicBezTo>
                  <a:cubicBezTo>
                    <a:pt x="85" y="375"/>
                    <a:pt x="88" y="376"/>
                    <a:pt x="88" y="377"/>
                  </a:cubicBezTo>
                  <a:cubicBezTo>
                    <a:pt x="89" y="378"/>
                    <a:pt x="91" y="379"/>
                    <a:pt x="91" y="379"/>
                  </a:cubicBezTo>
                  <a:cubicBezTo>
                    <a:pt x="92" y="380"/>
                    <a:pt x="94" y="382"/>
                    <a:pt x="95" y="382"/>
                  </a:cubicBezTo>
                  <a:cubicBezTo>
                    <a:pt x="95" y="382"/>
                    <a:pt x="99" y="383"/>
                    <a:pt x="100" y="384"/>
                  </a:cubicBezTo>
                  <a:cubicBezTo>
                    <a:pt x="101" y="384"/>
                    <a:pt x="105" y="386"/>
                    <a:pt x="106" y="386"/>
                  </a:cubicBezTo>
                  <a:cubicBezTo>
                    <a:pt x="106" y="386"/>
                    <a:pt x="110" y="387"/>
                    <a:pt x="110" y="387"/>
                  </a:cubicBezTo>
                  <a:cubicBezTo>
                    <a:pt x="110" y="386"/>
                    <a:pt x="110" y="386"/>
                    <a:pt x="110" y="386"/>
                  </a:cubicBezTo>
                  <a:cubicBezTo>
                    <a:pt x="114" y="384"/>
                    <a:pt x="116" y="384"/>
                    <a:pt x="118" y="382"/>
                  </a:cubicBezTo>
                  <a:cubicBezTo>
                    <a:pt x="119" y="380"/>
                    <a:pt x="120" y="381"/>
                    <a:pt x="120" y="381"/>
                  </a:cubicBezTo>
                  <a:cubicBezTo>
                    <a:pt x="120" y="381"/>
                    <a:pt x="121" y="381"/>
                    <a:pt x="121" y="380"/>
                  </a:cubicBezTo>
                  <a:cubicBezTo>
                    <a:pt x="122" y="380"/>
                    <a:pt x="125" y="380"/>
                    <a:pt x="127" y="378"/>
                  </a:cubicBezTo>
                  <a:cubicBezTo>
                    <a:pt x="129" y="377"/>
                    <a:pt x="131" y="378"/>
                    <a:pt x="134" y="377"/>
                  </a:cubicBezTo>
                  <a:cubicBezTo>
                    <a:pt x="136" y="376"/>
                    <a:pt x="137" y="376"/>
                    <a:pt x="138" y="377"/>
                  </a:cubicBezTo>
                  <a:cubicBezTo>
                    <a:pt x="139" y="377"/>
                    <a:pt x="140" y="377"/>
                    <a:pt x="140" y="377"/>
                  </a:cubicBezTo>
                  <a:cubicBezTo>
                    <a:pt x="141" y="376"/>
                    <a:pt x="144" y="376"/>
                    <a:pt x="146" y="376"/>
                  </a:cubicBezTo>
                  <a:cubicBezTo>
                    <a:pt x="148" y="376"/>
                    <a:pt x="150" y="376"/>
                    <a:pt x="152" y="376"/>
                  </a:cubicBezTo>
                  <a:cubicBezTo>
                    <a:pt x="154" y="375"/>
                    <a:pt x="155" y="376"/>
                    <a:pt x="157" y="376"/>
                  </a:cubicBezTo>
                  <a:cubicBezTo>
                    <a:pt x="157" y="376"/>
                    <a:pt x="158" y="377"/>
                    <a:pt x="159" y="377"/>
                  </a:cubicBezTo>
                  <a:cubicBezTo>
                    <a:pt x="160" y="377"/>
                    <a:pt x="162" y="377"/>
                    <a:pt x="164" y="378"/>
                  </a:cubicBezTo>
                  <a:cubicBezTo>
                    <a:pt x="168" y="378"/>
                    <a:pt x="168" y="381"/>
                    <a:pt x="168" y="382"/>
                  </a:cubicBezTo>
                  <a:cubicBezTo>
                    <a:pt x="169" y="383"/>
                    <a:pt x="170" y="382"/>
                    <a:pt x="170" y="382"/>
                  </a:cubicBezTo>
                  <a:cubicBezTo>
                    <a:pt x="170" y="382"/>
                    <a:pt x="174" y="380"/>
                    <a:pt x="176" y="379"/>
                  </a:cubicBezTo>
                  <a:cubicBezTo>
                    <a:pt x="179" y="378"/>
                    <a:pt x="181" y="377"/>
                    <a:pt x="182" y="376"/>
                  </a:cubicBezTo>
                  <a:cubicBezTo>
                    <a:pt x="184" y="374"/>
                    <a:pt x="184" y="374"/>
                    <a:pt x="185" y="374"/>
                  </a:cubicBezTo>
                  <a:cubicBezTo>
                    <a:pt x="186" y="373"/>
                    <a:pt x="186" y="373"/>
                    <a:pt x="186" y="373"/>
                  </a:cubicBezTo>
                  <a:cubicBezTo>
                    <a:pt x="187" y="374"/>
                    <a:pt x="188" y="374"/>
                    <a:pt x="189" y="373"/>
                  </a:cubicBezTo>
                  <a:cubicBezTo>
                    <a:pt x="192" y="373"/>
                    <a:pt x="192" y="373"/>
                    <a:pt x="194" y="373"/>
                  </a:cubicBezTo>
                  <a:cubicBezTo>
                    <a:pt x="195" y="372"/>
                    <a:pt x="196" y="371"/>
                    <a:pt x="197" y="371"/>
                  </a:cubicBezTo>
                  <a:cubicBezTo>
                    <a:pt x="198" y="370"/>
                    <a:pt x="198" y="370"/>
                    <a:pt x="198" y="370"/>
                  </a:cubicBezTo>
                  <a:cubicBezTo>
                    <a:pt x="199" y="369"/>
                    <a:pt x="200" y="369"/>
                    <a:pt x="201" y="369"/>
                  </a:cubicBezTo>
                  <a:cubicBezTo>
                    <a:pt x="203" y="369"/>
                    <a:pt x="205" y="367"/>
                    <a:pt x="207" y="366"/>
                  </a:cubicBezTo>
                  <a:cubicBezTo>
                    <a:pt x="209" y="366"/>
                    <a:pt x="209" y="366"/>
                    <a:pt x="211" y="365"/>
                  </a:cubicBezTo>
                  <a:cubicBezTo>
                    <a:pt x="211" y="365"/>
                    <a:pt x="211" y="365"/>
                    <a:pt x="211" y="365"/>
                  </a:cubicBezTo>
                  <a:cubicBezTo>
                    <a:pt x="213" y="365"/>
                    <a:pt x="213" y="364"/>
                    <a:pt x="213" y="364"/>
                  </a:cubicBezTo>
                  <a:cubicBezTo>
                    <a:pt x="213" y="364"/>
                    <a:pt x="221" y="364"/>
                    <a:pt x="223" y="362"/>
                  </a:cubicBezTo>
                  <a:cubicBezTo>
                    <a:pt x="226" y="360"/>
                    <a:pt x="226" y="363"/>
                    <a:pt x="226" y="363"/>
                  </a:cubicBezTo>
                  <a:cubicBezTo>
                    <a:pt x="226" y="363"/>
                    <a:pt x="227" y="363"/>
                    <a:pt x="227" y="363"/>
                  </a:cubicBezTo>
                  <a:cubicBezTo>
                    <a:pt x="228" y="363"/>
                    <a:pt x="230" y="362"/>
                    <a:pt x="231" y="362"/>
                  </a:cubicBezTo>
                  <a:cubicBezTo>
                    <a:pt x="234" y="362"/>
                    <a:pt x="237" y="361"/>
                    <a:pt x="239" y="362"/>
                  </a:cubicBezTo>
                  <a:cubicBezTo>
                    <a:pt x="242" y="363"/>
                    <a:pt x="242" y="365"/>
                    <a:pt x="244" y="366"/>
                  </a:cubicBezTo>
                  <a:cubicBezTo>
                    <a:pt x="245" y="366"/>
                    <a:pt x="246" y="369"/>
                    <a:pt x="248" y="368"/>
                  </a:cubicBezTo>
                  <a:cubicBezTo>
                    <a:pt x="251" y="368"/>
                    <a:pt x="251" y="372"/>
                    <a:pt x="252" y="372"/>
                  </a:cubicBezTo>
                  <a:cubicBezTo>
                    <a:pt x="253" y="373"/>
                    <a:pt x="252" y="376"/>
                    <a:pt x="252" y="378"/>
                  </a:cubicBezTo>
                  <a:cubicBezTo>
                    <a:pt x="252" y="379"/>
                    <a:pt x="253" y="382"/>
                    <a:pt x="255" y="382"/>
                  </a:cubicBezTo>
                  <a:cubicBezTo>
                    <a:pt x="257" y="383"/>
                    <a:pt x="258" y="385"/>
                    <a:pt x="259" y="384"/>
                  </a:cubicBezTo>
                  <a:cubicBezTo>
                    <a:pt x="259" y="384"/>
                    <a:pt x="267" y="384"/>
                    <a:pt x="270" y="385"/>
                  </a:cubicBezTo>
                  <a:cubicBezTo>
                    <a:pt x="272" y="385"/>
                    <a:pt x="273" y="385"/>
                    <a:pt x="275" y="384"/>
                  </a:cubicBezTo>
                  <a:cubicBezTo>
                    <a:pt x="276" y="384"/>
                    <a:pt x="278" y="383"/>
                    <a:pt x="280" y="382"/>
                  </a:cubicBezTo>
                  <a:cubicBezTo>
                    <a:pt x="281" y="382"/>
                    <a:pt x="285" y="380"/>
                    <a:pt x="287" y="380"/>
                  </a:cubicBezTo>
                  <a:cubicBezTo>
                    <a:pt x="288" y="379"/>
                    <a:pt x="286" y="381"/>
                    <a:pt x="286" y="383"/>
                  </a:cubicBezTo>
                  <a:cubicBezTo>
                    <a:pt x="286" y="383"/>
                    <a:pt x="286" y="384"/>
                    <a:pt x="286" y="384"/>
                  </a:cubicBezTo>
                  <a:cubicBezTo>
                    <a:pt x="286" y="385"/>
                    <a:pt x="287" y="386"/>
                    <a:pt x="288" y="387"/>
                  </a:cubicBezTo>
                  <a:cubicBezTo>
                    <a:pt x="289" y="387"/>
                    <a:pt x="290" y="389"/>
                    <a:pt x="291" y="389"/>
                  </a:cubicBezTo>
                  <a:cubicBezTo>
                    <a:pt x="291" y="390"/>
                    <a:pt x="293" y="388"/>
                    <a:pt x="295" y="388"/>
                  </a:cubicBezTo>
                  <a:cubicBezTo>
                    <a:pt x="296" y="387"/>
                    <a:pt x="297" y="391"/>
                    <a:pt x="297" y="391"/>
                  </a:cubicBezTo>
                  <a:cubicBezTo>
                    <a:pt x="298" y="391"/>
                    <a:pt x="300" y="397"/>
                    <a:pt x="301" y="398"/>
                  </a:cubicBezTo>
                  <a:cubicBezTo>
                    <a:pt x="301" y="398"/>
                    <a:pt x="301" y="405"/>
                    <a:pt x="301" y="405"/>
                  </a:cubicBezTo>
                  <a:cubicBezTo>
                    <a:pt x="302" y="405"/>
                    <a:pt x="300" y="408"/>
                    <a:pt x="299" y="410"/>
                  </a:cubicBezTo>
                  <a:cubicBezTo>
                    <a:pt x="298" y="411"/>
                    <a:pt x="298" y="411"/>
                    <a:pt x="298" y="411"/>
                  </a:cubicBezTo>
                  <a:cubicBezTo>
                    <a:pt x="298" y="411"/>
                    <a:pt x="297" y="413"/>
                    <a:pt x="298" y="415"/>
                  </a:cubicBezTo>
                  <a:cubicBezTo>
                    <a:pt x="298" y="416"/>
                    <a:pt x="298" y="418"/>
                    <a:pt x="298" y="420"/>
                  </a:cubicBezTo>
                  <a:cubicBezTo>
                    <a:pt x="298" y="423"/>
                    <a:pt x="297" y="424"/>
                    <a:pt x="298" y="427"/>
                  </a:cubicBezTo>
                  <a:cubicBezTo>
                    <a:pt x="298" y="431"/>
                    <a:pt x="295" y="431"/>
                    <a:pt x="294" y="433"/>
                  </a:cubicBezTo>
                  <a:cubicBezTo>
                    <a:pt x="292" y="434"/>
                    <a:pt x="292" y="438"/>
                    <a:pt x="292" y="440"/>
                  </a:cubicBezTo>
                  <a:cubicBezTo>
                    <a:pt x="293" y="442"/>
                    <a:pt x="292" y="446"/>
                    <a:pt x="293" y="447"/>
                  </a:cubicBezTo>
                  <a:cubicBezTo>
                    <a:pt x="293" y="448"/>
                    <a:pt x="295" y="454"/>
                    <a:pt x="297" y="454"/>
                  </a:cubicBezTo>
                  <a:cubicBezTo>
                    <a:pt x="298" y="454"/>
                    <a:pt x="299" y="459"/>
                    <a:pt x="300" y="459"/>
                  </a:cubicBezTo>
                  <a:cubicBezTo>
                    <a:pt x="301" y="458"/>
                    <a:pt x="307" y="466"/>
                    <a:pt x="312" y="473"/>
                  </a:cubicBezTo>
                  <a:cubicBezTo>
                    <a:pt x="313" y="475"/>
                    <a:pt x="315" y="477"/>
                    <a:pt x="315" y="478"/>
                  </a:cubicBezTo>
                  <a:cubicBezTo>
                    <a:pt x="317" y="480"/>
                    <a:pt x="317" y="480"/>
                    <a:pt x="318" y="480"/>
                  </a:cubicBezTo>
                  <a:cubicBezTo>
                    <a:pt x="319" y="480"/>
                    <a:pt x="322" y="486"/>
                    <a:pt x="325" y="488"/>
                  </a:cubicBezTo>
                  <a:cubicBezTo>
                    <a:pt x="325" y="488"/>
                    <a:pt x="325" y="488"/>
                    <a:pt x="325" y="488"/>
                  </a:cubicBezTo>
                  <a:cubicBezTo>
                    <a:pt x="328" y="491"/>
                    <a:pt x="328" y="496"/>
                    <a:pt x="328" y="496"/>
                  </a:cubicBezTo>
                  <a:cubicBezTo>
                    <a:pt x="328" y="497"/>
                    <a:pt x="328" y="498"/>
                    <a:pt x="328" y="498"/>
                  </a:cubicBezTo>
                  <a:cubicBezTo>
                    <a:pt x="328" y="500"/>
                    <a:pt x="328" y="501"/>
                    <a:pt x="328" y="502"/>
                  </a:cubicBezTo>
                  <a:cubicBezTo>
                    <a:pt x="328" y="503"/>
                    <a:pt x="330" y="506"/>
                    <a:pt x="331" y="508"/>
                  </a:cubicBezTo>
                  <a:cubicBezTo>
                    <a:pt x="333" y="510"/>
                    <a:pt x="334" y="514"/>
                    <a:pt x="336" y="516"/>
                  </a:cubicBezTo>
                  <a:cubicBezTo>
                    <a:pt x="338" y="518"/>
                    <a:pt x="338" y="521"/>
                    <a:pt x="340" y="523"/>
                  </a:cubicBezTo>
                  <a:cubicBezTo>
                    <a:pt x="342" y="525"/>
                    <a:pt x="339" y="527"/>
                    <a:pt x="339" y="529"/>
                  </a:cubicBezTo>
                  <a:cubicBezTo>
                    <a:pt x="338" y="530"/>
                    <a:pt x="336" y="533"/>
                    <a:pt x="335" y="533"/>
                  </a:cubicBezTo>
                  <a:cubicBezTo>
                    <a:pt x="335" y="534"/>
                    <a:pt x="337" y="538"/>
                    <a:pt x="339" y="542"/>
                  </a:cubicBezTo>
                  <a:cubicBezTo>
                    <a:pt x="341" y="545"/>
                    <a:pt x="342" y="550"/>
                    <a:pt x="344" y="553"/>
                  </a:cubicBezTo>
                  <a:cubicBezTo>
                    <a:pt x="346" y="555"/>
                    <a:pt x="344" y="558"/>
                    <a:pt x="345" y="559"/>
                  </a:cubicBezTo>
                  <a:cubicBezTo>
                    <a:pt x="345" y="559"/>
                    <a:pt x="345" y="562"/>
                    <a:pt x="345" y="563"/>
                  </a:cubicBezTo>
                  <a:cubicBezTo>
                    <a:pt x="345" y="564"/>
                    <a:pt x="344" y="568"/>
                    <a:pt x="344" y="568"/>
                  </a:cubicBezTo>
                  <a:cubicBezTo>
                    <a:pt x="344" y="568"/>
                    <a:pt x="342" y="570"/>
                    <a:pt x="342" y="571"/>
                  </a:cubicBezTo>
                  <a:cubicBezTo>
                    <a:pt x="341" y="572"/>
                    <a:pt x="339" y="573"/>
                    <a:pt x="338" y="574"/>
                  </a:cubicBezTo>
                  <a:cubicBezTo>
                    <a:pt x="336" y="575"/>
                    <a:pt x="334" y="576"/>
                    <a:pt x="333" y="578"/>
                  </a:cubicBezTo>
                  <a:cubicBezTo>
                    <a:pt x="332" y="580"/>
                    <a:pt x="331" y="582"/>
                    <a:pt x="332" y="583"/>
                  </a:cubicBezTo>
                  <a:cubicBezTo>
                    <a:pt x="332" y="585"/>
                    <a:pt x="330" y="587"/>
                    <a:pt x="329" y="587"/>
                  </a:cubicBezTo>
                  <a:cubicBezTo>
                    <a:pt x="329" y="587"/>
                    <a:pt x="327" y="594"/>
                    <a:pt x="327" y="595"/>
                  </a:cubicBezTo>
                  <a:cubicBezTo>
                    <a:pt x="328" y="596"/>
                    <a:pt x="327" y="601"/>
                    <a:pt x="327" y="601"/>
                  </a:cubicBezTo>
                  <a:cubicBezTo>
                    <a:pt x="327" y="602"/>
                    <a:pt x="325" y="606"/>
                    <a:pt x="324" y="607"/>
                  </a:cubicBezTo>
                  <a:cubicBezTo>
                    <a:pt x="324" y="607"/>
                    <a:pt x="324" y="609"/>
                    <a:pt x="323" y="611"/>
                  </a:cubicBezTo>
                  <a:cubicBezTo>
                    <a:pt x="323" y="612"/>
                    <a:pt x="322" y="615"/>
                    <a:pt x="322" y="615"/>
                  </a:cubicBezTo>
                  <a:cubicBezTo>
                    <a:pt x="322" y="623"/>
                    <a:pt x="322" y="623"/>
                    <a:pt x="322" y="623"/>
                  </a:cubicBezTo>
                  <a:cubicBezTo>
                    <a:pt x="322" y="623"/>
                    <a:pt x="322" y="624"/>
                    <a:pt x="322" y="625"/>
                  </a:cubicBezTo>
                  <a:cubicBezTo>
                    <a:pt x="321" y="628"/>
                    <a:pt x="321" y="636"/>
                    <a:pt x="322" y="638"/>
                  </a:cubicBezTo>
                  <a:cubicBezTo>
                    <a:pt x="324" y="641"/>
                    <a:pt x="323" y="641"/>
                    <a:pt x="324" y="642"/>
                  </a:cubicBezTo>
                  <a:cubicBezTo>
                    <a:pt x="325" y="643"/>
                    <a:pt x="326" y="645"/>
                    <a:pt x="327" y="645"/>
                  </a:cubicBezTo>
                  <a:cubicBezTo>
                    <a:pt x="329" y="645"/>
                    <a:pt x="329" y="648"/>
                    <a:pt x="330" y="648"/>
                  </a:cubicBezTo>
                  <a:cubicBezTo>
                    <a:pt x="331" y="649"/>
                    <a:pt x="333" y="652"/>
                    <a:pt x="334" y="653"/>
                  </a:cubicBezTo>
                  <a:cubicBezTo>
                    <a:pt x="335" y="653"/>
                    <a:pt x="335" y="658"/>
                    <a:pt x="335" y="658"/>
                  </a:cubicBezTo>
                  <a:cubicBezTo>
                    <a:pt x="335" y="658"/>
                    <a:pt x="337" y="662"/>
                    <a:pt x="338" y="662"/>
                  </a:cubicBezTo>
                  <a:cubicBezTo>
                    <a:pt x="338" y="662"/>
                    <a:pt x="341" y="670"/>
                    <a:pt x="341" y="670"/>
                  </a:cubicBezTo>
                  <a:cubicBezTo>
                    <a:pt x="342" y="673"/>
                    <a:pt x="342" y="673"/>
                    <a:pt x="342" y="673"/>
                  </a:cubicBezTo>
                  <a:cubicBezTo>
                    <a:pt x="342" y="673"/>
                    <a:pt x="343" y="674"/>
                    <a:pt x="344" y="675"/>
                  </a:cubicBezTo>
                  <a:cubicBezTo>
                    <a:pt x="344" y="676"/>
                    <a:pt x="345" y="677"/>
                    <a:pt x="346" y="677"/>
                  </a:cubicBezTo>
                  <a:cubicBezTo>
                    <a:pt x="347" y="678"/>
                    <a:pt x="347" y="679"/>
                    <a:pt x="349" y="681"/>
                  </a:cubicBezTo>
                  <a:cubicBezTo>
                    <a:pt x="352" y="684"/>
                    <a:pt x="352" y="685"/>
                    <a:pt x="352" y="686"/>
                  </a:cubicBezTo>
                  <a:cubicBezTo>
                    <a:pt x="353" y="687"/>
                    <a:pt x="353" y="689"/>
                    <a:pt x="353" y="690"/>
                  </a:cubicBezTo>
                  <a:cubicBezTo>
                    <a:pt x="353" y="691"/>
                    <a:pt x="353" y="695"/>
                    <a:pt x="353" y="695"/>
                  </a:cubicBezTo>
                  <a:cubicBezTo>
                    <a:pt x="353" y="695"/>
                    <a:pt x="351" y="702"/>
                    <a:pt x="351" y="703"/>
                  </a:cubicBezTo>
                  <a:cubicBezTo>
                    <a:pt x="350" y="704"/>
                    <a:pt x="351" y="705"/>
                    <a:pt x="352" y="706"/>
                  </a:cubicBezTo>
                  <a:cubicBezTo>
                    <a:pt x="353" y="707"/>
                    <a:pt x="353" y="709"/>
                    <a:pt x="354" y="709"/>
                  </a:cubicBezTo>
                  <a:cubicBezTo>
                    <a:pt x="355" y="710"/>
                    <a:pt x="355" y="713"/>
                    <a:pt x="355" y="713"/>
                  </a:cubicBezTo>
                  <a:cubicBezTo>
                    <a:pt x="356" y="713"/>
                    <a:pt x="356" y="718"/>
                    <a:pt x="356" y="720"/>
                  </a:cubicBezTo>
                  <a:cubicBezTo>
                    <a:pt x="357" y="722"/>
                    <a:pt x="356" y="723"/>
                    <a:pt x="356" y="724"/>
                  </a:cubicBezTo>
                  <a:cubicBezTo>
                    <a:pt x="355" y="724"/>
                    <a:pt x="355" y="725"/>
                    <a:pt x="356" y="727"/>
                  </a:cubicBezTo>
                  <a:cubicBezTo>
                    <a:pt x="356" y="728"/>
                    <a:pt x="356" y="729"/>
                    <a:pt x="358" y="735"/>
                  </a:cubicBezTo>
                  <a:cubicBezTo>
                    <a:pt x="359" y="741"/>
                    <a:pt x="359" y="739"/>
                    <a:pt x="360" y="740"/>
                  </a:cubicBezTo>
                  <a:cubicBezTo>
                    <a:pt x="361" y="741"/>
                    <a:pt x="361" y="745"/>
                    <a:pt x="362" y="745"/>
                  </a:cubicBezTo>
                  <a:cubicBezTo>
                    <a:pt x="363" y="744"/>
                    <a:pt x="367" y="754"/>
                    <a:pt x="370" y="757"/>
                  </a:cubicBezTo>
                  <a:cubicBezTo>
                    <a:pt x="372" y="760"/>
                    <a:pt x="372" y="760"/>
                    <a:pt x="373" y="761"/>
                  </a:cubicBezTo>
                  <a:cubicBezTo>
                    <a:pt x="374" y="761"/>
                    <a:pt x="374" y="761"/>
                    <a:pt x="374" y="761"/>
                  </a:cubicBezTo>
                  <a:cubicBezTo>
                    <a:pt x="375" y="763"/>
                    <a:pt x="376" y="765"/>
                    <a:pt x="377" y="766"/>
                  </a:cubicBezTo>
                  <a:cubicBezTo>
                    <a:pt x="378" y="767"/>
                    <a:pt x="379" y="769"/>
                    <a:pt x="381" y="769"/>
                  </a:cubicBezTo>
                  <a:cubicBezTo>
                    <a:pt x="382" y="769"/>
                    <a:pt x="381" y="773"/>
                    <a:pt x="381" y="774"/>
                  </a:cubicBezTo>
                  <a:cubicBezTo>
                    <a:pt x="381" y="775"/>
                    <a:pt x="383" y="778"/>
                    <a:pt x="383" y="779"/>
                  </a:cubicBezTo>
                  <a:cubicBezTo>
                    <a:pt x="383" y="780"/>
                    <a:pt x="384" y="783"/>
                    <a:pt x="384" y="784"/>
                  </a:cubicBezTo>
                  <a:cubicBezTo>
                    <a:pt x="383" y="785"/>
                    <a:pt x="385" y="787"/>
                    <a:pt x="387" y="789"/>
                  </a:cubicBezTo>
                  <a:cubicBezTo>
                    <a:pt x="388" y="791"/>
                    <a:pt x="389" y="791"/>
                    <a:pt x="390" y="792"/>
                  </a:cubicBezTo>
                  <a:cubicBezTo>
                    <a:pt x="391" y="793"/>
                    <a:pt x="392" y="796"/>
                    <a:pt x="392" y="797"/>
                  </a:cubicBezTo>
                  <a:cubicBezTo>
                    <a:pt x="393" y="797"/>
                    <a:pt x="395" y="799"/>
                    <a:pt x="395" y="800"/>
                  </a:cubicBezTo>
                  <a:cubicBezTo>
                    <a:pt x="395" y="801"/>
                    <a:pt x="395" y="807"/>
                    <a:pt x="394" y="809"/>
                  </a:cubicBezTo>
                  <a:cubicBezTo>
                    <a:pt x="393" y="810"/>
                    <a:pt x="394" y="809"/>
                    <a:pt x="392" y="810"/>
                  </a:cubicBezTo>
                  <a:cubicBezTo>
                    <a:pt x="390" y="812"/>
                    <a:pt x="389" y="812"/>
                    <a:pt x="389" y="812"/>
                  </a:cubicBezTo>
                  <a:cubicBezTo>
                    <a:pt x="390" y="814"/>
                    <a:pt x="390" y="814"/>
                    <a:pt x="390" y="814"/>
                  </a:cubicBezTo>
                  <a:cubicBezTo>
                    <a:pt x="390" y="814"/>
                    <a:pt x="391" y="817"/>
                    <a:pt x="392" y="817"/>
                  </a:cubicBezTo>
                  <a:cubicBezTo>
                    <a:pt x="393" y="816"/>
                    <a:pt x="395" y="822"/>
                    <a:pt x="395" y="822"/>
                  </a:cubicBezTo>
                  <a:cubicBezTo>
                    <a:pt x="395" y="823"/>
                    <a:pt x="395" y="824"/>
                    <a:pt x="395" y="824"/>
                  </a:cubicBezTo>
                  <a:cubicBezTo>
                    <a:pt x="395" y="824"/>
                    <a:pt x="395" y="826"/>
                    <a:pt x="395" y="827"/>
                  </a:cubicBezTo>
                  <a:cubicBezTo>
                    <a:pt x="395" y="829"/>
                    <a:pt x="397" y="828"/>
                    <a:pt x="397" y="828"/>
                  </a:cubicBezTo>
                  <a:cubicBezTo>
                    <a:pt x="397" y="827"/>
                    <a:pt x="399" y="828"/>
                    <a:pt x="400" y="829"/>
                  </a:cubicBezTo>
                  <a:cubicBezTo>
                    <a:pt x="400" y="829"/>
                    <a:pt x="401" y="830"/>
                    <a:pt x="402" y="830"/>
                  </a:cubicBezTo>
                  <a:cubicBezTo>
                    <a:pt x="403" y="830"/>
                    <a:pt x="403" y="832"/>
                    <a:pt x="403" y="832"/>
                  </a:cubicBezTo>
                  <a:cubicBezTo>
                    <a:pt x="403" y="832"/>
                    <a:pt x="404" y="834"/>
                    <a:pt x="405" y="834"/>
                  </a:cubicBezTo>
                  <a:cubicBezTo>
                    <a:pt x="405" y="833"/>
                    <a:pt x="405" y="834"/>
                    <a:pt x="406" y="834"/>
                  </a:cubicBezTo>
                  <a:cubicBezTo>
                    <a:pt x="406" y="834"/>
                    <a:pt x="407" y="835"/>
                    <a:pt x="409" y="834"/>
                  </a:cubicBezTo>
                  <a:cubicBezTo>
                    <a:pt x="411" y="833"/>
                    <a:pt x="412" y="835"/>
                    <a:pt x="415" y="836"/>
                  </a:cubicBezTo>
                  <a:cubicBezTo>
                    <a:pt x="416" y="836"/>
                    <a:pt x="418" y="835"/>
                    <a:pt x="419" y="834"/>
                  </a:cubicBezTo>
                  <a:cubicBezTo>
                    <a:pt x="420" y="833"/>
                    <a:pt x="420" y="833"/>
                    <a:pt x="420" y="833"/>
                  </a:cubicBezTo>
                  <a:cubicBezTo>
                    <a:pt x="424" y="831"/>
                    <a:pt x="424" y="831"/>
                    <a:pt x="424" y="831"/>
                  </a:cubicBezTo>
                  <a:cubicBezTo>
                    <a:pt x="424" y="831"/>
                    <a:pt x="426" y="831"/>
                    <a:pt x="430" y="831"/>
                  </a:cubicBezTo>
                  <a:cubicBezTo>
                    <a:pt x="434" y="832"/>
                    <a:pt x="431" y="830"/>
                    <a:pt x="433" y="829"/>
                  </a:cubicBezTo>
                  <a:cubicBezTo>
                    <a:pt x="433" y="829"/>
                    <a:pt x="434" y="829"/>
                    <a:pt x="434" y="830"/>
                  </a:cubicBezTo>
                  <a:cubicBezTo>
                    <a:pt x="435" y="830"/>
                    <a:pt x="435" y="830"/>
                    <a:pt x="436" y="830"/>
                  </a:cubicBezTo>
                  <a:cubicBezTo>
                    <a:pt x="438" y="829"/>
                    <a:pt x="436" y="830"/>
                    <a:pt x="439" y="828"/>
                  </a:cubicBezTo>
                  <a:cubicBezTo>
                    <a:pt x="440" y="828"/>
                    <a:pt x="439" y="827"/>
                    <a:pt x="441" y="826"/>
                  </a:cubicBezTo>
                  <a:cubicBezTo>
                    <a:pt x="442" y="825"/>
                    <a:pt x="442" y="826"/>
                    <a:pt x="442" y="826"/>
                  </a:cubicBezTo>
                  <a:cubicBezTo>
                    <a:pt x="442" y="826"/>
                    <a:pt x="443" y="826"/>
                    <a:pt x="444" y="826"/>
                  </a:cubicBezTo>
                  <a:cubicBezTo>
                    <a:pt x="444" y="826"/>
                    <a:pt x="445" y="826"/>
                    <a:pt x="447" y="827"/>
                  </a:cubicBezTo>
                  <a:cubicBezTo>
                    <a:pt x="447" y="827"/>
                    <a:pt x="449" y="827"/>
                    <a:pt x="451" y="827"/>
                  </a:cubicBezTo>
                  <a:cubicBezTo>
                    <a:pt x="452" y="827"/>
                    <a:pt x="452" y="827"/>
                    <a:pt x="452" y="827"/>
                  </a:cubicBezTo>
                  <a:cubicBezTo>
                    <a:pt x="452" y="827"/>
                    <a:pt x="452" y="827"/>
                    <a:pt x="453" y="826"/>
                  </a:cubicBezTo>
                  <a:cubicBezTo>
                    <a:pt x="453" y="826"/>
                    <a:pt x="453" y="826"/>
                    <a:pt x="454" y="826"/>
                  </a:cubicBezTo>
                  <a:cubicBezTo>
                    <a:pt x="454" y="826"/>
                    <a:pt x="454" y="826"/>
                    <a:pt x="454" y="826"/>
                  </a:cubicBezTo>
                  <a:cubicBezTo>
                    <a:pt x="455" y="826"/>
                    <a:pt x="455" y="826"/>
                    <a:pt x="456" y="827"/>
                  </a:cubicBezTo>
                  <a:cubicBezTo>
                    <a:pt x="456" y="827"/>
                    <a:pt x="457" y="827"/>
                    <a:pt x="457" y="827"/>
                  </a:cubicBezTo>
                  <a:cubicBezTo>
                    <a:pt x="459" y="827"/>
                    <a:pt x="459" y="827"/>
                    <a:pt x="461" y="828"/>
                  </a:cubicBezTo>
                  <a:cubicBezTo>
                    <a:pt x="461" y="828"/>
                    <a:pt x="466" y="830"/>
                    <a:pt x="468" y="829"/>
                  </a:cubicBezTo>
                  <a:cubicBezTo>
                    <a:pt x="468" y="829"/>
                    <a:pt x="469" y="828"/>
                    <a:pt x="469" y="827"/>
                  </a:cubicBezTo>
                  <a:cubicBezTo>
                    <a:pt x="469" y="826"/>
                    <a:pt x="471" y="827"/>
                    <a:pt x="471" y="826"/>
                  </a:cubicBezTo>
                  <a:cubicBezTo>
                    <a:pt x="471" y="826"/>
                    <a:pt x="473" y="827"/>
                    <a:pt x="473" y="827"/>
                  </a:cubicBezTo>
                  <a:cubicBezTo>
                    <a:pt x="475" y="827"/>
                    <a:pt x="475" y="827"/>
                    <a:pt x="475" y="827"/>
                  </a:cubicBezTo>
                  <a:cubicBezTo>
                    <a:pt x="475" y="827"/>
                    <a:pt x="477" y="827"/>
                    <a:pt x="477" y="826"/>
                  </a:cubicBezTo>
                  <a:cubicBezTo>
                    <a:pt x="478" y="825"/>
                    <a:pt x="478" y="825"/>
                    <a:pt x="480" y="823"/>
                  </a:cubicBezTo>
                  <a:cubicBezTo>
                    <a:pt x="480" y="822"/>
                    <a:pt x="481" y="823"/>
                    <a:pt x="482" y="823"/>
                  </a:cubicBezTo>
                  <a:cubicBezTo>
                    <a:pt x="483" y="823"/>
                    <a:pt x="483" y="823"/>
                    <a:pt x="484" y="823"/>
                  </a:cubicBezTo>
                  <a:cubicBezTo>
                    <a:pt x="486" y="823"/>
                    <a:pt x="486" y="823"/>
                    <a:pt x="486" y="823"/>
                  </a:cubicBezTo>
                  <a:cubicBezTo>
                    <a:pt x="486" y="823"/>
                    <a:pt x="488" y="823"/>
                    <a:pt x="489" y="822"/>
                  </a:cubicBezTo>
                  <a:cubicBezTo>
                    <a:pt x="490" y="822"/>
                    <a:pt x="491" y="822"/>
                    <a:pt x="492" y="821"/>
                  </a:cubicBezTo>
                  <a:cubicBezTo>
                    <a:pt x="493" y="820"/>
                    <a:pt x="494" y="821"/>
                    <a:pt x="495" y="820"/>
                  </a:cubicBezTo>
                  <a:cubicBezTo>
                    <a:pt x="495" y="820"/>
                    <a:pt x="497" y="818"/>
                    <a:pt x="497" y="818"/>
                  </a:cubicBezTo>
                  <a:cubicBezTo>
                    <a:pt x="497" y="818"/>
                    <a:pt x="500" y="816"/>
                    <a:pt x="502" y="814"/>
                  </a:cubicBezTo>
                  <a:cubicBezTo>
                    <a:pt x="503" y="814"/>
                    <a:pt x="504" y="813"/>
                    <a:pt x="506" y="811"/>
                  </a:cubicBezTo>
                  <a:cubicBezTo>
                    <a:pt x="508" y="809"/>
                    <a:pt x="507" y="810"/>
                    <a:pt x="508" y="808"/>
                  </a:cubicBezTo>
                  <a:cubicBezTo>
                    <a:pt x="509" y="807"/>
                    <a:pt x="509" y="808"/>
                    <a:pt x="510" y="807"/>
                  </a:cubicBezTo>
                  <a:cubicBezTo>
                    <a:pt x="510" y="806"/>
                    <a:pt x="511" y="805"/>
                    <a:pt x="512" y="804"/>
                  </a:cubicBezTo>
                  <a:cubicBezTo>
                    <a:pt x="514" y="802"/>
                    <a:pt x="514" y="803"/>
                    <a:pt x="516" y="801"/>
                  </a:cubicBezTo>
                  <a:cubicBezTo>
                    <a:pt x="518" y="799"/>
                    <a:pt x="518" y="799"/>
                    <a:pt x="519" y="798"/>
                  </a:cubicBezTo>
                  <a:cubicBezTo>
                    <a:pt x="520" y="797"/>
                    <a:pt x="522" y="796"/>
                    <a:pt x="524" y="793"/>
                  </a:cubicBezTo>
                  <a:cubicBezTo>
                    <a:pt x="526" y="791"/>
                    <a:pt x="525" y="791"/>
                    <a:pt x="525" y="792"/>
                  </a:cubicBezTo>
                  <a:cubicBezTo>
                    <a:pt x="525" y="792"/>
                    <a:pt x="524" y="792"/>
                    <a:pt x="524" y="792"/>
                  </a:cubicBezTo>
                  <a:cubicBezTo>
                    <a:pt x="524" y="792"/>
                    <a:pt x="527" y="790"/>
                    <a:pt x="528" y="790"/>
                  </a:cubicBezTo>
                  <a:cubicBezTo>
                    <a:pt x="528" y="790"/>
                    <a:pt x="530" y="787"/>
                    <a:pt x="530" y="786"/>
                  </a:cubicBezTo>
                  <a:cubicBezTo>
                    <a:pt x="531" y="785"/>
                    <a:pt x="531" y="785"/>
                    <a:pt x="531" y="784"/>
                  </a:cubicBezTo>
                  <a:cubicBezTo>
                    <a:pt x="532" y="782"/>
                    <a:pt x="533" y="781"/>
                    <a:pt x="534" y="780"/>
                  </a:cubicBezTo>
                  <a:cubicBezTo>
                    <a:pt x="535" y="778"/>
                    <a:pt x="536" y="778"/>
                    <a:pt x="536" y="777"/>
                  </a:cubicBezTo>
                  <a:cubicBezTo>
                    <a:pt x="536" y="776"/>
                    <a:pt x="538" y="775"/>
                    <a:pt x="538" y="775"/>
                  </a:cubicBezTo>
                  <a:cubicBezTo>
                    <a:pt x="538" y="775"/>
                    <a:pt x="539" y="774"/>
                    <a:pt x="539" y="773"/>
                  </a:cubicBezTo>
                  <a:cubicBezTo>
                    <a:pt x="539" y="772"/>
                    <a:pt x="542" y="770"/>
                    <a:pt x="542" y="769"/>
                  </a:cubicBezTo>
                  <a:cubicBezTo>
                    <a:pt x="543" y="768"/>
                    <a:pt x="543" y="768"/>
                    <a:pt x="544" y="767"/>
                  </a:cubicBezTo>
                  <a:cubicBezTo>
                    <a:pt x="544" y="766"/>
                    <a:pt x="545" y="766"/>
                    <a:pt x="546" y="766"/>
                  </a:cubicBezTo>
                  <a:cubicBezTo>
                    <a:pt x="546" y="765"/>
                    <a:pt x="549" y="763"/>
                    <a:pt x="549" y="762"/>
                  </a:cubicBezTo>
                  <a:cubicBezTo>
                    <a:pt x="549" y="761"/>
                    <a:pt x="550" y="760"/>
                    <a:pt x="551" y="758"/>
                  </a:cubicBezTo>
                  <a:cubicBezTo>
                    <a:pt x="553" y="756"/>
                    <a:pt x="552" y="756"/>
                    <a:pt x="553" y="755"/>
                  </a:cubicBezTo>
                  <a:cubicBezTo>
                    <a:pt x="553" y="753"/>
                    <a:pt x="554" y="753"/>
                    <a:pt x="554" y="752"/>
                  </a:cubicBezTo>
                  <a:cubicBezTo>
                    <a:pt x="555" y="751"/>
                    <a:pt x="556" y="749"/>
                    <a:pt x="556" y="748"/>
                  </a:cubicBezTo>
                  <a:cubicBezTo>
                    <a:pt x="556" y="746"/>
                    <a:pt x="556" y="746"/>
                    <a:pt x="556" y="744"/>
                  </a:cubicBezTo>
                  <a:cubicBezTo>
                    <a:pt x="557" y="742"/>
                    <a:pt x="557" y="742"/>
                    <a:pt x="557" y="741"/>
                  </a:cubicBezTo>
                  <a:cubicBezTo>
                    <a:pt x="557" y="741"/>
                    <a:pt x="557" y="740"/>
                    <a:pt x="557" y="740"/>
                  </a:cubicBezTo>
                  <a:cubicBezTo>
                    <a:pt x="557" y="738"/>
                    <a:pt x="558" y="738"/>
                    <a:pt x="558" y="737"/>
                  </a:cubicBezTo>
                  <a:cubicBezTo>
                    <a:pt x="557" y="736"/>
                    <a:pt x="558" y="736"/>
                    <a:pt x="559" y="735"/>
                  </a:cubicBezTo>
                  <a:cubicBezTo>
                    <a:pt x="560" y="734"/>
                    <a:pt x="559" y="733"/>
                    <a:pt x="559" y="732"/>
                  </a:cubicBezTo>
                  <a:cubicBezTo>
                    <a:pt x="558" y="731"/>
                    <a:pt x="558" y="730"/>
                    <a:pt x="558" y="730"/>
                  </a:cubicBezTo>
                  <a:cubicBezTo>
                    <a:pt x="558" y="730"/>
                    <a:pt x="557" y="731"/>
                    <a:pt x="556" y="730"/>
                  </a:cubicBezTo>
                  <a:cubicBezTo>
                    <a:pt x="554" y="729"/>
                    <a:pt x="556" y="730"/>
                    <a:pt x="554" y="729"/>
                  </a:cubicBezTo>
                  <a:cubicBezTo>
                    <a:pt x="553" y="728"/>
                    <a:pt x="554" y="729"/>
                    <a:pt x="554" y="726"/>
                  </a:cubicBezTo>
                  <a:cubicBezTo>
                    <a:pt x="555" y="725"/>
                    <a:pt x="555" y="725"/>
                    <a:pt x="555" y="725"/>
                  </a:cubicBezTo>
                  <a:cubicBezTo>
                    <a:pt x="555" y="725"/>
                    <a:pt x="556" y="725"/>
                    <a:pt x="556" y="724"/>
                  </a:cubicBezTo>
                  <a:cubicBezTo>
                    <a:pt x="557" y="723"/>
                    <a:pt x="557" y="723"/>
                    <a:pt x="558" y="722"/>
                  </a:cubicBezTo>
                  <a:cubicBezTo>
                    <a:pt x="559" y="721"/>
                    <a:pt x="560" y="721"/>
                    <a:pt x="561" y="720"/>
                  </a:cubicBezTo>
                  <a:cubicBezTo>
                    <a:pt x="563" y="718"/>
                    <a:pt x="564" y="719"/>
                    <a:pt x="565" y="718"/>
                  </a:cubicBezTo>
                  <a:cubicBezTo>
                    <a:pt x="567" y="717"/>
                    <a:pt x="568" y="717"/>
                    <a:pt x="569" y="717"/>
                  </a:cubicBezTo>
                  <a:cubicBezTo>
                    <a:pt x="570" y="716"/>
                    <a:pt x="574" y="715"/>
                    <a:pt x="574" y="715"/>
                  </a:cubicBezTo>
                  <a:cubicBezTo>
                    <a:pt x="574" y="715"/>
                    <a:pt x="576" y="715"/>
                    <a:pt x="577" y="714"/>
                  </a:cubicBezTo>
                  <a:cubicBezTo>
                    <a:pt x="578" y="714"/>
                    <a:pt x="580" y="712"/>
                    <a:pt x="581" y="712"/>
                  </a:cubicBezTo>
                  <a:cubicBezTo>
                    <a:pt x="581" y="712"/>
                    <a:pt x="584" y="711"/>
                    <a:pt x="584" y="711"/>
                  </a:cubicBezTo>
                  <a:cubicBezTo>
                    <a:pt x="584" y="711"/>
                    <a:pt x="585" y="707"/>
                    <a:pt x="585" y="706"/>
                  </a:cubicBezTo>
                  <a:cubicBezTo>
                    <a:pt x="585" y="704"/>
                    <a:pt x="585" y="705"/>
                    <a:pt x="586" y="702"/>
                  </a:cubicBezTo>
                  <a:cubicBezTo>
                    <a:pt x="586" y="700"/>
                    <a:pt x="586" y="701"/>
                    <a:pt x="586" y="699"/>
                  </a:cubicBezTo>
                  <a:cubicBezTo>
                    <a:pt x="586" y="697"/>
                    <a:pt x="587" y="696"/>
                    <a:pt x="587" y="696"/>
                  </a:cubicBezTo>
                  <a:cubicBezTo>
                    <a:pt x="587" y="696"/>
                    <a:pt x="587" y="695"/>
                    <a:pt x="587" y="694"/>
                  </a:cubicBezTo>
                  <a:cubicBezTo>
                    <a:pt x="587" y="692"/>
                    <a:pt x="587" y="691"/>
                    <a:pt x="587" y="690"/>
                  </a:cubicBezTo>
                  <a:cubicBezTo>
                    <a:pt x="587" y="690"/>
                    <a:pt x="587" y="689"/>
                    <a:pt x="587" y="687"/>
                  </a:cubicBezTo>
                  <a:cubicBezTo>
                    <a:pt x="587" y="685"/>
                    <a:pt x="585" y="686"/>
                    <a:pt x="586" y="684"/>
                  </a:cubicBezTo>
                  <a:cubicBezTo>
                    <a:pt x="586" y="682"/>
                    <a:pt x="586" y="683"/>
                    <a:pt x="586" y="682"/>
                  </a:cubicBezTo>
                  <a:cubicBezTo>
                    <a:pt x="586" y="680"/>
                    <a:pt x="585" y="681"/>
                    <a:pt x="585" y="680"/>
                  </a:cubicBezTo>
                  <a:cubicBezTo>
                    <a:pt x="584" y="678"/>
                    <a:pt x="584" y="678"/>
                    <a:pt x="583" y="677"/>
                  </a:cubicBezTo>
                  <a:cubicBezTo>
                    <a:pt x="583" y="676"/>
                    <a:pt x="582" y="676"/>
                    <a:pt x="582" y="675"/>
                  </a:cubicBezTo>
                  <a:cubicBezTo>
                    <a:pt x="582" y="674"/>
                    <a:pt x="583" y="673"/>
                    <a:pt x="583" y="671"/>
                  </a:cubicBezTo>
                  <a:cubicBezTo>
                    <a:pt x="583" y="669"/>
                    <a:pt x="583" y="670"/>
                    <a:pt x="583" y="668"/>
                  </a:cubicBezTo>
                  <a:cubicBezTo>
                    <a:pt x="583" y="667"/>
                    <a:pt x="582" y="667"/>
                    <a:pt x="581" y="666"/>
                  </a:cubicBezTo>
                  <a:cubicBezTo>
                    <a:pt x="580" y="665"/>
                    <a:pt x="580" y="665"/>
                    <a:pt x="578" y="663"/>
                  </a:cubicBezTo>
                  <a:cubicBezTo>
                    <a:pt x="577" y="661"/>
                    <a:pt x="578" y="662"/>
                    <a:pt x="578" y="661"/>
                  </a:cubicBezTo>
                  <a:cubicBezTo>
                    <a:pt x="578" y="659"/>
                    <a:pt x="579" y="660"/>
                    <a:pt x="579" y="659"/>
                  </a:cubicBezTo>
                  <a:cubicBezTo>
                    <a:pt x="579" y="659"/>
                    <a:pt x="579" y="658"/>
                    <a:pt x="578" y="657"/>
                  </a:cubicBezTo>
                  <a:cubicBezTo>
                    <a:pt x="577" y="656"/>
                    <a:pt x="578" y="654"/>
                    <a:pt x="578" y="654"/>
                  </a:cubicBezTo>
                  <a:cubicBezTo>
                    <a:pt x="578" y="654"/>
                    <a:pt x="579" y="656"/>
                    <a:pt x="579" y="656"/>
                  </a:cubicBezTo>
                  <a:cubicBezTo>
                    <a:pt x="579" y="656"/>
                    <a:pt x="580" y="656"/>
                    <a:pt x="581" y="654"/>
                  </a:cubicBezTo>
                  <a:cubicBezTo>
                    <a:pt x="582" y="652"/>
                    <a:pt x="583" y="653"/>
                    <a:pt x="584" y="651"/>
                  </a:cubicBezTo>
                  <a:cubicBezTo>
                    <a:pt x="585" y="651"/>
                    <a:pt x="585" y="651"/>
                    <a:pt x="586" y="651"/>
                  </a:cubicBezTo>
                  <a:cubicBezTo>
                    <a:pt x="586" y="651"/>
                    <a:pt x="586" y="651"/>
                    <a:pt x="586" y="651"/>
                  </a:cubicBezTo>
                  <a:cubicBezTo>
                    <a:pt x="587" y="650"/>
                    <a:pt x="588" y="650"/>
                    <a:pt x="588" y="649"/>
                  </a:cubicBezTo>
                  <a:cubicBezTo>
                    <a:pt x="589" y="649"/>
                    <a:pt x="590" y="648"/>
                    <a:pt x="592" y="646"/>
                  </a:cubicBezTo>
                  <a:cubicBezTo>
                    <a:pt x="594" y="644"/>
                    <a:pt x="594" y="645"/>
                    <a:pt x="594" y="644"/>
                  </a:cubicBezTo>
                  <a:cubicBezTo>
                    <a:pt x="595" y="644"/>
                    <a:pt x="596" y="642"/>
                    <a:pt x="596" y="641"/>
                  </a:cubicBezTo>
                  <a:cubicBezTo>
                    <a:pt x="597" y="641"/>
                    <a:pt x="597" y="640"/>
                    <a:pt x="597" y="640"/>
                  </a:cubicBezTo>
                  <a:cubicBezTo>
                    <a:pt x="597" y="640"/>
                    <a:pt x="599" y="639"/>
                    <a:pt x="600" y="637"/>
                  </a:cubicBezTo>
                  <a:cubicBezTo>
                    <a:pt x="602" y="636"/>
                    <a:pt x="603" y="635"/>
                    <a:pt x="604" y="634"/>
                  </a:cubicBezTo>
                  <a:cubicBezTo>
                    <a:pt x="605" y="632"/>
                    <a:pt x="605" y="633"/>
                    <a:pt x="606" y="632"/>
                  </a:cubicBezTo>
                  <a:cubicBezTo>
                    <a:pt x="607" y="631"/>
                    <a:pt x="607" y="632"/>
                    <a:pt x="609" y="631"/>
                  </a:cubicBezTo>
                  <a:cubicBezTo>
                    <a:pt x="610" y="630"/>
                    <a:pt x="611" y="630"/>
                    <a:pt x="612" y="629"/>
                  </a:cubicBezTo>
                  <a:cubicBezTo>
                    <a:pt x="613" y="629"/>
                    <a:pt x="613" y="629"/>
                    <a:pt x="614" y="628"/>
                  </a:cubicBezTo>
                  <a:cubicBezTo>
                    <a:pt x="616" y="627"/>
                    <a:pt x="617" y="627"/>
                    <a:pt x="620" y="625"/>
                  </a:cubicBezTo>
                  <a:cubicBezTo>
                    <a:pt x="620" y="625"/>
                    <a:pt x="624" y="623"/>
                    <a:pt x="624" y="623"/>
                  </a:cubicBezTo>
                  <a:cubicBezTo>
                    <a:pt x="624" y="623"/>
                    <a:pt x="627" y="622"/>
                    <a:pt x="628" y="622"/>
                  </a:cubicBezTo>
                  <a:cubicBezTo>
                    <a:pt x="629" y="622"/>
                    <a:pt x="635" y="616"/>
                    <a:pt x="638" y="612"/>
                  </a:cubicBezTo>
                  <a:cubicBezTo>
                    <a:pt x="642" y="609"/>
                    <a:pt x="640" y="611"/>
                    <a:pt x="641" y="610"/>
                  </a:cubicBezTo>
                  <a:cubicBezTo>
                    <a:pt x="641" y="608"/>
                    <a:pt x="642" y="608"/>
                    <a:pt x="642" y="607"/>
                  </a:cubicBezTo>
                  <a:cubicBezTo>
                    <a:pt x="643" y="606"/>
                    <a:pt x="643" y="601"/>
                    <a:pt x="644" y="600"/>
                  </a:cubicBezTo>
                  <a:cubicBezTo>
                    <a:pt x="644" y="599"/>
                    <a:pt x="644" y="598"/>
                    <a:pt x="644" y="597"/>
                  </a:cubicBezTo>
                  <a:cubicBezTo>
                    <a:pt x="644" y="595"/>
                    <a:pt x="644" y="594"/>
                    <a:pt x="644" y="593"/>
                  </a:cubicBezTo>
                  <a:cubicBezTo>
                    <a:pt x="644" y="592"/>
                    <a:pt x="643" y="589"/>
                    <a:pt x="644" y="588"/>
                  </a:cubicBezTo>
                  <a:cubicBezTo>
                    <a:pt x="644" y="586"/>
                    <a:pt x="643" y="585"/>
                    <a:pt x="643" y="583"/>
                  </a:cubicBezTo>
                  <a:cubicBezTo>
                    <a:pt x="643" y="581"/>
                    <a:pt x="643" y="581"/>
                    <a:pt x="643" y="580"/>
                  </a:cubicBezTo>
                  <a:cubicBezTo>
                    <a:pt x="643" y="579"/>
                    <a:pt x="642" y="577"/>
                    <a:pt x="642" y="575"/>
                  </a:cubicBezTo>
                  <a:cubicBezTo>
                    <a:pt x="642" y="573"/>
                    <a:pt x="642" y="573"/>
                    <a:pt x="642" y="572"/>
                  </a:cubicBezTo>
                  <a:cubicBezTo>
                    <a:pt x="641" y="570"/>
                    <a:pt x="641" y="571"/>
                    <a:pt x="641" y="567"/>
                  </a:cubicBezTo>
                  <a:cubicBezTo>
                    <a:pt x="641" y="563"/>
                    <a:pt x="642" y="564"/>
                    <a:pt x="642" y="562"/>
                  </a:cubicBezTo>
                  <a:cubicBezTo>
                    <a:pt x="642" y="561"/>
                    <a:pt x="642" y="561"/>
                    <a:pt x="643" y="560"/>
                  </a:cubicBezTo>
                  <a:cubicBezTo>
                    <a:pt x="643" y="559"/>
                    <a:pt x="642" y="552"/>
                    <a:pt x="642" y="551"/>
                  </a:cubicBezTo>
                  <a:cubicBezTo>
                    <a:pt x="642" y="551"/>
                    <a:pt x="642" y="550"/>
                    <a:pt x="641" y="549"/>
                  </a:cubicBezTo>
                  <a:cubicBezTo>
                    <a:pt x="641" y="548"/>
                    <a:pt x="640" y="548"/>
                    <a:pt x="640" y="547"/>
                  </a:cubicBezTo>
                  <a:cubicBezTo>
                    <a:pt x="640" y="547"/>
                    <a:pt x="639" y="546"/>
                    <a:pt x="639" y="545"/>
                  </a:cubicBezTo>
                  <a:cubicBezTo>
                    <a:pt x="638" y="545"/>
                    <a:pt x="637" y="544"/>
                    <a:pt x="637" y="544"/>
                  </a:cubicBezTo>
                  <a:cubicBezTo>
                    <a:pt x="637" y="543"/>
                    <a:pt x="636" y="542"/>
                    <a:pt x="636" y="541"/>
                  </a:cubicBezTo>
                  <a:cubicBezTo>
                    <a:pt x="635" y="540"/>
                    <a:pt x="633" y="540"/>
                    <a:pt x="633" y="539"/>
                  </a:cubicBezTo>
                  <a:cubicBezTo>
                    <a:pt x="632" y="539"/>
                    <a:pt x="632" y="537"/>
                    <a:pt x="632" y="536"/>
                  </a:cubicBezTo>
                  <a:cubicBezTo>
                    <a:pt x="632" y="534"/>
                    <a:pt x="631" y="534"/>
                    <a:pt x="630" y="532"/>
                  </a:cubicBezTo>
                  <a:cubicBezTo>
                    <a:pt x="629" y="531"/>
                    <a:pt x="629" y="530"/>
                    <a:pt x="628" y="528"/>
                  </a:cubicBezTo>
                  <a:cubicBezTo>
                    <a:pt x="627" y="525"/>
                    <a:pt x="628" y="527"/>
                    <a:pt x="628" y="526"/>
                  </a:cubicBezTo>
                  <a:cubicBezTo>
                    <a:pt x="628" y="525"/>
                    <a:pt x="629" y="525"/>
                    <a:pt x="629" y="524"/>
                  </a:cubicBezTo>
                  <a:cubicBezTo>
                    <a:pt x="630" y="523"/>
                    <a:pt x="630" y="522"/>
                    <a:pt x="629" y="521"/>
                  </a:cubicBezTo>
                  <a:cubicBezTo>
                    <a:pt x="629" y="521"/>
                    <a:pt x="629" y="519"/>
                    <a:pt x="628" y="518"/>
                  </a:cubicBezTo>
                  <a:cubicBezTo>
                    <a:pt x="628" y="518"/>
                    <a:pt x="629" y="517"/>
                    <a:pt x="629" y="517"/>
                  </a:cubicBezTo>
                  <a:cubicBezTo>
                    <a:pt x="631" y="515"/>
                    <a:pt x="631" y="515"/>
                    <a:pt x="631" y="515"/>
                  </a:cubicBezTo>
                  <a:cubicBezTo>
                    <a:pt x="631" y="515"/>
                    <a:pt x="632" y="512"/>
                    <a:pt x="632" y="511"/>
                  </a:cubicBezTo>
                  <a:cubicBezTo>
                    <a:pt x="632" y="511"/>
                    <a:pt x="631" y="510"/>
                    <a:pt x="629" y="508"/>
                  </a:cubicBezTo>
                  <a:cubicBezTo>
                    <a:pt x="626" y="505"/>
                    <a:pt x="627" y="506"/>
                    <a:pt x="626" y="505"/>
                  </a:cubicBezTo>
                  <a:cubicBezTo>
                    <a:pt x="625" y="504"/>
                    <a:pt x="625" y="504"/>
                    <a:pt x="624" y="503"/>
                  </a:cubicBezTo>
                  <a:cubicBezTo>
                    <a:pt x="624" y="501"/>
                    <a:pt x="624" y="501"/>
                    <a:pt x="624" y="500"/>
                  </a:cubicBezTo>
                  <a:cubicBezTo>
                    <a:pt x="624" y="499"/>
                    <a:pt x="624" y="498"/>
                    <a:pt x="624" y="496"/>
                  </a:cubicBezTo>
                  <a:cubicBezTo>
                    <a:pt x="624" y="495"/>
                    <a:pt x="624" y="496"/>
                    <a:pt x="625" y="494"/>
                  </a:cubicBezTo>
                  <a:cubicBezTo>
                    <a:pt x="625" y="493"/>
                    <a:pt x="625" y="494"/>
                    <a:pt x="626" y="492"/>
                  </a:cubicBezTo>
                  <a:cubicBezTo>
                    <a:pt x="626" y="491"/>
                    <a:pt x="627" y="490"/>
                    <a:pt x="628" y="488"/>
                  </a:cubicBezTo>
                  <a:cubicBezTo>
                    <a:pt x="628" y="488"/>
                    <a:pt x="628" y="487"/>
                    <a:pt x="629" y="486"/>
                  </a:cubicBezTo>
                  <a:cubicBezTo>
                    <a:pt x="630" y="484"/>
                    <a:pt x="629" y="485"/>
                    <a:pt x="630" y="484"/>
                  </a:cubicBezTo>
                  <a:cubicBezTo>
                    <a:pt x="630" y="482"/>
                    <a:pt x="631" y="482"/>
                    <a:pt x="632" y="480"/>
                  </a:cubicBezTo>
                  <a:cubicBezTo>
                    <a:pt x="633" y="477"/>
                    <a:pt x="633" y="477"/>
                    <a:pt x="634" y="475"/>
                  </a:cubicBezTo>
                  <a:cubicBezTo>
                    <a:pt x="636" y="473"/>
                    <a:pt x="636" y="472"/>
                    <a:pt x="636" y="469"/>
                  </a:cubicBezTo>
                  <a:cubicBezTo>
                    <a:pt x="636" y="467"/>
                    <a:pt x="637" y="466"/>
                    <a:pt x="638" y="465"/>
                  </a:cubicBezTo>
                  <a:cubicBezTo>
                    <a:pt x="639" y="465"/>
                    <a:pt x="639" y="465"/>
                    <a:pt x="640" y="464"/>
                  </a:cubicBezTo>
                  <a:cubicBezTo>
                    <a:pt x="641" y="463"/>
                    <a:pt x="642" y="463"/>
                    <a:pt x="643" y="461"/>
                  </a:cubicBezTo>
                  <a:cubicBezTo>
                    <a:pt x="644" y="459"/>
                    <a:pt x="645" y="458"/>
                    <a:pt x="646" y="457"/>
                  </a:cubicBezTo>
                  <a:cubicBezTo>
                    <a:pt x="647" y="456"/>
                    <a:pt x="649" y="456"/>
                    <a:pt x="649" y="456"/>
                  </a:cubicBezTo>
                  <a:cubicBezTo>
                    <a:pt x="649" y="456"/>
                    <a:pt x="651" y="456"/>
                    <a:pt x="652" y="453"/>
                  </a:cubicBezTo>
                  <a:cubicBezTo>
                    <a:pt x="653" y="453"/>
                    <a:pt x="653" y="452"/>
                    <a:pt x="653" y="452"/>
                  </a:cubicBezTo>
                  <a:cubicBezTo>
                    <a:pt x="654" y="451"/>
                    <a:pt x="655" y="451"/>
                    <a:pt x="655" y="450"/>
                  </a:cubicBezTo>
                  <a:cubicBezTo>
                    <a:pt x="657" y="449"/>
                    <a:pt x="657" y="448"/>
                    <a:pt x="658" y="447"/>
                  </a:cubicBezTo>
                  <a:cubicBezTo>
                    <a:pt x="658" y="446"/>
                    <a:pt x="658" y="446"/>
                    <a:pt x="659" y="444"/>
                  </a:cubicBezTo>
                  <a:cubicBezTo>
                    <a:pt x="660" y="442"/>
                    <a:pt x="660" y="443"/>
                    <a:pt x="661" y="442"/>
                  </a:cubicBezTo>
                  <a:cubicBezTo>
                    <a:pt x="662" y="440"/>
                    <a:pt x="663" y="439"/>
                    <a:pt x="665" y="437"/>
                  </a:cubicBezTo>
                  <a:cubicBezTo>
                    <a:pt x="667" y="435"/>
                    <a:pt x="667" y="437"/>
                    <a:pt x="668" y="435"/>
                  </a:cubicBezTo>
                  <a:cubicBezTo>
                    <a:pt x="669" y="433"/>
                    <a:pt x="670" y="434"/>
                    <a:pt x="671" y="431"/>
                  </a:cubicBezTo>
                  <a:cubicBezTo>
                    <a:pt x="673" y="429"/>
                    <a:pt x="673" y="430"/>
                    <a:pt x="674" y="428"/>
                  </a:cubicBezTo>
                  <a:cubicBezTo>
                    <a:pt x="676" y="425"/>
                    <a:pt x="677" y="425"/>
                    <a:pt x="678" y="423"/>
                  </a:cubicBezTo>
                  <a:cubicBezTo>
                    <a:pt x="679" y="422"/>
                    <a:pt x="680" y="422"/>
                    <a:pt x="682" y="420"/>
                  </a:cubicBezTo>
                  <a:cubicBezTo>
                    <a:pt x="684" y="418"/>
                    <a:pt x="685" y="418"/>
                    <a:pt x="686" y="417"/>
                  </a:cubicBezTo>
                  <a:cubicBezTo>
                    <a:pt x="687" y="417"/>
                    <a:pt x="688" y="416"/>
                    <a:pt x="689" y="416"/>
                  </a:cubicBezTo>
                  <a:cubicBezTo>
                    <a:pt x="689" y="415"/>
                    <a:pt x="693" y="414"/>
                    <a:pt x="693" y="414"/>
                  </a:cubicBezTo>
                  <a:cubicBezTo>
                    <a:pt x="695" y="413"/>
                    <a:pt x="695" y="413"/>
                    <a:pt x="695" y="413"/>
                  </a:cubicBezTo>
                  <a:cubicBezTo>
                    <a:pt x="695" y="413"/>
                    <a:pt x="702" y="408"/>
                    <a:pt x="703" y="407"/>
                  </a:cubicBezTo>
                  <a:cubicBezTo>
                    <a:pt x="704" y="406"/>
                    <a:pt x="706" y="406"/>
                    <a:pt x="706" y="405"/>
                  </a:cubicBezTo>
                  <a:cubicBezTo>
                    <a:pt x="706" y="405"/>
                    <a:pt x="708" y="404"/>
                    <a:pt x="708" y="403"/>
                  </a:cubicBezTo>
                  <a:cubicBezTo>
                    <a:pt x="709" y="401"/>
                    <a:pt x="710" y="401"/>
                    <a:pt x="711" y="400"/>
                  </a:cubicBezTo>
                  <a:cubicBezTo>
                    <a:pt x="711" y="399"/>
                    <a:pt x="713" y="396"/>
                    <a:pt x="713" y="396"/>
                  </a:cubicBezTo>
                  <a:cubicBezTo>
                    <a:pt x="713" y="396"/>
                    <a:pt x="722" y="387"/>
                    <a:pt x="722" y="386"/>
                  </a:cubicBezTo>
                  <a:cubicBezTo>
                    <a:pt x="723" y="386"/>
                    <a:pt x="727" y="381"/>
                    <a:pt x="727" y="380"/>
                  </a:cubicBezTo>
                  <a:cubicBezTo>
                    <a:pt x="728" y="380"/>
                    <a:pt x="728" y="379"/>
                    <a:pt x="729" y="378"/>
                  </a:cubicBezTo>
                  <a:cubicBezTo>
                    <a:pt x="729" y="376"/>
                    <a:pt x="732" y="374"/>
                    <a:pt x="733" y="372"/>
                  </a:cubicBezTo>
                  <a:cubicBezTo>
                    <a:pt x="733" y="370"/>
                    <a:pt x="734" y="368"/>
                    <a:pt x="734" y="367"/>
                  </a:cubicBezTo>
                  <a:cubicBezTo>
                    <a:pt x="735" y="366"/>
                    <a:pt x="737" y="365"/>
                    <a:pt x="737" y="364"/>
                  </a:cubicBezTo>
                  <a:cubicBezTo>
                    <a:pt x="737" y="364"/>
                    <a:pt x="738" y="363"/>
                    <a:pt x="740" y="361"/>
                  </a:cubicBezTo>
                  <a:cubicBezTo>
                    <a:pt x="741" y="359"/>
                    <a:pt x="740" y="359"/>
                    <a:pt x="741" y="357"/>
                  </a:cubicBezTo>
                  <a:cubicBezTo>
                    <a:pt x="741" y="356"/>
                    <a:pt x="742" y="356"/>
                    <a:pt x="743" y="353"/>
                  </a:cubicBezTo>
                  <a:cubicBezTo>
                    <a:pt x="744" y="352"/>
                    <a:pt x="744" y="352"/>
                    <a:pt x="744" y="352"/>
                  </a:cubicBezTo>
                  <a:cubicBezTo>
                    <a:pt x="744" y="353"/>
                    <a:pt x="743" y="353"/>
                    <a:pt x="744" y="352"/>
                  </a:cubicBezTo>
                  <a:cubicBezTo>
                    <a:pt x="744" y="351"/>
                    <a:pt x="746" y="349"/>
                    <a:pt x="747" y="347"/>
                  </a:cubicBezTo>
                  <a:cubicBezTo>
                    <a:pt x="748" y="345"/>
                    <a:pt x="748" y="345"/>
                    <a:pt x="749" y="344"/>
                  </a:cubicBezTo>
                  <a:cubicBezTo>
                    <a:pt x="750" y="343"/>
                    <a:pt x="749" y="344"/>
                    <a:pt x="751" y="340"/>
                  </a:cubicBezTo>
                  <a:cubicBezTo>
                    <a:pt x="752" y="338"/>
                    <a:pt x="752" y="338"/>
                    <a:pt x="752" y="338"/>
                  </a:cubicBezTo>
                  <a:cubicBezTo>
                    <a:pt x="752" y="338"/>
                    <a:pt x="752" y="338"/>
                    <a:pt x="753" y="338"/>
                  </a:cubicBezTo>
                  <a:cubicBezTo>
                    <a:pt x="754" y="338"/>
                    <a:pt x="753" y="336"/>
                    <a:pt x="754" y="335"/>
                  </a:cubicBezTo>
                  <a:cubicBezTo>
                    <a:pt x="755" y="334"/>
                    <a:pt x="755" y="334"/>
                    <a:pt x="755" y="332"/>
                  </a:cubicBezTo>
                  <a:cubicBezTo>
                    <a:pt x="756" y="331"/>
                    <a:pt x="756" y="331"/>
                    <a:pt x="757" y="329"/>
                  </a:cubicBezTo>
                  <a:cubicBezTo>
                    <a:pt x="758" y="327"/>
                    <a:pt x="757" y="328"/>
                    <a:pt x="757" y="325"/>
                  </a:cubicBezTo>
                  <a:cubicBezTo>
                    <a:pt x="757" y="323"/>
                    <a:pt x="758" y="323"/>
                    <a:pt x="758" y="322"/>
                  </a:cubicBezTo>
                  <a:cubicBezTo>
                    <a:pt x="759" y="321"/>
                    <a:pt x="759" y="320"/>
                    <a:pt x="759" y="320"/>
                  </a:cubicBezTo>
                  <a:cubicBezTo>
                    <a:pt x="760" y="319"/>
                    <a:pt x="761" y="318"/>
                    <a:pt x="761" y="318"/>
                  </a:cubicBezTo>
                  <a:cubicBezTo>
                    <a:pt x="761" y="318"/>
                    <a:pt x="762" y="311"/>
                    <a:pt x="762" y="310"/>
                  </a:cubicBezTo>
                  <a:cubicBezTo>
                    <a:pt x="762" y="309"/>
                    <a:pt x="760" y="305"/>
                    <a:pt x="760" y="304"/>
                  </a:cubicBezTo>
                  <a:cubicBezTo>
                    <a:pt x="760" y="302"/>
                    <a:pt x="760" y="303"/>
                    <a:pt x="758" y="302"/>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2" name="íšḷîḍê">
              <a:extLst>
                <a:ext uri="{FF2B5EF4-FFF2-40B4-BE49-F238E27FC236}">
                  <a16:creationId xmlns:a16="http://schemas.microsoft.com/office/drawing/2014/main" xmlns="" id="{FDE77671-CA14-41EF-86CE-6C9D5EAF745C}"/>
                </a:ext>
              </a:extLst>
            </p:cNvPr>
            <p:cNvSpPr/>
            <p:nvPr/>
          </p:nvSpPr>
          <p:spPr bwMode="auto">
            <a:xfrm>
              <a:off x="6398476" y="1418399"/>
              <a:ext cx="2630488" cy="1674813"/>
            </a:xfrm>
            <a:custGeom>
              <a:avLst/>
              <a:gdLst>
                <a:gd name="T0" fmla="*/ 1537 w 1619"/>
                <a:gd name="T1" fmla="*/ 190 h 1032"/>
                <a:gd name="T2" fmla="*/ 1413 w 1619"/>
                <a:gd name="T3" fmla="*/ 166 h 1032"/>
                <a:gd name="T4" fmla="*/ 1320 w 1619"/>
                <a:gd name="T5" fmla="*/ 166 h 1032"/>
                <a:gd name="T6" fmla="*/ 1255 w 1619"/>
                <a:gd name="T7" fmla="*/ 138 h 1032"/>
                <a:gd name="T8" fmla="*/ 1163 w 1619"/>
                <a:gd name="T9" fmla="*/ 111 h 1032"/>
                <a:gd name="T10" fmla="*/ 1092 w 1619"/>
                <a:gd name="T11" fmla="*/ 130 h 1032"/>
                <a:gd name="T12" fmla="*/ 981 w 1619"/>
                <a:gd name="T13" fmla="*/ 125 h 1032"/>
                <a:gd name="T14" fmla="*/ 925 w 1619"/>
                <a:gd name="T15" fmla="*/ 98 h 1032"/>
                <a:gd name="T16" fmla="*/ 821 w 1619"/>
                <a:gd name="T17" fmla="*/ 93 h 1032"/>
                <a:gd name="T18" fmla="*/ 756 w 1619"/>
                <a:gd name="T19" fmla="*/ 89 h 1032"/>
                <a:gd name="T20" fmla="*/ 813 w 1619"/>
                <a:gd name="T21" fmla="*/ 28 h 1032"/>
                <a:gd name="T22" fmla="*/ 738 w 1619"/>
                <a:gd name="T23" fmla="*/ 5 h 1032"/>
                <a:gd name="T24" fmla="*/ 656 w 1619"/>
                <a:gd name="T25" fmla="*/ 39 h 1032"/>
                <a:gd name="T26" fmla="*/ 547 w 1619"/>
                <a:gd name="T27" fmla="*/ 73 h 1032"/>
                <a:gd name="T28" fmla="*/ 479 w 1619"/>
                <a:gd name="T29" fmla="*/ 118 h 1032"/>
                <a:gd name="T30" fmla="*/ 458 w 1619"/>
                <a:gd name="T31" fmla="*/ 141 h 1032"/>
                <a:gd name="T32" fmla="*/ 408 w 1619"/>
                <a:gd name="T33" fmla="*/ 162 h 1032"/>
                <a:gd name="T34" fmla="*/ 445 w 1619"/>
                <a:gd name="T35" fmla="*/ 194 h 1032"/>
                <a:gd name="T36" fmla="*/ 361 w 1619"/>
                <a:gd name="T37" fmla="*/ 217 h 1032"/>
                <a:gd name="T38" fmla="*/ 393 w 1619"/>
                <a:gd name="T39" fmla="*/ 133 h 1032"/>
                <a:gd name="T40" fmla="*/ 342 w 1619"/>
                <a:gd name="T41" fmla="*/ 144 h 1032"/>
                <a:gd name="T42" fmla="*/ 330 w 1619"/>
                <a:gd name="T43" fmla="*/ 200 h 1032"/>
                <a:gd name="T44" fmla="*/ 157 w 1619"/>
                <a:gd name="T45" fmla="*/ 337 h 1032"/>
                <a:gd name="T46" fmla="*/ 165 w 1619"/>
                <a:gd name="T47" fmla="*/ 381 h 1032"/>
                <a:gd name="T48" fmla="*/ 189 w 1619"/>
                <a:gd name="T49" fmla="*/ 413 h 1032"/>
                <a:gd name="T50" fmla="*/ 173 w 1619"/>
                <a:gd name="T51" fmla="*/ 449 h 1032"/>
                <a:gd name="T52" fmla="*/ 152 w 1619"/>
                <a:gd name="T53" fmla="*/ 523 h 1032"/>
                <a:gd name="T54" fmla="*/ 195 w 1619"/>
                <a:gd name="T55" fmla="*/ 642 h 1032"/>
                <a:gd name="T56" fmla="*/ 112 w 1619"/>
                <a:gd name="T57" fmla="*/ 587 h 1032"/>
                <a:gd name="T58" fmla="*/ 77 w 1619"/>
                <a:gd name="T59" fmla="*/ 637 h 1032"/>
                <a:gd name="T60" fmla="*/ 10 w 1619"/>
                <a:gd name="T61" fmla="*/ 746 h 1032"/>
                <a:gd name="T62" fmla="*/ 78 w 1619"/>
                <a:gd name="T63" fmla="*/ 857 h 1032"/>
                <a:gd name="T64" fmla="*/ 148 w 1619"/>
                <a:gd name="T65" fmla="*/ 899 h 1032"/>
                <a:gd name="T66" fmla="*/ 245 w 1619"/>
                <a:gd name="T67" fmla="*/ 844 h 1032"/>
                <a:gd name="T68" fmla="*/ 213 w 1619"/>
                <a:gd name="T69" fmla="*/ 780 h 1032"/>
                <a:gd name="T70" fmla="*/ 144 w 1619"/>
                <a:gd name="T71" fmla="*/ 727 h 1032"/>
                <a:gd name="T72" fmla="*/ 229 w 1619"/>
                <a:gd name="T73" fmla="*/ 754 h 1032"/>
                <a:gd name="T74" fmla="*/ 341 w 1619"/>
                <a:gd name="T75" fmla="*/ 782 h 1032"/>
                <a:gd name="T76" fmla="*/ 400 w 1619"/>
                <a:gd name="T77" fmla="*/ 822 h 1032"/>
                <a:gd name="T78" fmla="*/ 462 w 1619"/>
                <a:gd name="T79" fmla="*/ 949 h 1032"/>
                <a:gd name="T80" fmla="*/ 515 w 1619"/>
                <a:gd name="T81" fmla="*/ 853 h 1032"/>
                <a:gd name="T82" fmla="*/ 598 w 1619"/>
                <a:gd name="T83" fmla="*/ 815 h 1032"/>
                <a:gd name="T84" fmla="*/ 643 w 1619"/>
                <a:gd name="T85" fmla="*/ 873 h 1032"/>
                <a:gd name="T86" fmla="*/ 675 w 1619"/>
                <a:gd name="T87" fmla="*/ 966 h 1032"/>
                <a:gd name="T88" fmla="*/ 702 w 1619"/>
                <a:gd name="T89" fmla="*/ 977 h 1032"/>
                <a:gd name="T90" fmla="*/ 709 w 1619"/>
                <a:gd name="T91" fmla="*/ 919 h 1032"/>
                <a:gd name="T92" fmla="*/ 777 w 1619"/>
                <a:gd name="T93" fmla="*/ 904 h 1032"/>
                <a:gd name="T94" fmla="*/ 782 w 1619"/>
                <a:gd name="T95" fmla="*/ 823 h 1032"/>
                <a:gd name="T96" fmla="*/ 884 w 1619"/>
                <a:gd name="T97" fmla="*/ 767 h 1032"/>
                <a:gd name="T98" fmla="*/ 882 w 1619"/>
                <a:gd name="T99" fmla="*/ 664 h 1032"/>
                <a:gd name="T100" fmla="*/ 907 w 1619"/>
                <a:gd name="T101" fmla="*/ 593 h 1032"/>
                <a:gd name="T102" fmla="*/ 951 w 1619"/>
                <a:gd name="T103" fmla="*/ 667 h 1032"/>
                <a:gd name="T104" fmla="*/ 1012 w 1619"/>
                <a:gd name="T105" fmla="*/ 562 h 1032"/>
                <a:gd name="T106" fmla="*/ 1083 w 1619"/>
                <a:gd name="T107" fmla="*/ 417 h 1032"/>
                <a:gd name="T108" fmla="*/ 1090 w 1619"/>
                <a:gd name="T109" fmla="*/ 370 h 1032"/>
                <a:gd name="T110" fmla="*/ 1222 w 1619"/>
                <a:gd name="T111" fmla="*/ 341 h 1032"/>
                <a:gd name="T112" fmla="*/ 1282 w 1619"/>
                <a:gd name="T113" fmla="*/ 300 h 1032"/>
                <a:gd name="T114" fmla="*/ 1344 w 1619"/>
                <a:gd name="T115" fmla="*/ 286 h 1032"/>
                <a:gd name="T116" fmla="*/ 1269 w 1619"/>
                <a:gd name="T117" fmla="*/ 373 h 1032"/>
                <a:gd name="T118" fmla="*/ 1327 w 1619"/>
                <a:gd name="T119" fmla="*/ 386 h 1032"/>
                <a:gd name="T120" fmla="*/ 1414 w 1619"/>
                <a:gd name="T121" fmla="*/ 322 h 1032"/>
                <a:gd name="T122" fmla="*/ 1498 w 1619"/>
                <a:gd name="T123" fmla="*/ 255 h 1032"/>
                <a:gd name="T124" fmla="*/ 1595 w 1619"/>
                <a:gd name="T125" fmla="*/ 240 h 10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619" h="1032">
                  <a:moveTo>
                    <a:pt x="1617" y="227"/>
                  </a:moveTo>
                  <a:cubicBezTo>
                    <a:pt x="1616" y="227"/>
                    <a:pt x="1614" y="226"/>
                    <a:pt x="1614" y="226"/>
                  </a:cubicBezTo>
                  <a:cubicBezTo>
                    <a:pt x="1613" y="226"/>
                    <a:pt x="1610" y="225"/>
                    <a:pt x="1608" y="224"/>
                  </a:cubicBezTo>
                  <a:cubicBezTo>
                    <a:pt x="1606" y="223"/>
                    <a:pt x="1606" y="223"/>
                    <a:pt x="1605" y="221"/>
                  </a:cubicBezTo>
                  <a:cubicBezTo>
                    <a:pt x="1604" y="220"/>
                    <a:pt x="1605" y="219"/>
                    <a:pt x="1604" y="218"/>
                  </a:cubicBezTo>
                  <a:cubicBezTo>
                    <a:pt x="1604" y="217"/>
                    <a:pt x="1600" y="216"/>
                    <a:pt x="1600" y="215"/>
                  </a:cubicBezTo>
                  <a:cubicBezTo>
                    <a:pt x="1599" y="215"/>
                    <a:pt x="1598" y="214"/>
                    <a:pt x="1598" y="214"/>
                  </a:cubicBezTo>
                  <a:cubicBezTo>
                    <a:pt x="1598" y="213"/>
                    <a:pt x="1595" y="213"/>
                    <a:pt x="1594" y="213"/>
                  </a:cubicBezTo>
                  <a:cubicBezTo>
                    <a:pt x="1594" y="212"/>
                    <a:pt x="1593" y="212"/>
                    <a:pt x="1592" y="213"/>
                  </a:cubicBezTo>
                  <a:cubicBezTo>
                    <a:pt x="1591" y="213"/>
                    <a:pt x="1590" y="213"/>
                    <a:pt x="1588" y="213"/>
                  </a:cubicBezTo>
                  <a:cubicBezTo>
                    <a:pt x="1588" y="213"/>
                    <a:pt x="1585" y="214"/>
                    <a:pt x="1585" y="214"/>
                  </a:cubicBezTo>
                  <a:cubicBezTo>
                    <a:pt x="1584" y="215"/>
                    <a:pt x="1582" y="214"/>
                    <a:pt x="1582" y="212"/>
                  </a:cubicBezTo>
                  <a:cubicBezTo>
                    <a:pt x="1582" y="210"/>
                    <a:pt x="1580" y="210"/>
                    <a:pt x="1579" y="210"/>
                  </a:cubicBezTo>
                  <a:cubicBezTo>
                    <a:pt x="1579" y="210"/>
                    <a:pt x="1578" y="210"/>
                    <a:pt x="1578" y="210"/>
                  </a:cubicBezTo>
                  <a:cubicBezTo>
                    <a:pt x="1576" y="210"/>
                    <a:pt x="1570" y="211"/>
                    <a:pt x="1569" y="211"/>
                  </a:cubicBezTo>
                  <a:cubicBezTo>
                    <a:pt x="1569" y="211"/>
                    <a:pt x="1570" y="211"/>
                    <a:pt x="1570" y="211"/>
                  </a:cubicBezTo>
                  <a:cubicBezTo>
                    <a:pt x="1572" y="214"/>
                    <a:pt x="1572" y="214"/>
                    <a:pt x="1572" y="214"/>
                  </a:cubicBezTo>
                  <a:cubicBezTo>
                    <a:pt x="1572" y="214"/>
                    <a:pt x="1573" y="217"/>
                    <a:pt x="1571" y="219"/>
                  </a:cubicBezTo>
                  <a:cubicBezTo>
                    <a:pt x="1571" y="219"/>
                    <a:pt x="1572" y="221"/>
                    <a:pt x="1572" y="222"/>
                  </a:cubicBezTo>
                  <a:cubicBezTo>
                    <a:pt x="1573" y="222"/>
                    <a:pt x="1573" y="224"/>
                    <a:pt x="1573" y="224"/>
                  </a:cubicBezTo>
                  <a:cubicBezTo>
                    <a:pt x="1572" y="224"/>
                    <a:pt x="1572" y="223"/>
                    <a:pt x="1571" y="222"/>
                  </a:cubicBezTo>
                  <a:cubicBezTo>
                    <a:pt x="1569" y="221"/>
                    <a:pt x="1569" y="222"/>
                    <a:pt x="1569" y="223"/>
                  </a:cubicBezTo>
                  <a:cubicBezTo>
                    <a:pt x="1568" y="223"/>
                    <a:pt x="1566" y="222"/>
                    <a:pt x="1566" y="222"/>
                  </a:cubicBezTo>
                  <a:cubicBezTo>
                    <a:pt x="1565" y="217"/>
                    <a:pt x="1565" y="217"/>
                    <a:pt x="1565" y="217"/>
                  </a:cubicBezTo>
                  <a:cubicBezTo>
                    <a:pt x="1565" y="215"/>
                    <a:pt x="1564" y="215"/>
                    <a:pt x="1564" y="214"/>
                  </a:cubicBezTo>
                  <a:cubicBezTo>
                    <a:pt x="1564" y="212"/>
                    <a:pt x="1564" y="212"/>
                    <a:pt x="1564" y="211"/>
                  </a:cubicBezTo>
                  <a:cubicBezTo>
                    <a:pt x="1564" y="210"/>
                    <a:pt x="1565" y="208"/>
                    <a:pt x="1564" y="207"/>
                  </a:cubicBezTo>
                  <a:cubicBezTo>
                    <a:pt x="1564" y="205"/>
                    <a:pt x="1563" y="207"/>
                    <a:pt x="1563" y="207"/>
                  </a:cubicBezTo>
                  <a:cubicBezTo>
                    <a:pt x="1562" y="207"/>
                    <a:pt x="1560" y="207"/>
                    <a:pt x="1560" y="206"/>
                  </a:cubicBezTo>
                  <a:cubicBezTo>
                    <a:pt x="1560" y="205"/>
                    <a:pt x="1560" y="204"/>
                    <a:pt x="1559" y="203"/>
                  </a:cubicBezTo>
                  <a:cubicBezTo>
                    <a:pt x="1559" y="202"/>
                    <a:pt x="1557" y="200"/>
                    <a:pt x="1556" y="199"/>
                  </a:cubicBezTo>
                  <a:cubicBezTo>
                    <a:pt x="1555" y="198"/>
                    <a:pt x="1554" y="198"/>
                    <a:pt x="1553" y="197"/>
                  </a:cubicBezTo>
                  <a:cubicBezTo>
                    <a:pt x="1553" y="196"/>
                    <a:pt x="1551" y="196"/>
                    <a:pt x="1551" y="195"/>
                  </a:cubicBezTo>
                  <a:cubicBezTo>
                    <a:pt x="1550" y="194"/>
                    <a:pt x="1548" y="194"/>
                    <a:pt x="1548" y="194"/>
                  </a:cubicBezTo>
                  <a:cubicBezTo>
                    <a:pt x="1547" y="194"/>
                    <a:pt x="1544" y="193"/>
                    <a:pt x="1542" y="192"/>
                  </a:cubicBezTo>
                  <a:cubicBezTo>
                    <a:pt x="1541" y="190"/>
                    <a:pt x="1540" y="191"/>
                    <a:pt x="1539" y="190"/>
                  </a:cubicBezTo>
                  <a:cubicBezTo>
                    <a:pt x="1539" y="190"/>
                    <a:pt x="1538" y="190"/>
                    <a:pt x="1538" y="190"/>
                  </a:cubicBezTo>
                  <a:cubicBezTo>
                    <a:pt x="1538" y="190"/>
                    <a:pt x="1537" y="191"/>
                    <a:pt x="1537" y="190"/>
                  </a:cubicBezTo>
                  <a:cubicBezTo>
                    <a:pt x="1537" y="190"/>
                    <a:pt x="1535" y="190"/>
                    <a:pt x="1534" y="189"/>
                  </a:cubicBezTo>
                  <a:cubicBezTo>
                    <a:pt x="1533" y="188"/>
                    <a:pt x="1531" y="188"/>
                    <a:pt x="1531" y="188"/>
                  </a:cubicBezTo>
                  <a:cubicBezTo>
                    <a:pt x="1530" y="187"/>
                    <a:pt x="1524" y="183"/>
                    <a:pt x="1524" y="182"/>
                  </a:cubicBezTo>
                  <a:cubicBezTo>
                    <a:pt x="1523" y="180"/>
                    <a:pt x="1522" y="181"/>
                    <a:pt x="1521" y="181"/>
                  </a:cubicBezTo>
                  <a:cubicBezTo>
                    <a:pt x="1521" y="180"/>
                    <a:pt x="1521" y="180"/>
                    <a:pt x="1520" y="180"/>
                  </a:cubicBezTo>
                  <a:cubicBezTo>
                    <a:pt x="1518" y="179"/>
                    <a:pt x="1518" y="179"/>
                    <a:pt x="1517" y="178"/>
                  </a:cubicBezTo>
                  <a:cubicBezTo>
                    <a:pt x="1517" y="178"/>
                    <a:pt x="1516" y="178"/>
                    <a:pt x="1515" y="178"/>
                  </a:cubicBezTo>
                  <a:cubicBezTo>
                    <a:pt x="1515" y="179"/>
                    <a:pt x="1514" y="179"/>
                    <a:pt x="1513" y="179"/>
                  </a:cubicBezTo>
                  <a:cubicBezTo>
                    <a:pt x="1512" y="179"/>
                    <a:pt x="1511" y="179"/>
                    <a:pt x="1510" y="178"/>
                  </a:cubicBezTo>
                  <a:cubicBezTo>
                    <a:pt x="1510" y="178"/>
                    <a:pt x="1498" y="169"/>
                    <a:pt x="1498" y="169"/>
                  </a:cubicBezTo>
                  <a:cubicBezTo>
                    <a:pt x="1497" y="168"/>
                    <a:pt x="1495" y="169"/>
                    <a:pt x="1494" y="169"/>
                  </a:cubicBezTo>
                  <a:cubicBezTo>
                    <a:pt x="1494" y="169"/>
                    <a:pt x="1491" y="168"/>
                    <a:pt x="1491" y="167"/>
                  </a:cubicBezTo>
                  <a:cubicBezTo>
                    <a:pt x="1491" y="167"/>
                    <a:pt x="1489" y="167"/>
                    <a:pt x="1487" y="166"/>
                  </a:cubicBezTo>
                  <a:cubicBezTo>
                    <a:pt x="1487" y="166"/>
                    <a:pt x="1486" y="166"/>
                    <a:pt x="1486" y="166"/>
                  </a:cubicBezTo>
                  <a:cubicBezTo>
                    <a:pt x="1486" y="166"/>
                    <a:pt x="1486" y="166"/>
                    <a:pt x="1485" y="166"/>
                  </a:cubicBezTo>
                  <a:cubicBezTo>
                    <a:pt x="1484" y="165"/>
                    <a:pt x="1481" y="165"/>
                    <a:pt x="1481" y="165"/>
                  </a:cubicBezTo>
                  <a:cubicBezTo>
                    <a:pt x="1480" y="165"/>
                    <a:pt x="1478" y="165"/>
                    <a:pt x="1478" y="164"/>
                  </a:cubicBezTo>
                  <a:cubicBezTo>
                    <a:pt x="1477" y="163"/>
                    <a:pt x="1476" y="163"/>
                    <a:pt x="1475" y="162"/>
                  </a:cubicBezTo>
                  <a:cubicBezTo>
                    <a:pt x="1475" y="161"/>
                    <a:pt x="1472" y="161"/>
                    <a:pt x="1471" y="161"/>
                  </a:cubicBezTo>
                  <a:cubicBezTo>
                    <a:pt x="1469" y="161"/>
                    <a:pt x="1467" y="161"/>
                    <a:pt x="1466" y="161"/>
                  </a:cubicBezTo>
                  <a:cubicBezTo>
                    <a:pt x="1464" y="160"/>
                    <a:pt x="1459" y="160"/>
                    <a:pt x="1459" y="160"/>
                  </a:cubicBezTo>
                  <a:cubicBezTo>
                    <a:pt x="1459" y="159"/>
                    <a:pt x="1455" y="160"/>
                    <a:pt x="1454" y="160"/>
                  </a:cubicBezTo>
                  <a:cubicBezTo>
                    <a:pt x="1453" y="160"/>
                    <a:pt x="1451" y="160"/>
                    <a:pt x="1451" y="160"/>
                  </a:cubicBezTo>
                  <a:cubicBezTo>
                    <a:pt x="1451" y="160"/>
                    <a:pt x="1448" y="161"/>
                    <a:pt x="1447" y="161"/>
                  </a:cubicBezTo>
                  <a:cubicBezTo>
                    <a:pt x="1446" y="161"/>
                    <a:pt x="1445" y="162"/>
                    <a:pt x="1444" y="162"/>
                  </a:cubicBezTo>
                  <a:cubicBezTo>
                    <a:pt x="1443" y="163"/>
                    <a:pt x="1442" y="163"/>
                    <a:pt x="1442" y="163"/>
                  </a:cubicBezTo>
                  <a:cubicBezTo>
                    <a:pt x="1442" y="163"/>
                    <a:pt x="1442" y="162"/>
                    <a:pt x="1441" y="161"/>
                  </a:cubicBezTo>
                  <a:cubicBezTo>
                    <a:pt x="1441" y="161"/>
                    <a:pt x="1439" y="161"/>
                    <a:pt x="1439" y="160"/>
                  </a:cubicBezTo>
                  <a:cubicBezTo>
                    <a:pt x="1438" y="160"/>
                    <a:pt x="1437" y="160"/>
                    <a:pt x="1437" y="159"/>
                  </a:cubicBezTo>
                  <a:cubicBezTo>
                    <a:pt x="1437" y="159"/>
                    <a:pt x="1436" y="159"/>
                    <a:pt x="1435" y="159"/>
                  </a:cubicBezTo>
                  <a:cubicBezTo>
                    <a:pt x="1434" y="159"/>
                    <a:pt x="1434" y="159"/>
                    <a:pt x="1433" y="159"/>
                  </a:cubicBezTo>
                  <a:cubicBezTo>
                    <a:pt x="1433" y="159"/>
                    <a:pt x="1430" y="158"/>
                    <a:pt x="1429" y="157"/>
                  </a:cubicBezTo>
                  <a:cubicBezTo>
                    <a:pt x="1428" y="157"/>
                    <a:pt x="1423" y="158"/>
                    <a:pt x="1423" y="158"/>
                  </a:cubicBezTo>
                  <a:cubicBezTo>
                    <a:pt x="1423" y="158"/>
                    <a:pt x="1414" y="157"/>
                    <a:pt x="1413" y="156"/>
                  </a:cubicBezTo>
                  <a:cubicBezTo>
                    <a:pt x="1412" y="155"/>
                    <a:pt x="1412" y="159"/>
                    <a:pt x="1412" y="160"/>
                  </a:cubicBezTo>
                  <a:cubicBezTo>
                    <a:pt x="1412" y="160"/>
                    <a:pt x="1412" y="162"/>
                    <a:pt x="1411" y="163"/>
                  </a:cubicBezTo>
                  <a:cubicBezTo>
                    <a:pt x="1410" y="163"/>
                    <a:pt x="1410" y="164"/>
                    <a:pt x="1410" y="165"/>
                  </a:cubicBezTo>
                  <a:cubicBezTo>
                    <a:pt x="1409" y="165"/>
                    <a:pt x="1411" y="166"/>
                    <a:pt x="1413" y="166"/>
                  </a:cubicBezTo>
                  <a:cubicBezTo>
                    <a:pt x="1413" y="167"/>
                    <a:pt x="1414" y="169"/>
                    <a:pt x="1414" y="169"/>
                  </a:cubicBezTo>
                  <a:cubicBezTo>
                    <a:pt x="1415" y="170"/>
                    <a:pt x="1417" y="173"/>
                    <a:pt x="1417" y="173"/>
                  </a:cubicBezTo>
                  <a:cubicBezTo>
                    <a:pt x="1418" y="174"/>
                    <a:pt x="1418" y="174"/>
                    <a:pt x="1418" y="174"/>
                  </a:cubicBezTo>
                  <a:cubicBezTo>
                    <a:pt x="1418" y="174"/>
                    <a:pt x="1416" y="177"/>
                    <a:pt x="1415" y="178"/>
                  </a:cubicBezTo>
                  <a:cubicBezTo>
                    <a:pt x="1414" y="179"/>
                    <a:pt x="1414" y="179"/>
                    <a:pt x="1413" y="179"/>
                  </a:cubicBezTo>
                  <a:cubicBezTo>
                    <a:pt x="1412" y="179"/>
                    <a:pt x="1411" y="179"/>
                    <a:pt x="1411" y="179"/>
                  </a:cubicBezTo>
                  <a:cubicBezTo>
                    <a:pt x="1411" y="179"/>
                    <a:pt x="1408" y="180"/>
                    <a:pt x="1407" y="180"/>
                  </a:cubicBezTo>
                  <a:cubicBezTo>
                    <a:pt x="1406" y="180"/>
                    <a:pt x="1406" y="180"/>
                    <a:pt x="1405" y="180"/>
                  </a:cubicBezTo>
                  <a:cubicBezTo>
                    <a:pt x="1404" y="180"/>
                    <a:pt x="1403" y="180"/>
                    <a:pt x="1403" y="180"/>
                  </a:cubicBezTo>
                  <a:cubicBezTo>
                    <a:pt x="1402" y="180"/>
                    <a:pt x="1402" y="179"/>
                    <a:pt x="1402" y="178"/>
                  </a:cubicBezTo>
                  <a:cubicBezTo>
                    <a:pt x="1402" y="177"/>
                    <a:pt x="1400" y="177"/>
                    <a:pt x="1399" y="176"/>
                  </a:cubicBezTo>
                  <a:cubicBezTo>
                    <a:pt x="1398" y="174"/>
                    <a:pt x="1398" y="174"/>
                    <a:pt x="1397" y="173"/>
                  </a:cubicBezTo>
                  <a:cubicBezTo>
                    <a:pt x="1396" y="172"/>
                    <a:pt x="1394" y="173"/>
                    <a:pt x="1393" y="173"/>
                  </a:cubicBezTo>
                  <a:cubicBezTo>
                    <a:pt x="1392" y="173"/>
                    <a:pt x="1391" y="174"/>
                    <a:pt x="1390" y="173"/>
                  </a:cubicBezTo>
                  <a:cubicBezTo>
                    <a:pt x="1389" y="172"/>
                    <a:pt x="1389" y="171"/>
                    <a:pt x="1389" y="170"/>
                  </a:cubicBezTo>
                  <a:cubicBezTo>
                    <a:pt x="1389" y="168"/>
                    <a:pt x="1389" y="166"/>
                    <a:pt x="1388" y="165"/>
                  </a:cubicBezTo>
                  <a:cubicBezTo>
                    <a:pt x="1387" y="164"/>
                    <a:pt x="1386" y="161"/>
                    <a:pt x="1385" y="161"/>
                  </a:cubicBezTo>
                  <a:cubicBezTo>
                    <a:pt x="1385" y="160"/>
                    <a:pt x="1384" y="162"/>
                    <a:pt x="1384" y="162"/>
                  </a:cubicBezTo>
                  <a:cubicBezTo>
                    <a:pt x="1384" y="162"/>
                    <a:pt x="1382" y="163"/>
                    <a:pt x="1381" y="164"/>
                  </a:cubicBezTo>
                  <a:cubicBezTo>
                    <a:pt x="1381" y="165"/>
                    <a:pt x="1378" y="166"/>
                    <a:pt x="1378" y="166"/>
                  </a:cubicBezTo>
                  <a:cubicBezTo>
                    <a:pt x="1376" y="166"/>
                    <a:pt x="1376" y="166"/>
                    <a:pt x="1376" y="166"/>
                  </a:cubicBezTo>
                  <a:cubicBezTo>
                    <a:pt x="1376" y="166"/>
                    <a:pt x="1372" y="167"/>
                    <a:pt x="1372" y="166"/>
                  </a:cubicBezTo>
                  <a:cubicBezTo>
                    <a:pt x="1371" y="166"/>
                    <a:pt x="1371" y="166"/>
                    <a:pt x="1370" y="166"/>
                  </a:cubicBezTo>
                  <a:cubicBezTo>
                    <a:pt x="1369" y="166"/>
                    <a:pt x="1366" y="166"/>
                    <a:pt x="1366" y="165"/>
                  </a:cubicBezTo>
                  <a:cubicBezTo>
                    <a:pt x="1362" y="166"/>
                    <a:pt x="1362" y="166"/>
                    <a:pt x="1362" y="166"/>
                  </a:cubicBezTo>
                  <a:cubicBezTo>
                    <a:pt x="1359" y="166"/>
                    <a:pt x="1359" y="166"/>
                    <a:pt x="1359" y="166"/>
                  </a:cubicBezTo>
                  <a:cubicBezTo>
                    <a:pt x="1354" y="166"/>
                    <a:pt x="1354" y="166"/>
                    <a:pt x="1354" y="166"/>
                  </a:cubicBezTo>
                  <a:cubicBezTo>
                    <a:pt x="1349" y="165"/>
                    <a:pt x="1349" y="165"/>
                    <a:pt x="1349" y="165"/>
                  </a:cubicBezTo>
                  <a:cubicBezTo>
                    <a:pt x="1349" y="165"/>
                    <a:pt x="1347" y="165"/>
                    <a:pt x="1346" y="163"/>
                  </a:cubicBezTo>
                  <a:cubicBezTo>
                    <a:pt x="1345" y="161"/>
                    <a:pt x="1344" y="163"/>
                    <a:pt x="1344" y="163"/>
                  </a:cubicBezTo>
                  <a:cubicBezTo>
                    <a:pt x="1342" y="164"/>
                    <a:pt x="1342" y="164"/>
                    <a:pt x="1342" y="164"/>
                  </a:cubicBezTo>
                  <a:cubicBezTo>
                    <a:pt x="1339" y="164"/>
                    <a:pt x="1339" y="164"/>
                    <a:pt x="1339" y="164"/>
                  </a:cubicBezTo>
                  <a:cubicBezTo>
                    <a:pt x="1336" y="163"/>
                    <a:pt x="1336" y="163"/>
                    <a:pt x="1336" y="163"/>
                  </a:cubicBezTo>
                  <a:cubicBezTo>
                    <a:pt x="1331" y="164"/>
                    <a:pt x="1331" y="164"/>
                    <a:pt x="1331" y="164"/>
                  </a:cubicBezTo>
                  <a:cubicBezTo>
                    <a:pt x="1328" y="164"/>
                    <a:pt x="1328" y="164"/>
                    <a:pt x="1328" y="164"/>
                  </a:cubicBezTo>
                  <a:cubicBezTo>
                    <a:pt x="1328" y="164"/>
                    <a:pt x="1328" y="164"/>
                    <a:pt x="1328" y="164"/>
                  </a:cubicBezTo>
                  <a:cubicBezTo>
                    <a:pt x="1328" y="164"/>
                    <a:pt x="1324" y="164"/>
                    <a:pt x="1323" y="164"/>
                  </a:cubicBezTo>
                  <a:cubicBezTo>
                    <a:pt x="1323" y="163"/>
                    <a:pt x="1321" y="165"/>
                    <a:pt x="1320" y="166"/>
                  </a:cubicBezTo>
                  <a:cubicBezTo>
                    <a:pt x="1320" y="166"/>
                    <a:pt x="1319" y="167"/>
                    <a:pt x="1319" y="167"/>
                  </a:cubicBezTo>
                  <a:cubicBezTo>
                    <a:pt x="1318" y="168"/>
                    <a:pt x="1318" y="170"/>
                    <a:pt x="1318" y="171"/>
                  </a:cubicBezTo>
                  <a:cubicBezTo>
                    <a:pt x="1318" y="171"/>
                    <a:pt x="1319" y="174"/>
                    <a:pt x="1319" y="174"/>
                  </a:cubicBezTo>
                  <a:cubicBezTo>
                    <a:pt x="1319" y="174"/>
                    <a:pt x="1320" y="178"/>
                    <a:pt x="1320" y="179"/>
                  </a:cubicBezTo>
                  <a:cubicBezTo>
                    <a:pt x="1319" y="180"/>
                    <a:pt x="1319" y="178"/>
                    <a:pt x="1318" y="178"/>
                  </a:cubicBezTo>
                  <a:cubicBezTo>
                    <a:pt x="1318" y="177"/>
                    <a:pt x="1317" y="175"/>
                    <a:pt x="1316" y="174"/>
                  </a:cubicBezTo>
                  <a:cubicBezTo>
                    <a:pt x="1316" y="173"/>
                    <a:pt x="1316" y="173"/>
                    <a:pt x="1316" y="171"/>
                  </a:cubicBezTo>
                  <a:cubicBezTo>
                    <a:pt x="1316" y="170"/>
                    <a:pt x="1316" y="170"/>
                    <a:pt x="1316" y="169"/>
                  </a:cubicBezTo>
                  <a:cubicBezTo>
                    <a:pt x="1316" y="169"/>
                    <a:pt x="1315" y="168"/>
                    <a:pt x="1314" y="167"/>
                  </a:cubicBezTo>
                  <a:cubicBezTo>
                    <a:pt x="1314" y="166"/>
                    <a:pt x="1313" y="166"/>
                    <a:pt x="1313" y="165"/>
                  </a:cubicBezTo>
                  <a:cubicBezTo>
                    <a:pt x="1313" y="164"/>
                    <a:pt x="1310" y="164"/>
                    <a:pt x="1310" y="164"/>
                  </a:cubicBezTo>
                  <a:cubicBezTo>
                    <a:pt x="1310" y="164"/>
                    <a:pt x="1308" y="164"/>
                    <a:pt x="1308" y="163"/>
                  </a:cubicBezTo>
                  <a:cubicBezTo>
                    <a:pt x="1307" y="163"/>
                    <a:pt x="1307" y="163"/>
                    <a:pt x="1306" y="163"/>
                  </a:cubicBezTo>
                  <a:cubicBezTo>
                    <a:pt x="1306" y="164"/>
                    <a:pt x="1305" y="164"/>
                    <a:pt x="1304" y="163"/>
                  </a:cubicBezTo>
                  <a:cubicBezTo>
                    <a:pt x="1303" y="163"/>
                    <a:pt x="1302" y="163"/>
                    <a:pt x="1301" y="162"/>
                  </a:cubicBezTo>
                  <a:cubicBezTo>
                    <a:pt x="1300" y="160"/>
                    <a:pt x="1301" y="161"/>
                    <a:pt x="1301" y="159"/>
                  </a:cubicBezTo>
                  <a:cubicBezTo>
                    <a:pt x="1301" y="158"/>
                    <a:pt x="1301" y="158"/>
                    <a:pt x="1303" y="157"/>
                  </a:cubicBezTo>
                  <a:cubicBezTo>
                    <a:pt x="1305" y="156"/>
                    <a:pt x="1304" y="156"/>
                    <a:pt x="1304" y="153"/>
                  </a:cubicBezTo>
                  <a:cubicBezTo>
                    <a:pt x="1305" y="151"/>
                    <a:pt x="1304" y="151"/>
                    <a:pt x="1303" y="150"/>
                  </a:cubicBezTo>
                  <a:cubicBezTo>
                    <a:pt x="1303" y="148"/>
                    <a:pt x="1302" y="149"/>
                    <a:pt x="1302" y="149"/>
                  </a:cubicBezTo>
                  <a:cubicBezTo>
                    <a:pt x="1302" y="149"/>
                    <a:pt x="1300" y="147"/>
                    <a:pt x="1299" y="146"/>
                  </a:cubicBezTo>
                  <a:cubicBezTo>
                    <a:pt x="1299" y="146"/>
                    <a:pt x="1297" y="144"/>
                    <a:pt x="1297" y="143"/>
                  </a:cubicBezTo>
                  <a:cubicBezTo>
                    <a:pt x="1296" y="142"/>
                    <a:pt x="1295" y="143"/>
                    <a:pt x="1295" y="142"/>
                  </a:cubicBezTo>
                  <a:cubicBezTo>
                    <a:pt x="1294" y="142"/>
                    <a:pt x="1292" y="142"/>
                    <a:pt x="1292" y="142"/>
                  </a:cubicBezTo>
                  <a:cubicBezTo>
                    <a:pt x="1292" y="142"/>
                    <a:pt x="1290" y="141"/>
                    <a:pt x="1289" y="140"/>
                  </a:cubicBezTo>
                  <a:cubicBezTo>
                    <a:pt x="1289" y="139"/>
                    <a:pt x="1287" y="139"/>
                    <a:pt x="1287" y="139"/>
                  </a:cubicBezTo>
                  <a:cubicBezTo>
                    <a:pt x="1287" y="139"/>
                    <a:pt x="1285" y="139"/>
                    <a:pt x="1285" y="139"/>
                  </a:cubicBezTo>
                  <a:cubicBezTo>
                    <a:pt x="1285" y="138"/>
                    <a:pt x="1284" y="138"/>
                    <a:pt x="1283" y="138"/>
                  </a:cubicBezTo>
                  <a:cubicBezTo>
                    <a:pt x="1283" y="137"/>
                    <a:pt x="1282" y="138"/>
                    <a:pt x="1282" y="138"/>
                  </a:cubicBezTo>
                  <a:cubicBezTo>
                    <a:pt x="1278" y="138"/>
                    <a:pt x="1278" y="138"/>
                    <a:pt x="1278" y="138"/>
                  </a:cubicBezTo>
                  <a:cubicBezTo>
                    <a:pt x="1276" y="138"/>
                    <a:pt x="1276" y="138"/>
                    <a:pt x="1276" y="138"/>
                  </a:cubicBezTo>
                  <a:cubicBezTo>
                    <a:pt x="1273" y="138"/>
                    <a:pt x="1273" y="138"/>
                    <a:pt x="1273" y="138"/>
                  </a:cubicBezTo>
                  <a:cubicBezTo>
                    <a:pt x="1273" y="138"/>
                    <a:pt x="1269" y="138"/>
                    <a:pt x="1268" y="137"/>
                  </a:cubicBezTo>
                  <a:cubicBezTo>
                    <a:pt x="1268" y="137"/>
                    <a:pt x="1266" y="138"/>
                    <a:pt x="1266" y="138"/>
                  </a:cubicBezTo>
                  <a:cubicBezTo>
                    <a:pt x="1266" y="138"/>
                    <a:pt x="1265" y="138"/>
                    <a:pt x="1264" y="137"/>
                  </a:cubicBezTo>
                  <a:cubicBezTo>
                    <a:pt x="1264" y="137"/>
                    <a:pt x="1262" y="137"/>
                    <a:pt x="1262" y="137"/>
                  </a:cubicBezTo>
                  <a:cubicBezTo>
                    <a:pt x="1257" y="138"/>
                    <a:pt x="1257" y="138"/>
                    <a:pt x="1257" y="138"/>
                  </a:cubicBezTo>
                  <a:cubicBezTo>
                    <a:pt x="1255" y="138"/>
                    <a:pt x="1255" y="138"/>
                    <a:pt x="1255" y="138"/>
                  </a:cubicBezTo>
                  <a:cubicBezTo>
                    <a:pt x="1252" y="139"/>
                    <a:pt x="1252" y="139"/>
                    <a:pt x="1252" y="139"/>
                  </a:cubicBezTo>
                  <a:cubicBezTo>
                    <a:pt x="1252" y="139"/>
                    <a:pt x="1248" y="140"/>
                    <a:pt x="1247" y="140"/>
                  </a:cubicBezTo>
                  <a:cubicBezTo>
                    <a:pt x="1246" y="140"/>
                    <a:pt x="1241" y="140"/>
                    <a:pt x="1241" y="140"/>
                  </a:cubicBezTo>
                  <a:cubicBezTo>
                    <a:pt x="1241" y="140"/>
                    <a:pt x="1240" y="141"/>
                    <a:pt x="1240" y="141"/>
                  </a:cubicBezTo>
                  <a:cubicBezTo>
                    <a:pt x="1240" y="140"/>
                    <a:pt x="1234" y="143"/>
                    <a:pt x="1233" y="143"/>
                  </a:cubicBezTo>
                  <a:cubicBezTo>
                    <a:pt x="1232" y="144"/>
                    <a:pt x="1229" y="144"/>
                    <a:pt x="1228" y="143"/>
                  </a:cubicBezTo>
                  <a:cubicBezTo>
                    <a:pt x="1226" y="143"/>
                    <a:pt x="1222" y="142"/>
                    <a:pt x="1222" y="141"/>
                  </a:cubicBezTo>
                  <a:cubicBezTo>
                    <a:pt x="1223" y="140"/>
                    <a:pt x="1222" y="139"/>
                    <a:pt x="1222" y="139"/>
                  </a:cubicBezTo>
                  <a:cubicBezTo>
                    <a:pt x="1223" y="138"/>
                    <a:pt x="1221" y="136"/>
                    <a:pt x="1220" y="135"/>
                  </a:cubicBezTo>
                  <a:cubicBezTo>
                    <a:pt x="1220" y="134"/>
                    <a:pt x="1219" y="134"/>
                    <a:pt x="1218" y="133"/>
                  </a:cubicBezTo>
                  <a:cubicBezTo>
                    <a:pt x="1217" y="133"/>
                    <a:pt x="1215" y="134"/>
                    <a:pt x="1214" y="133"/>
                  </a:cubicBezTo>
                  <a:cubicBezTo>
                    <a:pt x="1213" y="132"/>
                    <a:pt x="1212" y="132"/>
                    <a:pt x="1212" y="132"/>
                  </a:cubicBezTo>
                  <a:cubicBezTo>
                    <a:pt x="1212" y="132"/>
                    <a:pt x="1212" y="132"/>
                    <a:pt x="1211" y="132"/>
                  </a:cubicBezTo>
                  <a:cubicBezTo>
                    <a:pt x="1210" y="131"/>
                    <a:pt x="1210" y="131"/>
                    <a:pt x="1209" y="130"/>
                  </a:cubicBezTo>
                  <a:cubicBezTo>
                    <a:pt x="1207" y="129"/>
                    <a:pt x="1208" y="130"/>
                    <a:pt x="1206" y="131"/>
                  </a:cubicBezTo>
                  <a:cubicBezTo>
                    <a:pt x="1205" y="131"/>
                    <a:pt x="1203" y="132"/>
                    <a:pt x="1202" y="131"/>
                  </a:cubicBezTo>
                  <a:cubicBezTo>
                    <a:pt x="1201" y="131"/>
                    <a:pt x="1201" y="130"/>
                    <a:pt x="1201" y="129"/>
                  </a:cubicBezTo>
                  <a:cubicBezTo>
                    <a:pt x="1200" y="128"/>
                    <a:pt x="1198" y="128"/>
                    <a:pt x="1196" y="128"/>
                  </a:cubicBezTo>
                  <a:cubicBezTo>
                    <a:pt x="1195" y="128"/>
                    <a:pt x="1192" y="128"/>
                    <a:pt x="1192" y="128"/>
                  </a:cubicBezTo>
                  <a:cubicBezTo>
                    <a:pt x="1191" y="128"/>
                    <a:pt x="1190" y="127"/>
                    <a:pt x="1191" y="125"/>
                  </a:cubicBezTo>
                  <a:cubicBezTo>
                    <a:pt x="1191" y="124"/>
                    <a:pt x="1193" y="125"/>
                    <a:pt x="1194" y="126"/>
                  </a:cubicBezTo>
                  <a:cubicBezTo>
                    <a:pt x="1196" y="127"/>
                    <a:pt x="1197" y="127"/>
                    <a:pt x="1198" y="127"/>
                  </a:cubicBezTo>
                  <a:cubicBezTo>
                    <a:pt x="1200" y="126"/>
                    <a:pt x="1197" y="126"/>
                    <a:pt x="1196" y="124"/>
                  </a:cubicBezTo>
                  <a:cubicBezTo>
                    <a:pt x="1195" y="123"/>
                    <a:pt x="1196" y="123"/>
                    <a:pt x="1196" y="123"/>
                  </a:cubicBezTo>
                  <a:cubicBezTo>
                    <a:pt x="1197" y="122"/>
                    <a:pt x="1198" y="122"/>
                    <a:pt x="1199" y="120"/>
                  </a:cubicBezTo>
                  <a:cubicBezTo>
                    <a:pt x="1199" y="119"/>
                    <a:pt x="1198" y="119"/>
                    <a:pt x="1198" y="119"/>
                  </a:cubicBezTo>
                  <a:cubicBezTo>
                    <a:pt x="1198" y="118"/>
                    <a:pt x="1194" y="116"/>
                    <a:pt x="1193" y="116"/>
                  </a:cubicBezTo>
                  <a:cubicBezTo>
                    <a:pt x="1193" y="116"/>
                    <a:pt x="1184" y="113"/>
                    <a:pt x="1182" y="113"/>
                  </a:cubicBezTo>
                  <a:cubicBezTo>
                    <a:pt x="1181" y="112"/>
                    <a:pt x="1181" y="113"/>
                    <a:pt x="1180" y="113"/>
                  </a:cubicBezTo>
                  <a:cubicBezTo>
                    <a:pt x="1179" y="113"/>
                    <a:pt x="1178" y="113"/>
                    <a:pt x="1178" y="113"/>
                  </a:cubicBezTo>
                  <a:cubicBezTo>
                    <a:pt x="1177" y="112"/>
                    <a:pt x="1176" y="113"/>
                    <a:pt x="1176" y="113"/>
                  </a:cubicBezTo>
                  <a:cubicBezTo>
                    <a:pt x="1175" y="113"/>
                    <a:pt x="1175" y="113"/>
                    <a:pt x="1175" y="113"/>
                  </a:cubicBezTo>
                  <a:cubicBezTo>
                    <a:pt x="1174" y="113"/>
                    <a:pt x="1172" y="113"/>
                    <a:pt x="1171" y="113"/>
                  </a:cubicBezTo>
                  <a:cubicBezTo>
                    <a:pt x="1170" y="113"/>
                    <a:pt x="1169" y="114"/>
                    <a:pt x="1169" y="114"/>
                  </a:cubicBezTo>
                  <a:cubicBezTo>
                    <a:pt x="1167" y="114"/>
                    <a:pt x="1167" y="114"/>
                    <a:pt x="1167" y="114"/>
                  </a:cubicBezTo>
                  <a:cubicBezTo>
                    <a:pt x="1167" y="114"/>
                    <a:pt x="1165" y="114"/>
                    <a:pt x="1165" y="112"/>
                  </a:cubicBezTo>
                  <a:cubicBezTo>
                    <a:pt x="1165" y="112"/>
                    <a:pt x="1165" y="112"/>
                    <a:pt x="1165" y="112"/>
                  </a:cubicBezTo>
                  <a:cubicBezTo>
                    <a:pt x="1165" y="111"/>
                    <a:pt x="1163" y="111"/>
                    <a:pt x="1163" y="111"/>
                  </a:cubicBezTo>
                  <a:cubicBezTo>
                    <a:pt x="1163" y="111"/>
                    <a:pt x="1160" y="111"/>
                    <a:pt x="1160" y="110"/>
                  </a:cubicBezTo>
                  <a:cubicBezTo>
                    <a:pt x="1159" y="109"/>
                    <a:pt x="1156" y="110"/>
                    <a:pt x="1155" y="109"/>
                  </a:cubicBezTo>
                  <a:cubicBezTo>
                    <a:pt x="1154" y="108"/>
                    <a:pt x="1154" y="109"/>
                    <a:pt x="1153" y="109"/>
                  </a:cubicBezTo>
                  <a:cubicBezTo>
                    <a:pt x="1152" y="109"/>
                    <a:pt x="1152" y="109"/>
                    <a:pt x="1151" y="109"/>
                  </a:cubicBezTo>
                  <a:cubicBezTo>
                    <a:pt x="1150" y="109"/>
                    <a:pt x="1150" y="109"/>
                    <a:pt x="1149" y="109"/>
                  </a:cubicBezTo>
                  <a:cubicBezTo>
                    <a:pt x="1148" y="109"/>
                    <a:pt x="1148" y="109"/>
                    <a:pt x="1148" y="108"/>
                  </a:cubicBezTo>
                  <a:cubicBezTo>
                    <a:pt x="1148" y="108"/>
                    <a:pt x="1147" y="108"/>
                    <a:pt x="1147" y="108"/>
                  </a:cubicBezTo>
                  <a:cubicBezTo>
                    <a:pt x="1146" y="109"/>
                    <a:pt x="1145" y="109"/>
                    <a:pt x="1144" y="108"/>
                  </a:cubicBezTo>
                  <a:cubicBezTo>
                    <a:pt x="1144" y="107"/>
                    <a:pt x="1143" y="107"/>
                    <a:pt x="1142" y="107"/>
                  </a:cubicBezTo>
                  <a:cubicBezTo>
                    <a:pt x="1142" y="108"/>
                    <a:pt x="1141" y="108"/>
                    <a:pt x="1140" y="107"/>
                  </a:cubicBezTo>
                  <a:cubicBezTo>
                    <a:pt x="1139" y="107"/>
                    <a:pt x="1137" y="108"/>
                    <a:pt x="1137" y="108"/>
                  </a:cubicBezTo>
                  <a:cubicBezTo>
                    <a:pt x="1127" y="107"/>
                    <a:pt x="1127" y="107"/>
                    <a:pt x="1127" y="107"/>
                  </a:cubicBezTo>
                  <a:cubicBezTo>
                    <a:pt x="1127" y="107"/>
                    <a:pt x="1124" y="107"/>
                    <a:pt x="1123" y="107"/>
                  </a:cubicBezTo>
                  <a:cubicBezTo>
                    <a:pt x="1122" y="107"/>
                    <a:pt x="1119" y="106"/>
                    <a:pt x="1119" y="106"/>
                  </a:cubicBezTo>
                  <a:cubicBezTo>
                    <a:pt x="1119" y="106"/>
                    <a:pt x="1116" y="107"/>
                    <a:pt x="1115" y="107"/>
                  </a:cubicBezTo>
                  <a:cubicBezTo>
                    <a:pt x="1115" y="106"/>
                    <a:pt x="1115" y="107"/>
                    <a:pt x="1114" y="107"/>
                  </a:cubicBezTo>
                  <a:cubicBezTo>
                    <a:pt x="1113" y="107"/>
                    <a:pt x="1112" y="107"/>
                    <a:pt x="1112" y="106"/>
                  </a:cubicBezTo>
                  <a:cubicBezTo>
                    <a:pt x="1110" y="105"/>
                    <a:pt x="1111" y="105"/>
                    <a:pt x="1108" y="104"/>
                  </a:cubicBezTo>
                  <a:cubicBezTo>
                    <a:pt x="1106" y="103"/>
                    <a:pt x="1107" y="104"/>
                    <a:pt x="1105" y="104"/>
                  </a:cubicBezTo>
                  <a:cubicBezTo>
                    <a:pt x="1103" y="104"/>
                    <a:pt x="1103" y="104"/>
                    <a:pt x="1104" y="105"/>
                  </a:cubicBezTo>
                  <a:cubicBezTo>
                    <a:pt x="1105" y="106"/>
                    <a:pt x="1106" y="108"/>
                    <a:pt x="1106" y="108"/>
                  </a:cubicBezTo>
                  <a:cubicBezTo>
                    <a:pt x="1106" y="109"/>
                    <a:pt x="1106" y="110"/>
                    <a:pt x="1106" y="111"/>
                  </a:cubicBezTo>
                  <a:cubicBezTo>
                    <a:pt x="1105" y="111"/>
                    <a:pt x="1102" y="112"/>
                    <a:pt x="1101" y="111"/>
                  </a:cubicBezTo>
                  <a:cubicBezTo>
                    <a:pt x="1100" y="111"/>
                    <a:pt x="1100" y="111"/>
                    <a:pt x="1099" y="111"/>
                  </a:cubicBezTo>
                  <a:cubicBezTo>
                    <a:pt x="1098" y="111"/>
                    <a:pt x="1097" y="111"/>
                    <a:pt x="1095" y="111"/>
                  </a:cubicBezTo>
                  <a:cubicBezTo>
                    <a:pt x="1091" y="110"/>
                    <a:pt x="1092" y="111"/>
                    <a:pt x="1091" y="112"/>
                  </a:cubicBezTo>
                  <a:cubicBezTo>
                    <a:pt x="1090" y="112"/>
                    <a:pt x="1090" y="112"/>
                    <a:pt x="1089" y="113"/>
                  </a:cubicBezTo>
                  <a:cubicBezTo>
                    <a:pt x="1088" y="114"/>
                    <a:pt x="1088" y="115"/>
                    <a:pt x="1088" y="116"/>
                  </a:cubicBezTo>
                  <a:cubicBezTo>
                    <a:pt x="1088" y="117"/>
                    <a:pt x="1089" y="118"/>
                    <a:pt x="1089" y="118"/>
                  </a:cubicBezTo>
                  <a:cubicBezTo>
                    <a:pt x="1089" y="118"/>
                    <a:pt x="1090" y="117"/>
                    <a:pt x="1091" y="116"/>
                  </a:cubicBezTo>
                  <a:cubicBezTo>
                    <a:pt x="1092" y="115"/>
                    <a:pt x="1093" y="116"/>
                    <a:pt x="1095" y="116"/>
                  </a:cubicBezTo>
                  <a:cubicBezTo>
                    <a:pt x="1096" y="116"/>
                    <a:pt x="1095" y="117"/>
                    <a:pt x="1094" y="118"/>
                  </a:cubicBezTo>
                  <a:cubicBezTo>
                    <a:pt x="1094" y="119"/>
                    <a:pt x="1094" y="120"/>
                    <a:pt x="1094" y="120"/>
                  </a:cubicBezTo>
                  <a:cubicBezTo>
                    <a:pt x="1094" y="120"/>
                    <a:pt x="1092" y="123"/>
                    <a:pt x="1092" y="123"/>
                  </a:cubicBezTo>
                  <a:cubicBezTo>
                    <a:pt x="1092" y="124"/>
                    <a:pt x="1092" y="126"/>
                    <a:pt x="1092" y="126"/>
                  </a:cubicBezTo>
                  <a:cubicBezTo>
                    <a:pt x="1092" y="127"/>
                    <a:pt x="1094" y="129"/>
                    <a:pt x="1094" y="130"/>
                  </a:cubicBezTo>
                  <a:cubicBezTo>
                    <a:pt x="1095" y="130"/>
                    <a:pt x="1094" y="130"/>
                    <a:pt x="1094" y="130"/>
                  </a:cubicBezTo>
                  <a:cubicBezTo>
                    <a:pt x="1093" y="130"/>
                    <a:pt x="1093" y="130"/>
                    <a:pt x="1092" y="130"/>
                  </a:cubicBezTo>
                  <a:cubicBezTo>
                    <a:pt x="1091" y="130"/>
                    <a:pt x="1089" y="131"/>
                    <a:pt x="1089" y="130"/>
                  </a:cubicBezTo>
                  <a:cubicBezTo>
                    <a:pt x="1088" y="129"/>
                    <a:pt x="1088" y="129"/>
                    <a:pt x="1087" y="128"/>
                  </a:cubicBezTo>
                  <a:cubicBezTo>
                    <a:pt x="1086" y="126"/>
                    <a:pt x="1085" y="127"/>
                    <a:pt x="1085" y="127"/>
                  </a:cubicBezTo>
                  <a:cubicBezTo>
                    <a:pt x="1085" y="127"/>
                    <a:pt x="1078" y="129"/>
                    <a:pt x="1078" y="129"/>
                  </a:cubicBezTo>
                  <a:cubicBezTo>
                    <a:pt x="1077" y="129"/>
                    <a:pt x="1075" y="129"/>
                    <a:pt x="1074" y="128"/>
                  </a:cubicBezTo>
                  <a:cubicBezTo>
                    <a:pt x="1073" y="128"/>
                    <a:pt x="1075" y="130"/>
                    <a:pt x="1076" y="130"/>
                  </a:cubicBezTo>
                  <a:cubicBezTo>
                    <a:pt x="1077" y="131"/>
                    <a:pt x="1076" y="133"/>
                    <a:pt x="1076" y="134"/>
                  </a:cubicBezTo>
                  <a:cubicBezTo>
                    <a:pt x="1076" y="136"/>
                    <a:pt x="1074" y="136"/>
                    <a:pt x="1073" y="136"/>
                  </a:cubicBezTo>
                  <a:cubicBezTo>
                    <a:pt x="1073" y="135"/>
                    <a:pt x="1072" y="135"/>
                    <a:pt x="1071" y="135"/>
                  </a:cubicBezTo>
                  <a:cubicBezTo>
                    <a:pt x="1071" y="135"/>
                    <a:pt x="1070" y="135"/>
                    <a:pt x="1070" y="135"/>
                  </a:cubicBezTo>
                  <a:cubicBezTo>
                    <a:pt x="1069" y="135"/>
                    <a:pt x="1067" y="135"/>
                    <a:pt x="1067" y="134"/>
                  </a:cubicBezTo>
                  <a:cubicBezTo>
                    <a:pt x="1067" y="133"/>
                    <a:pt x="1064" y="133"/>
                    <a:pt x="1063" y="130"/>
                  </a:cubicBezTo>
                  <a:cubicBezTo>
                    <a:pt x="1062" y="128"/>
                    <a:pt x="1060" y="128"/>
                    <a:pt x="1060" y="128"/>
                  </a:cubicBezTo>
                  <a:cubicBezTo>
                    <a:pt x="1060" y="128"/>
                    <a:pt x="1056" y="128"/>
                    <a:pt x="1056" y="127"/>
                  </a:cubicBezTo>
                  <a:cubicBezTo>
                    <a:pt x="1055" y="127"/>
                    <a:pt x="1054" y="127"/>
                    <a:pt x="1053" y="127"/>
                  </a:cubicBezTo>
                  <a:cubicBezTo>
                    <a:pt x="1053" y="127"/>
                    <a:pt x="1052" y="128"/>
                    <a:pt x="1052" y="128"/>
                  </a:cubicBezTo>
                  <a:cubicBezTo>
                    <a:pt x="1051" y="127"/>
                    <a:pt x="1048" y="128"/>
                    <a:pt x="1046" y="128"/>
                  </a:cubicBezTo>
                  <a:cubicBezTo>
                    <a:pt x="1045" y="129"/>
                    <a:pt x="1044" y="130"/>
                    <a:pt x="1043" y="131"/>
                  </a:cubicBezTo>
                  <a:cubicBezTo>
                    <a:pt x="1042" y="132"/>
                    <a:pt x="1040" y="132"/>
                    <a:pt x="1039" y="132"/>
                  </a:cubicBezTo>
                  <a:cubicBezTo>
                    <a:pt x="1038" y="132"/>
                    <a:pt x="1031" y="132"/>
                    <a:pt x="1030" y="131"/>
                  </a:cubicBezTo>
                  <a:cubicBezTo>
                    <a:pt x="1030" y="130"/>
                    <a:pt x="1028" y="130"/>
                    <a:pt x="1027" y="130"/>
                  </a:cubicBezTo>
                  <a:cubicBezTo>
                    <a:pt x="1026" y="129"/>
                    <a:pt x="1024" y="128"/>
                    <a:pt x="1024" y="127"/>
                  </a:cubicBezTo>
                  <a:cubicBezTo>
                    <a:pt x="1023" y="125"/>
                    <a:pt x="1022" y="125"/>
                    <a:pt x="1021" y="123"/>
                  </a:cubicBezTo>
                  <a:cubicBezTo>
                    <a:pt x="1020" y="122"/>
                    <a:pt x="1020" y="122"/>
                    <a:pt x="1019" y="122"/>
                  </a:cubicBezTo>
                  <a:cubicBezTo>
                    <a:pt x="1018" y="123"/>
                    <a:pt x="1018" y="125"/>
                    <a:pt x="1018" y="125"/>
                  </a:cubicBezTo>
                  <a:cubicBezTo>
                    <a:pt x="1018" y="125"/>
                    <a:pt x="1017" y="129"/>
                    <a:pt x="1014" y="131"/>
                  </a:cubicBezTo>
                  <a:cubicBezTo>
                    <a:pt x="1014" y="131"/>
                    <a:pt x="1013" y="133"/>
                    <a:pt x="1012" y="135"/>
                  </a:cubicBezTo>
                  <a:cubicBezTo>
                    <a:pt x="1012" y="136"/>
                    <a:pt x="1012" y="136"/>
                    <a:pt x="1012" y="136"/>
                  </a:cubicBezTo>
                  <a:cubicBezTo>
                    <a:pt x="1012" y="137"/>
                    <a:pt x="1011" y="138"/>
                    <a:pt x="1010" y="139"/>
                  </a:cubicBezTo>
                  <a:cubicBezTo>
                    <a:pt x="1009" y="140"/>
                    <a:pt x="1009" y="141"/>
                    <a:pt x="1008" y="142"/>
                  </a:cubicBezTo>
                  <a:cubicBezTo>
                    <a:pt x="1007" y="142"/>
                    <a:pt x="1006" y="144"/>
                    <a:pt x="1005" y="143"/>
                  </a:cubicBezTo>
                  <a:cubicBezTo>
                    <a:pt x="1003" y="142"/>
                    <a:pt x="1003" y="143"/>
                    <a:pt x="1003" y="142"/>
                  </a:cubicBezTo>
                  <a:cubicBezTo>
                    <a:pt x="1002" y="142"/>
                    <a:pt x="1001" y="142"/>
                    <a:pt x="1000" y="142"/>
                  </a:cubicBezTo>
                  <a:cubicBezTo>
                    <a:pt x="998" y="141"/>
                    <a:pt x="997" y="141"/>
                    <a:pt x="996" y="140"/>
                  </a:cubicBezTo>
                  <a:cubicBezTo>
                    <a:pt x="995" y="139"/>
                    <a:pt x="993" y="138"/>
                    <a:pt x="992" y="137"/>
                  </a:cubicBezTo>
                  <a:cubicBezTo>
                    <a:pt x="992" y="137"/>
                    <a:pt x="990" y="135"/>
                    <a:pt x="990" y="134"/>
                  </a:cubicBezTo>
                  <a:cubicBezTo>
                    <a:pt x="990" y="133"/>
                    <a:pt x="983" y="129"/>
                    <a:pt x="982" y="127"/>
                  </a:cubicBezTo>
                  <a:cubicBezTo>
                    <a:pt x="982" y="125"/>
                    <a:pt x="981" y="125"/>
                    <a:pt x="981" y="125"/>
                  </a:cubicBezTo>
                  <a:cubicBezTo>
                    <a:pt x="981" y="125"/>
                    <a:pt x="980" y="125"/>
                    <a:pt x="980" y="125"/>
                  </a:cubicBezTo>
                  <a:cubicBezTo>
                    <a:pt x="979" y="125"/>
                    <a:pt x="978" y="123"/>
                    <a:pt x="977" y="122"/>
                  </a:cubicBezTo>
                  <a:cubicBezTo>
                    <a:pt x="976" y="120"/>
                    <a:pt x="976" y="119"/>
                    <a:pt x="977" y="117"/>
                  </a:cubicBezTo>
                  <a:cubicBezTo>
                    <a:pt x="977" y="117"/>
                    <a:pt x="979" y="119"/>
                    <a:pt x="980" y="120"/>
                  </a:cubicBezTo>
                  <a:cubicBezTo>
                    <a:pt x="981" y="120"/>
                    <a:pt x="983" y="120"/>
                    <a:pt x="984" y="120"/>
                  </a:cubicBezTo>
                  <a:cubicBezTo>
                    <a:pt x="985" y="119"/>
                    <a:pt x="985" y="118"/>
                    <a:pt x="986" y="117"/>
                  </a:cubicBezTo>
                  <a:cubicBezTo>
                    <a:pt x="987" y="115"/>
                    <a:pt x="986" y="114"/>
                    <a:pt x="986" y="113"/>
                  </a:cubicBezTo>
                  <a:cubicBezTo>
                    <a:pt x="986" y="112"/>
                    <a:pt x="984" y="112"/>
                    <a:pt x="983" y="112"/>
                  </a:cubicBezTo>
                  <a:cubicBezTo>
                    <a:pt x="982" y="111"/>
                    <a:pt x="981" y="111"/>
                    <a:pt x="980" y="110"/>
                  </a:cubicBezTo>
                  <a:cubicBezTo>
                    <a:pt x="979" y="110"/>
                    <a:pt x="980" y="109"/>
                    <a:pt x="981" y="108"/>
                  </a:cubicBezTo>
                  <a:cubicBezTo>
                    <a:pt x="982" y="108"/>
                    <a:pt x="982" y="108"/>
                    <a:pt x="983" y="107"/>
                  </a:cubicBezTo>
                  <a:cubicBezTo>
                    <a:pt x="984" y="105"/>
                    <a:pt x="982" y="105"/>
                    <a:pt x="981" y="104"/>
                  </a:cubicBezTo>
                  <a:cubicBezTo>
                    <a:pt x="979" y="102"/>
                    <a:pt x="978" y="102"/>
                    <a:pt x="978" y="101"/>
                  </a:cubicBezTo>
                  <a:cubicBezTo>
                    <a:pt x="978" y="101"/>
                    <a:pt x="978" y="101"/>
                    <a:pt x="979" y="101"/>
                  </a:cubicBezTo>
                  <a:cubicBezTo>
                    <a:pt x="980" y="101"/>
                    <a:pt x="981" y="101"/>
                    <a:pt x="981" y="101"/>
                  </a:cubicBezTo>
                  <a:cubicBezTo>
                    <a:pt x="982" y="100"/>
                    <a:pt x="981" y="99"/>
                    <a:pt x="981" y="97"/>
                  </a:cubicBezTo>
                  <a:cubicBezTo>
                    <a:pt x="980" y="95"/>
                    <a:pt x="979" y="96"/>
                    <a:pt x="977" y="95"/>
                  </a:cubicBezTo>
                  <a:cubicBezTo>
                    <a:pt x="975" y="94"/>
                    <a:pt x="974" y="94"/>
                    <a:pt x="974" y="94"/>
                  </a:cubicBezTo>
                  <a:cubicBezTo>
                    <a:pt x="974" y="94"/>
                    <a:pt x="974" y="91"/>
                    <a:pt x="974" y="90"/>
                  </a:cubicBezTo>
                  <a:cubicBezTo>
                    <a:pt x="974" y="89"/>
                    <a:pt x="972" y="89"/>
                    <a:pt x="971" y="89"/>
                  </a:cubicBezTo>
                  <a:cubicBezTo>
                    <a:pt x="970" y="89"/>
                    <a:pt x="969" y="89"/>
                    <a:pt x="967" y="89"/>
                  </a:cubicBezTo>
                  <a:cubicBezTo>
                    <a:pt x="965" y="88"/>
                    <a:pt x="964" y="89"/>
                    <a:pt x="962" y="89"/>
                  </a:cubicBezTo>
                  <a:cubicBezTo>
                    <a:pt x="961" y="89"/>
                    <a:pt x="961" y="90"/>
                    <a:pt x="960" y="91"/>
                  </a:cubicBezTo>
                  <a:cubicBezTo>
                    <a:pt x="959" y="91"/>
                    <a:pt x="958" y="92"/>
                    <a:pt x="957" y="92"/>
                  </a:cubicBezTo>
                  <a:cubicBezTo>
                    <a:pt x="955" y="92"/>
                    <a:pt x="956" y="91"/>
                    <a:pt x="956" y="90"/>
                  </a:cubicBezTo>
                  <a:cubicBezTo>
                    <a:pt x="956" y="89"/>
                    <a:pt x="954" y="89"/>
                    <a:pt x="953" y="89"/>
                  </a:cubicBezTo>
                  <a:cubicBezTo>
                    <a:pt x="952" y="89"/>
                    <a:pt x="949" y="91"/>
                    <a:pt x="948" y="91"/>
                  </a:cubicBezTo>
                  <a:cubicBezTo>
                    <a:pt x="947" y="91"/>
                    <a:pt x="943" y="89"/>
                    <a:pt x="943" y="88"/>
                  </a:cubicBezTo>
                  <a:cubicBezTo>
                    <a:pt x="943" y="88"/>
                    <a:pt x="941" y="88"/>
                    <a:pt x="941" y="87"/>
                  </a:cubicBezTo>
                  <a:cubicBezTo>
                    <a:pt x="941" y="86"/>
                    <a:pt x="939" y="86"/>
                    <a:pt x="938" y="85"/>
                  </a:cubicBezTo>
                  <a:cubicBezTo>
                    <a:pt x="937" y="84"/>
                    <a:pt x="937" y="83"/>
                    <a:pt x="935" y="82"/>
                  </a:cubicBezTo>
                  <a:cubicBezTo>
                    <a:pt x="933" y="81"/>
                    <a:pt x="935" y="82"/>
                    <a:pt x="934" y="85"/>
                  </a:cubicBezTo>
                  <a:cubicBezTo>
                    <a:pt x="933" y="89"/>
                    <a:pt x="932" y="87"/>
                    <a:pt x="930" y="87"/>
                  </a:cubicBezTo>
                  <a:cubicBezTo>
                    <a:pt x="929" y="87"/>
                    <a:pt x="928" y="87"/>
                    <a:pt x="927" y="87"/>
                  </a:cubicBezTo>
                  <a:cubicBezTo>
                    <a:pt x="926" y="87"/>
                    <a:pt x="926" y="88"/>
                    <a:pt x="924" y="89"/>
                  </a:cubicBezTo>
                  <a:cubicBezTo>
                    <a:pt x="923" y="89"/>
                    <a:pt x="923" y="91"/>
                    <a:pt x="925" y="94"/>
                  </a:cubicBezTo>
                  <a:cubicBezTo>
                    <a:pt x="925" y="94"/>
                    <a:pt x="925" y="95"/>
                    <a:pt x="925" y="96"/>
                  </a:cubicBezTo>
                  <a:cubicBezTo>
                    <a:pt x="925" y="97"/>
                    <a:pt x="925" y="97"/>
                    <a:pt x="925" y="98"/>
                  </a:cubicBezTo>
                  <a:cubicBezTo>
                    <a:pt x="925" y="99"/>
                    <a:pt x="925" y="100"/>
                    <a:pt x="925" y="100"/>
                  </a:cubicBezTo>
                  <a:cubicBezTo>
                    <a:pt x="925" y="100"/>
                    <a:pt x="925" y="103"/>
                    <a:pt x="924" y="104"/>
                  </a:cubicBezTo>
                  <a:cubicBezTo>
                    <a:pt x="924" y="104"/>
                    <a:pt x="922" y="104"/>
                    <a:pt x="921" y="103"/>
                  </a:cubicBezTo>
                  <a:cubicBezTo>
                    <a:pt x="920" y="102"/>
                    <a:pt x="918" y="102"/>
                    <a:pt x="917" y="101"/>
                  </a:cubicBezTo>
                  <a:cubicBezTo>
                    <a:pt x="917" y="100"/>
                    <a:pt x="916" y="101"/>
                    <a:pt x="915" y="101"/>
                  </a:cubicBezTo>
                  <a:cubicBezTo>
                    <a:pt x="914" y="101"/>
                    <a:pt x="913" y="101"/>
                    <a:pt x="913" y="101"/>
                  </a:cubicBezTo>
                  <a:cubicBezTo>
                    <a:pt x="912" y="100"/>
                    <a:pt x="911" y="100"/>
                    <a:pt x="910" y="100"/>
                  </a:cubicBezTo>
                  <a:cubicBezTo>
                    <a:pt x="909" y="100"/>
                    <a:pt x="907" y="101"/>
                    <a:pt x="906" y="100"/>
                  </a:cubicBezTo>
                  <a:cubicBezTo>
                    <a:pt x="905" y="100"/>
                    <a:pt x="905" y="100"/>
                    <a:pt x="905" y="100"/>
                  </a:cubicBezTo>
                  <a:cubicBezTo>
                    <a:pt x="905" y="100"/>
                    <a:pt x="905" y="100"/>
                    <a:pt x="905" y="100"/>
                  </a:cubicBezTo>
                  <a:cubicBezTo>
                    <a:pt x="904" y="100"/>
                    <a:pt x="901" y="101"/>
                    <a:pt x="900" y="101"/>
                  </a:cubicBezTo>
                  <a:cubicBezTo>
                    <a:pt x="899" y="101"/>
                    <a:pt x="898" y="101"/>
                    <a:pt x="897" y="100"/>
                  </a:cubicBezTo>
                  <a:cubicBezTo>
                    <a:pt x="896" y="99"/>
                    <a:pt x="894" y="99"/>
                    <a:pt x="894" y="99"/>
                  </a:cubicBezTo>
                  <a:cubicBezTo>
                    <a:pt x="894" y="99"/>
                    <a:pt x="892" y="98"/>
                    <a:pt x="891" y="97"/>
                  </a:cubicBezTo>
                  <a:cubicBezTo>
                    <a:pt x="890" y="96"/>
                    <a:pt x="889" y="97"/>
                    <a:pt x="889" y="98"/>
                  </a:cubicBezTo>
                  <a:cubicBezTo>
                    <a:pt x="888" y="98"/>
                    <a:pt x="887" y="99"/>
                    <a:pt x="886" y="100"/>
                  </a:cubicBezTo>
                  <a:cubicBezTo>
                    <a:pt x="885" y="100"/>
                    <a:pt x="883" y="100"/>
                    <a:pt x="882" y="99"/>
                  </a:cubicBezTo>
                  <a:cubicBezTo>
                    <a:pt x="881" y="98"/>
                    <a:pt x="880" y="98"/>
                    <a:pt x="880" y="97"/>
                  </a:cubicBezTo>
                  <a:cubicBezTo>
                    <a:pt x="879" y="96"/>
                    <a:pt x="876" y="97"/>
                    <a:pt x="875" y="95"/>
                  </a:cubicBezTo>
                  <a:cubicBezTo>
                    <a:pt x="874" y="93"/>
                    <a:pt x="874" y="94"/>
                    <a:pt x="874" y="92"/>
                  </a:cubicBezTo>
                  <a:cubicBezTo>
                    <a:pt x="874" y="91"/>
                    <a:pt x="876" y="92"/>
                    <a:pt x="876" y="91"/>
                  </a:cubicBezTo>
                  <a:cubicBezTo>
                    <a:pt x="877" y="91"/>
                    <a:pt x="876" y="90"/>
                    <a:pt x="875" y="89"/>
                  </a:cubicBezTo>
                  <a:cubicBezTo>
                    <a:pt x="874" y="89"/>
                    <a:pt x="874" y="90"/>
                    <a:pt x="871" y="90"/>
                  </a:cubicBezTo>
                  <a:cubicBezTo>
                    <a:pt x="868" y="91"/>
                    <a:pt x="863" y="88"/>
                    <a:pt x="861" y="88"/>
                  </a:cubicBezTo>
                  <a:cubicBezTo>
                    <a:pt x="860" y="88"/>
                    <a:pt x="859" y="88"/>
                    <a:pt x="859" y="88"/>
                  </a:cubicBezTo>
                  <a:cubicBezTo>
                    <a:pt x="858" y="88"/>
                    <a:pt x="858" y="88"/>
                    <a:pt x="857" y="88"/>
                  </a:cubicBezTo>
                  <a:cubicBezTo>
                    <a:pt x="857" y="88"/>
                    <a:pt x="855" y="87"/>
                    <a:pt x="854" y="86"/>
                  </a:cubicBezTo>
                  <a:cubicBezTo>
                    <a:pt x="854" y="86"/>
                    <a:pt x="853" y="86"/>
                    <a:pt x="852" y="86"/>
                  </a:cubicBezTo>
                  <a:cubicBezTo>
                    <a:pt x="851" y="86"/>
                    <a:pt x="851" y="86"/>
                    <a:pt x="850" y="86"/>
                  </a:cubicBezTo>
                  <a:cubicBezTo>
                    <a:pt x="850" y="86"/>
                    <a:pt x="849" y="86"/>
                    <a:pt x="849" y="86"/>
                  </a:cubicBezTo>
                  <a:cubicBezTo>
                    <a:pt x="848" y="86"/>
                    <a:pt x="847" y="86"/>
                    <a:pt x="847" y="86"/>
                  </a:cubicBezTo>
                  <a:cubicBezTo>
                    <a:pt x="846" y="86"/>
                    <a:pt x="844" y="86"/>
                    <a:pt x="843" y="85"/>
                  </a:cubicBezTo>
                  <a:cubicBezTo>
                    <a:pt x="842" y="85"/>
                    <a:pt x="840" y="86"/>
                    <a:pt x="839" y="87"/>
                  </a:cubicBezTo>
                  <a:cubicBezTo>
                    <a:pt x="838" y="87"/>
                    <a:pt x="835" y="88"/>
                    <a:pt x="834" y="88"/>
                  </a:cubicBezTo>
                  <a:cubicBezTo>
                    <a:pt x="833" y="88"/>
                    <a:pt x="830" y="88"/>
                    <a:pt x="829" y="88"/>
                  </a:cubicBezTo>
                  <a:cubicBezTo>
                    <a:pt x="828" y="88"/>
                    <a:pt x="824" y="90"/>
                    <a:pt x="824" y="91"/>
                  </a:cubicBezTo>
                  <a:cubicBezTo>
                    <a:pt x="823" y="92"/>
                    <a:pt x="826" y="94"/>
                    <a:pt x="826" y="94"/>
                  </a:cubicBezTo>
                  <a:cubicBezTo>
                    <a:pt x="826" y="94"/>
                    <a:pt x="822" y="95"/>
                    <a:pt x="821" y="93"/>
                  </a:cubicBezTo>
                  <a:cubicBezTo>
                    <a:pt x="820" y="92"/>
                    <a:pt x="819" y="92"/>
                    <a:pt x="819" y="91"/>
                  </a:cubicBezTo>
                  <a:cubicBezTo>
                    <a:pt x="819" y="90"/>
                    <a:pt x="820" y="89"/>
                    <a:pt x="820" y="88"/>
                  </a:cubicBezTo>
                  <a:cubicBezTo>
                    <a:pt x="820" y="87"/>
                    <a:pt x="820" y="87"/>
                    <a:pt x="819" y="86"/>
                  </a:cubicBezTo>
                  <a:cubicBezTo>
                    <a:pt x="818" y="85"/>
                    <a:pt x="817" y="83"/>
                    <a:pt x="817" y="83"/>
                  </a:cubicBezTo>
                  <a:cubicBezTo>
                    <a:pt x="817" y="83"/>
                    <a:pt x="814" y="86"/>
                    <a:pt x="813" y="86"/>
                  </a:cubicBezTo>
                  <a:cubicBezTo>
                    <a:pt x="812" y="86"/>
                    <a:pt x="810" y="87"/>
                    <a:pt x="809" y="87"/>
                  </a:cubicBezTo>
                  <a:cubicBezTo>
                    <a:pt x="809" y="86"/>
                    <a:pt x="806" y="86"/>
                    <a:pt x="805" y="85"/>
                  </a:cubicBezTo>
                  <a:cubicBezTo>
                    <a:pt x="804" y="84"/>
                    <a:pt x="803" y="85"/>
                    <a:pt x="802" y="84"/>
                  </a:cubicBezTo>
                  <a:cubicBezTo>
                    <a:pt x="801" y="83"/>
                    <a:pt x="802" y="83"/>
                    <a:pt x="800" y="82"/>
                  </a:cubicBezTo>
                  <a:cubicBezTo>
                    <a:pt x="799" y="82"/>
                    <a:pt x="799" y="82"/>
                    <a:pt x="798" y="82"/>
                  </a:cubicBezTo>
                  <a:cubicBezTo>
                    <a:pt x="798" y="82"/>
                    <a:pt x="797" y="83"/>
                    <a:pt x="796" y="82"/>
                  </a:cubicBezTo>
                  <a:cubicBezTo>
                    <a:pt x="795" y="82"/>
                    <a:pt x="794" y="82"/>
                    <a:pt x="792" y="81"/>
                  </a:cubicBezTo>
                  <a:cubicBezTo>
                    <a:pt x="790" y="80"/>
                    <a:pt x="789" y="81"/>
                    <a:pt x="788" y="81"/>
                  </a:cubicBezTo>
                  <a:cubicBezTo>
                    <a:pt x="787" y="81"/>
                    <a:pt x="786" y="82"/>
                    <a:pt x="785" y="82"/>
                  </a:cubicBezTo>
                  <a:cubicBezTo>
                    <a:pt x="784" y="82"/>
                    <a:pt x="783" y="85"/>
                    <a:pt x="782" y="85"/>
                  </a:cubicBezTo>
                  <a:cubicBezTo>
                    <a:pt x="781" y="86"/>
                    <a:pt x="783" y="86"/>
                    <a:pt x="783" y="87"/>
                  </a:cubicBezTo>
                  <a:cubicBezTo>
                    <a:pt x="784" y="87"/>
                    <a:pt x="788" y="87"/>
                    <a:pt x="789" y="87"/>
                  </a:cubicBezTo>
                  <a:cubicBezTo>
                    <a:pt x="790" y="87"/>
                    <a:pt x="788" y="89"/>
                    <a:pt x="788" y="89"/>
                  </a:cubicBezTo>
                  <a:cubicBezTo>
                    <a:pt x="787" y="90"/>
                    <a:pt x="780" y="91"/>
                    <a:pt x="780" y="91"/>
                  </a:cubicBezTo>
                  <a:cubicBezTo>
                    <a:pt x="780" y="91"/>
                    <a:pt x="777" y="92"/>
                    <a:pt x="776" y="92"/>
                  </a:cubicBezTo>
                  <a:cubicBezTo>
                    <a:pt x="776" y="92"/>
                    <a:pt x="773" y="94"/>
                    <a:pt x="770" y="94"/>
                  </a:cubicBezTo>
                  <a:cubicBezTo>
                    <a:pt x="766" y="95"/>
                    <a:pt x="766" y="95"/>
                    <a:pt x="766" y="95"/>
                  </a:cubicBezTo>
                  <a:cubicBezTo>
                    <a:pt x="766" y="95"/>
                    <a:pt x="764" y="96"/>
                    <a:pt x="763" y="96"/>
                  </a:cubicBezTo>
                  <a:cubicBezTo>
                    <a:pt x="763" y="96"/>
                    <a:pt x="760" y="96"/>
                    <a:pt x="758" y="96"/>
                  </a:cubicBezTo>
                  <a:cubicBezTo>
                    <a:pt x="757" y="96"/>
                    <a:pt x="757" y="97"/>
                    <a:pt x="757" y="97"/>
                  </a:cubicBezTo>
                  <a:cubicBezTo>
                    <a:pt x="757" y="97"/>
                    <a:pt x="753" y="97"/>
                    <a:pt x="752" y="97"/>
                  </a:cubicBezTo>
                  <a:cubicBezTo>
                    <a:pt x="751" y="97"/>
                    <a:pt x="750" y="98"/>
                    <a:pt x="747" y="99"/>
                  </a:cubicBezTo>
                  <a:cubicBezTo>
                    <a:pt x="746" y="99"/>
                    <a:pt x="745" y="100"/>
                    <a:pt x="744" y="101"/>
                  </a:cubicBezTo>
                  <a:cubicBezTo>
                    <a:pt x="743" y="103"/>
                    <a:pt x="741" y="103"/>
                    <a:pt x="740" y="104"/>
                  </a:cubicBezTo>
                  <a:cubicBezTo>
                    <a:pt x="739" y="104"/>
                    <a:pt x="738" y="105"/>
                    <a:pt x="737" y="105"/>
                  </a:cubicBezTo>
                  <a:cubicBezTo>
                    <a:pt x="736" y="105"/>
                    <a:pt x="736" y="104"/>
                    <a:pt x="737" y="103"/>
                  </a:cubicBezTo>
                  <a:cubicBezTo>
                    <a:pt x="738" y="102"/>
                    <a:pt x="739" y="102"/>
                    <a:pt x="740" y="101"/>
                  </a:cubicBezTo>
                  <a:cubicBezTo>
                    <a:pt x="741" y="100"/>
                    <a:pt x="742" y="99"/>
                    <a:pt x="742" y="98"/>
                  </a:cubicBezTo>
                  <a:cubicBezTo>
                    <a:pt x="743" y="97"/>
                    <a:pt x="744" y="96"/>
                    <a:pt x="744" y="95"/>
                  </a:cubicBezTo>
                  <a:cubicBezTo>
                    <a:pt x="745" y="94"/>
                    <a:pt x="748" y="94"/>
                    <a:pt x="749" y="94"/>
                  </a:cubicBezTo>
                  <a:cubicBezTo>
                    <a:pt x="750" y="94"/>
                    <a:pt x="751" y="94"/>
                    <a:pt x="752" y="93"/>
                  </a:cubicBezTo>
                  <a:cubicBezTo>
                    <a:pt x="752" y="92"/>
                    <a:pt x="754" y="92"/>
                    <a:pt x="754" y="91"/>
                  </a:cubicBezTo>
                  <a:cubicBezTo>
                    <a:pt x="755" y="90"/>
                    <a:pt x="756" y="89"/>
                    <a:pt x="756" y="89"/>
                  </a:cubicBezTo>
                  <a:cubicBezTo>
                    <a:pt x="757" y="88"/>
                    <a:pt x="758" y="88"/>
                    <a:pt x="760" y="88"/>
                  </a:cubicBezTo>
                  <a:cubicBezTo>
                    <a:pt x="762" y="87"/>
                    <a:pt x="763" y="88"/>
                    <a:pt x="764" y="87"/>
                  </a:cubicBezTo>
                  <a:cubicBezTo>
                    <a:pt x="765" y="86"/>
                    <a:pt x="766" y="87"/>
                    <a:pt x="767" y="86"/>
                  </a:cubicBezTo>
                  <a:cubicBezTo>
                    <a:pt x="768" y="85"/>
                    <a:pt x="769" y="85"/>
                    <a:pt x="770" y="83"/>
                  </a:cubicBezTo>
                  <a:cubicBezTo>
                    <a:pt x="772" y="81"/>
                    <a:pt x="772" y="81"/>
                    <a:pt x="773" y="80"/>
                  </a:cubicBezTo>
                  <a:cubicBezTo>
                    <a:pt x="773" y="80"/>
                    <a:pt x="774" y="80"/>
                    <a:pt x="775" y="80"/>
                  </a:cubicBezTo>
                  <a:cubicBezTo>
                    <a:pt x="775" y="80"/>
                    <a:pt x="775" y="80"/>
                    <a:pt x="776" y="80"/>
                  </a:cubicBezTo>
                  <a:cubicBezTo>
                    <a:pt x="778" y="80"/>
                    <a:pt x="777" y="80"/>
                    <a:pt x="779" y="79"/>
                  </a:cubicBezTo>
                  <a:cubicBezTo>
                    <a:pt x="781" y="77"/>
                    <a:pt x="781" y="78"/>
                    <a:pt x="782" y="77"/>
                  </a:cubicBezTo>
                  <a:cubicBezTo>
                    <a:pt x="784" y="77"/>
                    <a:pt x="784" y="77"/>
                    <a:pt x="783" y="76"/>
                  </a:cubicBezTo>
                  <a:cubicBezTo>
                    <a:pt x="782" y="75"/>
                    <a:pt x="783" y="75"/>
                    <a:pt x="784" y="74"/>
                  </a:cubicBezTo>
                  <a:cubicBezTo>
                    <a:pt x="785" y="72"/>
                    <a:pt x="786" y="73"/>
                    <a:pt x="787" y="72"/>
                  </a:cubicBezTo>
                  <a:cubicBezTo>
                    <a:pt x="788" y="72"/>
                    <a:pt x="790" y="72"/>
                    <a:pt x="792" y="70"/>
                  </a:cubicBezTo>
                  <a:cubicBezTo>
                    <a:pt x="793" y="69"/>
                    <a:pt x="794" y="69"/>
                    <a:pt x="795" y="68"/>
                  </a:cubicBezTo>
                  <a:cubicBezTo>
                    <a:pt x="797" y="67"/>
                    <a:pt x="798" y="68"/>
                    <a:pt x="799" y="67"/>
                  </a:cubicBezTo>
                  <a:cubicBezTo>
                    <a:pt x="800" y="66"/>
                    <a:pt x="803" y="65"/>
                    <a:pt x="803" y="65"/>
                  </a:cubicBezTo>
                  <a:cubicBezTo>
                    <a:pt x="804" y="64"/>
                    <a:pt x="806" y="64"/>
                    <a:pt x="808" y="63"/>
                  </a:cubicBezTo>
                  <a:cubicBezTo>
                    <a:pt x="809" y="63"/>
                    <a:pt x="808" y="63"/>
                    <a:pt x="810" y="62"/>
                  </a:cubicBezTo>
                  <a:cubicBezTo>
                    <a:pt x="811" y="61"/>
                    <a:pt x="812" y="61"/>
                    <a:pt x="813" y="61"/>
                  </a:cubicBezTo>
                  <a:cubicBezTo>
                    <a:pt x="813" y="61"/>
                    <a:pt x="813" y="61"/>
                    <a:pt x="813" y="61"/>
                  </a:cubicBezTo>
                  <a:cubicBezTo>
                    <a:pt x="814" y="60"/>
                    <a:pt x="816" y="59"/>
                    <a:pt x="817" y="59"/>
                  </a:cubicBezTo>
                  <a:cubicBezTo>
                    <a:pt x="819" y="58"/>
                    <a:pt x="821" y="54"/>
                    <a:pt x="821" y="54"/>
                  </a:cubicBezTo>
                  <a:cubicBezTo>
                    <a:pt x="821" y="54"/>
                    <a:pt x="823" y="52"/>
                    <a:pt x="823" y="51"/>
                  </a:cubicBezTo>
                  <a:cubicBezTo>
                    <a:pt x="823" y="49"/>
                    <a:pt x="823" y="49"/>
                    <a:pt x="822" y="48"/>
                  </a:cubicBezTo>
                  <a:cubicBezTo>
                    <a:pt x="821" y="47"/>
                    <a:pt x="819" y="47"/>
                    <a:pt x="818" y="46"/>
                  </a:cubicBezTo>
                  <a:cubicBezTo>
                    <a:pt x="817" y="45"/>
                    <a:pt x="814" y="45"/>
                    <a:pt x="814" y="44"/>
                  </a:cubicBezTo>
                  <a:cubicBezTo>
                    <a:pt x="813" y="43"/>
                    <a:pt x="815" y="43"/>
                    <a:pt x="816" y="43"/>
                  </a:cubicBezTo>
                  <a:cubicBezTo>
                    <a:pt x="817" y="43"/>
                    <a:pt x="819" y="45"/>
                    <a:pt x="819" y="45"/>
                  </a:cubicBezTo>
                  <a:cubicBezTo>
                    <a:pt x="819" y="45"/>
                    <a:pt x="822" y="46"/>
                    <a:pt x="823" y="45"/>
                  </a:cubicBezTo>
                  <a:cubicBezTo>
                    <a:pt x="824" y="45"/>
                    <a:pt x="824" y="45"/>
                    <a:pt x="824" y="41"/>
                  </a:cubicBezTo>
                  <a:cubicBezTo>
                    <a:pt x="823" y="40"/>
                    <a:pt x="822" y="41"/>
                    <a:pt x="821" y="39"/>
                  </a:cubicBezTo>
                  <a:cubicBezTo>
                    <a:pt x="821" y="38"/>
                    <a:pt x="821" y="38"/>
                    <a:pt x="821" y="37"/>
                  </a:cubicBezTo>
                  <a:cubicBezTo>
                    <a:pt x="821" y="36"/>
                    <a:pt x="820" y="35"/>
                    <a:pt x="819" y="34"/>
                  </a:cubicBezTo>
                  <a:cubicBezTo>
                    <a:pt x="819" y="33"/>
                    <a:pt x="818" y="35"/>
                    <a:pt x="818" y="35"/>
                  </a:cubicBezTo>
                  <a:cubicBezTo>
                    <a:pt x="818" y="35"/>
                    <a:pt x="816" y="37"/>
                    <a:pt x="815" y="37"/>
                  </a:cubicBezTo>
                  <a:cubicBezTo>
                    <a:pt x="813" y="37"/>
                    <a:pt x="815" y="37"/>
                    <a:pt x="814" y="36"/>
                  </a:cubicBezTo>
                  <a:cubicBezTo>
                    <a:pt x="813" y="34"/>
                    <a:pt x="812" y="34"/>
                    <a:pt x="812" y="32"/>
                  </a:cubicBezTo>
                  <a:cubicBezTo>
                    <a:pt x="811" y="31"/>
                    <a:pt x="813" y="30"/>
                    <a:pt x="813" y="28"/>
                  </a:cubicBezTo>
                  <a:cubicBezTo>
                    <a:pt x="813" y="27"/>
                    <a:pt x="811" y="28"/>
                    <a:pt x="809" y="27"/>
                  </a:cubicBezTo>
                  <a:cubicBezTo>
                    <a:pt x="809" y="27"/>
                    <a:pt x="805" y="26"/>
                    <a:pt x="805" y="26"/>
                  </a:cubicBezTo>
                  <a:cubicBezTo>
                    <a:pt x="804" y="25"/>
                    <a:pt x="803" y="25"/>
                    <a:pt x="803" y="24"/>
                  </a:cubicBezTo>
                  <a:cubicBezTo>
                    <a:pt x="802" y="22"/>
                    <a:pt x="800" y="23"/>
                    <a:pt x="799" y="23"/>
                  </a:cubicBezTo>
                  <a:cubicBezTo>
                    <a:pt x="799" y="22"/>
                    <a:pt x="797" y="23"/>
                    <a:pt x="796" y="22"/>
                  </a:cubicBezTo>
                  <a:cubicBezTo>
                    <a:pt x="795" y="22"/>
                    <a:pt x="794" y="22"/>
                    <a:pt x="793" y="22"/>
                  </a:cubicBezTo>
                  <a:cubicBezTo>
                    <a:pt x="793" y="22"/>
                    <a:pt x="792" y="22"/>
                    <a:pt x="791" y="22"/>
                  </a:cubicBezTo>
                  <a:cubicBezTo>
                    <a:pt x="790" y="21"/>
                    <a:pt x="788" y="22"/>
                    <a:pt x="787" y="23"/>
                  </a:cubicBezTo>
                  <a:cubicBezTo>
                    <a:pt x="787" y="23"/>
                    <a:pt x="783" y="24"/>
                    <a:pt x="783" y="24"/>
                  </a:cubicBezTo>
                  <a:cubicBezTo>
                    <a:pt x="783" y="24"/>
                    <a:pt x="775" y="22"/>
                    <a:pt x="772" y="22"/>
                  </a:cubicBezTo>
                  <a:cubicBezTo>
                    <a:pt x="771" y="22"/>
                    <a:pt x="770" y="22"/>
                    <a:pt x="769" y="22"/>
                  </a:cubicBezTo>
                  <a:cubicBezTo>
                    <a:pt x="767" y="23"/>
                    <a:pt x="766" y="23"/>
                    <a:pt x="764" y="23"/>
                  </a:cubicBezTo>
                  <a:cubicBezTo>
                    <a:pt x="758" y="23"/>
                    <a:pt x="764" y="24"/>
                    <a:pt x="762" y="25"/>
                  </a:cubicBezTo>
                  <a:cubicBezTo>
                    <a:pt x="761" y="26"/>
                    <a:pt x="761" y="27"/>
                    <a:pt x="757" y="26"/>
                  </a:cubicBezTo>
                  <a:cubicBezTo>
                    <a:pt x="754" y="26"/>
                    <a:pt x="756" y="27"/>
                    <a:pt x="755" y="27"/>
                  </a:cubicBezTo>
                  <a:cubicBezTo>
                    <a:pt x="754" y="27"/>
                    <a:pt x="753" y="28"/>
                    <a:pt x="751" y="28"/>
                  </a:cubicBezTo>
                  <a:cubicBezTo>
                    <a:pt x="750" y="27"/>
                    <a:pt x="750" y="27"/>
                    <a:pt x="750" y="26"/>
                  </a:cubicBezTo>
                  <a:cubicBezTo>
                    <a:pt x="750" y="24"/>
                    <a:pt x="753" y="24"/>
                    <a:pt x="754" y="24"/>
                  </a:cubicBezTo>
                  <a:cubicBezTo>
                    <a:pt x="755" y="23"/>
                    <a:pt x="757" y="21"/>
                    <a:pt x="757" y="19"/>
                  </a:cubicBezTo>
                  <a:cubicBezTo>
                    <a:pt x="758" y="18"/>
                    <a:pt x="757" y="18"/>
                    <a:pt x="757" y="17"/>
                  </a:cubicBezTo>
                  <a:cubicBezTo>
                    <a:pt x="757" y="16"/>
                    <a:pt x="757" y="16"/>
                    <a:pt x="756" y="16"/>
                  </a:cubicBezTo>
                  <a:cubicBezTo>
                    <a:pt x="756" y="16"/>
                    <a:pt x="755" y="16"/>
                    <a:pt x="754" y="16"/>
                  </a:cubicBezTo>
                  <a:cubicBezTo>
                    <a:pt x="753" y="16"/>
                    <a:pt x="753" y="16"/>
                    <a:pt x="752" y="16"/>
                  </a:cubicBezTo>
                  <a:cubicBezTo>
                    <a:pt x="752" y="16"/>
                    <a:pt x="751" y="16"/>
                    <a:pt x="751" y="16"/>
                  </a:cubicBezTo>
                  <a:cubicBezTo>
                    <a:pt x="750" y="16"/>
                    <a:pt x="749" y="16"/>
                    <a:pt x="747" y="16"/>
                  </a:cubicBezTo>
                  <a:cubicBezTo>
                    <a:pt x="746" y="16"/>
                    <a:pt x="744" y="16"/>
                    <a:pt x="743" y="16"/>
                  </a:cubicBezTo>
                  <a:cubicBezTo>
                    <a:pt x="742" y="16"/>
                    <a:pt x="742" y="16"/>
                    <a:pt x="742" y="15"/>
                  </a:cubicBezTo>
                  <a:cubicBezTo>
                    <a:pt x="742" y="14"/>
                    <a:pt x="741" y="14"/>
                    <a:pt x="740" y="14"/>
                  </a:cubicBezTo>
                  <a:cubicBezTo>
                    <a:pt x="740" y="15"/>
                    <a:pt x="739" y="15"/>
                    <a:pt x="739" y="15"/>
                  </a:cubicBezTo>
                  <a:cubicBezTo>
                    <a:pt x="737" y="14"/>
                    <a:pt x="737" y="15"/>
                    <a:pt x="735" y="15"/>
                  </a:cubicBezTo>
                  <a:cubicBezTo>
                    <a:pt x="734" y="15"/>
                    <a:pt x="733" y="16"/>
                    <a:pt x="731" y="15"/>
                  </a:cubicBezTo>
                  <a:cubicBezTo>
                    <a:pt x="729" y="15"/>
                    <a:pt x="731" y="15"/>
                    <a:pt x="733" y="13"/>
                  </a:cubicBezTo>
                  <a:cubicBezTo>
                    <a:pt x="734" y="12"/>
                    <a:pt x="735" y="12"/>
                    <a:pt x="736" y="12"/>
                  </a:cubicBezTo>
                  <a:cubicBezTo>
                    <a:pt x="736" y="12"/>
                    <a:pt x="736" y="12"/>
                    <a:pt x="737" y="12"/>
                  </a:cubicBezTo>
                  <a:cubicBezTo>
                    <a:pt x="739" y="11"/>
                    <a:pt x="738" y="11"/>
                    <a:pt x="741" y="9"/>
                  </a:cubicBezTo>
                  <a:cubicBezTo>
                    <a:pt x="744" y="7"/>
                    <a:pt x="742" y="9"/>
                    <a:pt x="742" y="7"/>
                  </a:cubicBezTo>
                  <a:cubicBezTo>
                    <a:pt x="741" y="5"/>
                    <a:pt x="741" y="6"/>
                    <a:pt x="740" y="5"/>
                  </a:cubicBezTo>
                  <a:cubicBezTo>
                    <a:pt x="739" y="4"/>
                    <a:pt x="738" y="5"/>
                    <a:pt x="738" y="5"/>
                  </a:cubicBezTo>
                  <a:cubicBezTo>
                    <a:pt x="738" y="5"/>
                    <a:pt x="734" y="5"/>
                    <a:pt x="734" y="3"/>
                  </a:cubicBezTo>
                  <a:cubicBezTo>
                    <a:pt x="733" y="2"/>
                    <a:pt x="732" y="2"/>
                    <a:pt x="731" y="2"/>
                  </a:cubicBezTo>
                  <a:cubicBezTo>
                    <a:pt x="729" y="1"/>
                    <a:pt x="728" y="2"/>
                    <a:pt x="727" y="1"/>
                  </a:cubicBezTo>
                  <a:cubicBezTo>
                    <a:pt x="726" y="1"/>
                    <a:pt x="724" y="1"/>
                    <a:pt x="723" y="0"/>
                  </a:cubicBezTo>
                  <a:cubicBezTo>
                    <a:pt x="722" y="0"/>
                    <a:pt x="720" y="1"/>
                    <a:pt x="719" y="1"/>
                  </a:cubicBezTo>
                  <a:cubicBezTo>
                    <a:pt x="718" y="1"/>
                    <a:pt x="717" y="2"/>
                    <a:pt x="716" y="2"/>
                  </a:cubicBezTo>
                  <a:cubicBezTo>
                    <a:pt x="715" y="1"/>
                    <a:pt x="714" y="2"/>
                    <a:pt x="714" y="2"/>
                  </a:cubicBezTo>
                  <a:cubicBezTo>
                    <a:pt x="713" y="2"/>
                    <a:pt x="713" y="2"/>
                    <a:pt x="713" y="2"/>
                  </a:cubicBezTo>
                  <a:cubicBezTo>
                    <a:pt x="712" y="2"/>
                    <a:pt x="710" y="4"/>
                    <a:pt x="709" y="5"/>
                  </a:cubicBezTo>
                  <a:cubicBezTo>
                    <a:pt x="708" y="5"/>
                    <a:pt x="706" y="7"/>
                    <a:pt x="706" y="7"/>
                  </a:cubicBezTo>
                  <a:cubicBezTo>
                    <a:pt x="706" y="7"/>
                    <a:pt x="700" y="10"/>
                    <a:pt x="699" y="10"/>
                  </a:cubicBezTo>
                  <a:cubicBezTo>
                    <a:pt x="698" y="10"/>
                    <a:pt x="697" y="12"/>
                    <a:pt x="694" y="17"/>
                  </a:cubicBezTo>
                  <a:cubicBezTo>
                    <a:pt x="691" y="20"/>
                    <a:pt x="692" y="20"/>
                    <a:pt x="692" y="20"/>
                  </a:cubicBezTo>
                  <a:cubicBezTo>
                    <a:pt x="692" y="20"/>
                    <a:pt x="692" y="20"/>
                    <a:pt x="692" y="20"/>
                  </a:cubicBezTo>
                  <a:cubicBezTo>
                    <a:pt x="690" y="22"/>
                    <a:pt x="692" y="22"/>
                    <a:pt x="693" y="22"/>
                  </a:cubicBezTo>
                  <a:cubicBezTo>
                    <a:pt x="693" y="23"/>
                    <a:pt x="693" y="24"/>
                    <a:pt x="693" y="25"/>
                  </a:cubicBezTo>
                  <a:cubicBezTo>
                    <a:pt x="693" y="25"/>
                    <a:pt x="693" y="26"/>
                    <a:pt x="694" y="26"/>
                  </a:cubicBezTo>
                  <a:cubicBezTo>
                    <a:pt x="694" y="26"/>
                    <a:pt x="693" y="26"/>
                    <a:pt x="693" y="26"/>
                  </a:cubicBezTo>
                  <a:cubicBezTo>
                    <a:pt x="693" y="26"/>
                    <a:pt x="692" y="27"/>
                    <a:pt x="692" y="26"/>
                  </a:cubicBezTo>
                  <a:cubicBezTo>
                    <a:pt x="691" y="26"/>
                    <a:pt x="690" y="27"/>
                    <a:pt x="688" y="27"/>
                  </a:cubicBezTo>
                  <a:cubicBezTo>
                    <a:pt x="685" y="27"/>
                    <a:pt x="686" y="27"/>
                    <a:pt x="685" y="27"/>
                  </a:cubicBezTo>
                  <a:cubicBezTo>
                    <a:pt x="684" y="26"/>
                    <a:pt x="682" y="26"/>
                    <a:pt x="681" y="26"/>
                  </a:cubicBezTo>
                  <a:cubicBezTo>
                    <a:pt x="680" y="26"/>
                    <a:pt x="679" y="26"/>
                    <a:pt x="679" y="27"/>
                  </a:cubicBezTo>
                  <a:cubicBezTo>
                    <a:pt x="678" y="27"/>
                    <a:pt x="677" y="27"/>
                    <a:pt x="677" y="27"/>
                  </a:cubicBezTo>
                  <a:cubicBezTo>
                    <a:pt x="676" y="27"/>
                    <a:pt x="673" y="28"/>
                    <a:pt x="672" y="29"/>
                  </a:cubicBezTo>
                  <a:cubicBezTo>
                    <a:pt x="671" y="29"/>
                    <a:pt x="673" y="29"/>
                    <a:pt x="673" y="30"/>
                  </a:cubicBezTo>
                  <a:cubicBezTo>
                    <a:pt x="673" y="31"/>
                    <a:pt x="674" y="32"/>
                    <a:pt x="674" y="32"/>
                  </a:cubicBezTo>
                  <a:cubicBezTo>
                    <a:pt x="674" y="32"/>
                    <a:pt x="677" y="34"/>
                    <a:pt x="678" y="34"/>
                  </a:cubicBezTo>
                  <a:cubicBezTo>
                    <a:pt x="678" y="34"/>
                    <a:pt x="680" y="36"/>
                    <a:pt x="680" y="37"/>
                  </a:cubicBezTo>
                  <a:cubicBezTo>
                    <a:pt x="680" y="38"/>
                    <a:pt x="679" y="38"/>
                    <a:pt x="678" y="37"/>
                  </a:cubicBezTo>
                  <a:cubicBezTo>
                    <a:pt x="676" y="36"/>
                    <a:pt x="678" y="37"/>
                    <a:pt x="676" y="37"/>
                  </a:cubicBezTo>
                  <a:cubicBezTo>
                    <a:pt x="674" y="37"/>
                    <a:pt x="675" y="37"/>
                    <a:pt x="672" y="35"/>
                  </a:cubicBezTo>
                  <a:cubicBezTo>
                    <a:pt x="671" y="34"/>
                    <a:pt x="671" y="34"/>
                    <a:pt x="671" y="34"/>
                  </a:cubicBezTo>
                  <a:cubicBezTo>
                    <a:pt x="670" y="35"/>
                    <a:pt x="670" y="35"/>
                    <a:pt x="670" y="34"/>
                  </a:cubicBezTo>
                  <a:cubicBezTo>
                    <a:pt x="669" y="34"/>
                    <a:pt x="667" y="34"/>
                    <a:pt x="666" y="34"/>
                  </a:cubicBezTo>
                  <a:cubicBezTo>
                    <a:pt x="666" y="33"/>
                    <a:pt x="663" y="35"/>
                    <a:pt x="663" y="35"/>
                  </a:cubicBezTo>
                  <a:cubicBezTo>
                    <a:pt x="662" y="35"/>
                    <a:pt x="660" y="36"/>
                    <a:pt x="660" y="37"/>
                  </a:cubicBezTo>
                  <a:cubicBezTo>
                    <a:pt x="659" y="37"/>
                    <a:pt x="657" y="38"/>
                    <a:pt x="656" y="39"/>
                  </a:cubicBezTo>
                  <a:cubicBezTo>
                    <a:pt x="655" y="39"/>
                    <a:pt x="653" y="40"/>
                    <a:pt x="651" y="41"/>
                  </a:cubicBezTo>
                  <a:cubicBezTo>
                    <a:pt x="650" y="42"/>
                    <a:pt x="649" y="42"/>
                    <a:pt x="649" y="41"/>
                  </a:cubicBezTo>
                  <a:cubicBezTo>
                    <a:pt x="648" y="40"/>
                    <a:pt x="646" y="40"/>
                    <a:pt x="645" y="40"/>
                  </a:cubicBezTo>
                  <a:cubicBezTo>
                    <a:pt x="644" y="40"/>
                    <a:pt x="637" y="44"/>
                    <a:pt x="637" y="44"/>
                  </a:cubicBezTo>
                  <a:cubicBezTo>
                    <a:pt x="637" y="44"/>
                    <a:pt x="639" y="41"/>
                    <a:pt x="640" y="41"/>
                  </a:cubicBezTo>
                  <a:cubicBezTo>
                    <a:pt x="640" y="41"/>
                    <a:pt x="641" y="37"/>
                    <a:pt x="640" y="36"/>
                  </a:cubicBezTo>
                  <a:cubicBezTo>
                    <a:pt x="640" y="36"/>
                    <a:pt x="633" y="35"/>
                    <a:pt x="633" y="35"/>
                  </a:cubicBezTo>
                  <a:cubicBezTo>
                    <a:pt x="632" y="34"/>
                    <a:pt x="629" y="35"/>
                    <a:pt x="628" y="35"/>
                  </a:cubicBezTo>
                  <a:cubicBezTo>
                    <a:pt x="627" y="35"/>
                    <a:pt x="625" y="37"/>
                    <a:pt x="624" y="38"/>
                  </a:cubicBezTo>
                  <a:cubicBezTo>
                    <a:pt x="623" y="39"/>
                    <a:pt x="621" y="40"/>
                    <a:pt x="620" y="39"/>
                  </a:cubicBezTo>
                  <a:cubicBezTo>
                    <a:pt x="620" y="38"/>
                    <a:pt x="611" y="36"/>
                    <a:pt x="610" y="36"/>
                  </a:cubicBezTo>
                  <a:cubicBezTo>
                    <a:pt x="610" y="36"/>
                    <a:pt x="610" y="37"/>
                    <a:pt x="610" y="37"/>
                  </a:cubicBezTo>
                  <a:cubicBezTo>
                    <a:pt x="610" y="37"/>
                    <a:pt x="610" y="41"/>
                    <a:pt x="608" y="41"/>
                  </a:cubicBezTo>
                  <a:cubicBezTo>
                    <a:pt x="608" y="41"/>
                    <a:pt x="606" y="42"/>
                    <a:pt x="606" y="43"/>
                  </a:cubicBezTo>
                  <a:cubicBezTo>
                    <a:pt x="605" y="43"/>
                    <a:pt x="604" y="44"/>
                    <a:pt x="604" y="44"/>
                  </a:cubicBezTo>
                  <a:cubicBezTo>
                    <a:pt x="600" y="44"/>
                    <a:pt x="600" y="44"/>
                    <a:pt x="600" y="44"/>
                  </a:cubicBezTo>
                  <a:cubicBezTo>
                    <a:pt x="600" y="44"/>
                    <a:pt x="597" y="45"/>
                    <a:pt x="597" y="45"/>
                  </a:cubicBezTo>
                  <a:cubicBezTo>
                    <a:pt x="596" y="45"/>
                    <a:pt x="595" y="46"/>
                    <a:pt x="595" y="46"/>
                  </a:cubicBezTo>
                  <a:cubicBezTo>
                    <a:pt x="595" y="46"/>
                    <a:pt x="591" y="46"/>
                    <a:pt x="590" y="45"/>
                  </a:cubicBezTo>
                  <a:cubicBezTo>
                    <a:pt x="586" y="46"/>
                    <a:pt x="586" y="46"/>
                    <a:pt x="586" y="46"/>
                  </a:cubicBezTo>
                  <a:cubicBezTo>
                    <a:pt x="582" y="46"/>
                    <a:pt x="582" y="46"/>
                    <a:pt x="582" y="46"/>
                  </a:cubicBezTo>
                  <a:cubicBezTo>
                    <a:pt x="580" y="48"/>
                    <a:pt x="580" y="48"/>
                    <a:pt x="580" y="48"/>
                  </a:cubicBezTo>
                  <a:cubicBezTo>
                    <a:pt x="577" y="49"/>
                    <a:pt x="577" y="49"/>
                    <a:pt x="577" y="49"/>
                  </a:cubicBezTo>
                  <a:cubicBezTo>
                    <a:pt x="572" y="49"/>
                    <a:pt x="572" y="49"/>
                    <a:pt x="572" y="49"/>
                  </a:cubicBezTo>
                  <a:cubicBezTo>
                    <a:pt x="565" y="53"/>
                    <a:pt x="565" y="53"/>
                    <a:pt x="565" y="53"/>
                  </a:cubicBezTo>
                  <a:cubicBezTo>
                    <a:pt x="565" y="53"/>
                    <a:pt x="564" y="54"/>
                    <a:pt x="564" y="54"/>
                  </a:cubicBezTo>
                  <a:cubicBezTo>
                    <a:pt x="563" y="53"/>
                    <a:pt x="563" y="54"/>
                    <a:pt x="561" y="55"/>
                  </a:cubicBezTo>
                  <a:cubicBezTo>
                    <a:pt x="560" y="56"/>
                    <a:pt x="561" y="56"/>
                    <a:pt x="559" y="57"/>
                  </a:cubicBezTo>
                  <a:cubicBezTo>
                    <a:pt x="558" y="57"/>
                    <a:pt x="558" y="58"/>
                    <a:pt x="557" y="57"/>
                  </a:cubicBezTo>
                  <a:cubicBezTo>
                    <a:pt x="556" y="56"/>
                    <a:pt x="556" y="59"/>
                    <a:pt x="556" y="59"/>
                  </a:cubicBezTo>
                  <a:cubicBezTo>
                    <a:pt x="556" y="59"/>
                    <a:pt x="554" y="60"/>
                    <a:pt x="553" y="61"/>
                  </a:cubicBezTo>
                  <a:cubicBezTo>
                    <a:pt x="553" y="61"/>
                    <a:pt x="551" y="62"/>
                    <a:pt x="550" y="62"/>
                  </a:cubicBezTo>
                  <a:cubicBezTo>
                    <a:pt x="549" y="61"/>
                    <a:pt x="548" y="63"/>
                    <a:pt x="548" y="63"/>
                  </a:cubicBezTo>
                  <a:cubicBezTo>
                    <a:pt x="548" y="63"/>
                    <a:pt x="547" y="66"/>
                    <a:pt x="546" y="66"/>
                  </a:cubicBezTo>
                  <a:cubicBezTo>
                    <a:pt x="546" y="66"/>
                    <a:pt x="546" y="67"/>
                    <a:pt x="545" y="68"/>
                  </a:cubicBezTo>
                  <a:cubicBezTo>
                    <a:pt x="543" y="68"/>
                    <a:pt x="545" y="69"/>
                    <a:pt x="545" y="69"/>
                  </a:cubicBezTo>
                  <a:cubicBezTo>
                    <a:pt x="548" y="71"/>
                    <a:pt x="548" y="71"/>
                    <a:pt x="548" y="71"/>
                  </a:cubicBezTo>
                  <a:cubicBezTo>
                    <a:pt x="548" y="71"/>
                    <a:pt x="548" y="74"/>
                    <a:pt x="547" y="73"/>
                  </a:cubicBezTo>
                  <a:cubicBezTo>
                    <a:pt x="546" y="72"/>
                    <a:pt x="543" y="72"/>
                    <a:pt x="543" y="72"/>
                  </a:cubicBezTo>
                  <a:cubicBezTo>
                    <a:pt x="542" y="72"/>
                    <a:pt x="542" y="74"/>
                    <a:pt x="542" y="74"/>
                  </a:cubicBezTo>
                  <a:cubicBezTo>
                    <a:pt x="542" y="75"/>
                    <a:pt x="542" y="75"/>
                    <a:pt x="542" y="75"/>
                  </a:cubicBezTo>
                  <a:cubicBezTo>
                    <a:pt x="544" y="76"/>
                    <a:pt x="544" y="76"/>
                    <a:pt x="544" y="76"/>
                  </a:cubicBezTo>
                  <a:cubicBezTo>
                    <a:pt x="545" y="78"/>
                    <a:pt x="545" y="78"/>
                    <a:pt x="545" y="78"/>
                  </a:cubicBezTo>
                  <a:cubicBezTo>
                    <a:pt x="547" y="79"/>
                    <a:pt x="547" y="79"/>
                    <a:pt x="547" y="79"/>
                  </a:cubicBezTo>
                  <a:cubicBezTo>
                    <a:pt x="549" y="80"/>
                    <a:pt x="549" y="80"/>
                    <a:pt x="549" y="80"/>
                  </a:cubicBezTo>
                  <a:cubicBezTo>
                    <a:pt x="549" y="80"/>
                    <a:pt x="549" y="82"/>
                    <a:pt x="548" y="84"/>
                  </a:cubicBezTo>
                  <a:cubicBezTo>
                    <a:pt x="547" y="84"/>
                    <a:pt x="546" y="84"/>
                    <a:pt x="544" y="83"/>
                  </a:cubicBezTo>
                  <a:cubicBezTo>
                    <a:pt x="544" y="83"/>
                    <a:pt x="543" y="83"/>
                    <a:pt x="536" y="84"/>
                  </a:cubicBezTo>
                  <a:cubicBezTo>
                    <a:pt x="536" y="84"/>
                    <a:pt x="535" y="85"/>
                    <a:pt x="532" y="86"/>
                  </a:cubicBezTo>
                  <a:cubicBezTo>
                    <a:pt x="529" y="87"/>
                    <a:pt x="529" y="85"/>
                    <a:pt x="528" y="84"/>
                  </a:cubicBezTo>
                  <a:cubicBezTo>
                    <a:pt x="528" y="83"/>
                    <a:pt x="525" y="85"/>
                    <a:pt x="524" y="85"/>
                  </a:cubicBezTo>
                  <a:cubicBezTo>
                    <a:pt x="524" y="85"/>
                    <a:pt x="523" y="86"/>
                    <a:pt x="519" y="86"/>
                  </a:cubicBezTo>
                  <a:cubicBezTo>
                    <a:pt x="516" y="86"/>
                    <a:pt x="517" y="86"/>
                    <a:pt x="514" y="85"/>
                  </a:cubicBezTo>
                  <a:cubicBezTo>
                    <a:pt x="511" y="84"/>
                    <a:pt x="510" y="86"/>
                    <a:pt x="509" y="86"/>
                  </a:cubicBezTo>
                  <a:cubicBezTo>
                    <a:pt x="507" y="86"/>
                    <a:pt x="504" y="88"/>
                    <a:pt x="503" y="88"/>
                  </a:cubicBezTo>
                  <a:cubicBezTo>
                    <a:pt x="503" y="88"/>
                    <a:pt x="495" y="88"/>
                    <a:pt x="491" y="88"/>
                  </a:cubicBezTo>
                  <a:cubicBezTo>
                    <a:pt x="488" y="88"/>
                    <a:pt x="488" y="87"/>
                    <a:pt x="486" y="87"/>
                  </a:cubicBezTo>
                  <a:cubicBezTo>
                    <a:pt x="484" y="88"/>
                    <a:pt x="484" y="88"/>
                    <a:pt x="482" y="89"/>
                  </a:cubicBezTo>
                  <a:cubicBezTo>
                    <a:pt x="480" y="89"/>
                    <a:pt x="481" y="91"/>
                    <a:pt x="480" y="92"/>
                  </a:cubicBezTo>
                  <a:cubicBezTo>
                    <a:pt x="479" y="94"/>
                    <a:pt x="480" y="95"/>
                    <a:pt x="480" y="97"/>
                  </a:cubicBezTo>
                  <a:cubicBezTo>
                    <a:pt x="479" y="99"/>
                    <a:pt x="482" y="99"/>
                    <a:pt x="484" y="100"/>
                  </a:cubicBezTo>
                  <a:cubicBezTo>
                    <a:pt x="485" y="101"/>
                    <a:pt x="484" y="101"/>
                    <a:pt x="483" y="103"/>
                  </a:cubicBezTo>
                  <a:cubicBezTo>
                    <a:pt x="483" y="104"/>
                    <a:pt x="483" y="104"/>
                    <a:pt x="483" y="106"/>
                  </a:cubicBezTo>
                  <a:cubicBezTo>
                    <a:pt x="483" y="107"/>
                    <a:pt x="484" y="110"/>
                    <a:pt x="486" y="112"/>
                  </a:cubicBezTo>
                  <a:cubicBezTo>
                    <a:pt x="486" y="112"/>
                    <a:pt x="487" y="114"/>
                    <a:pt x="488" y="114"/>
                  </a:cubicBezTo>
                  <a:cubicBezTo>
                    <a:pt x="488" y="114"/>
                    <a:pt x="490" y="115"/>
                    <a:pt x="496" y="115"/>
                  </a:cubicBezTo>
                  <a:cubicBezTo>
                    <a:pt x="503" y="116"/>
                    <a:pt x="498" y="116"/>
                    <a:pt x="498" y="117"/>
                  </a:cubicBezTo>
                  <a:cubicBezTo>
                    <a:pt x="499" y="118"/>
                    <a:pt x="501" y="119"/>
                    <a:pt x="502" y="120"/>
                  </a:cubicBezTo>
                  <a:cubicBezTo>
                    <a:pt x="503" y="120"/>
                    <a:pt x="502" y="121"/>
                    <a:pt x="501" y="123"/>
                  </a:cubicBezTo>
                  <a:cubicBezTo>
                    <a:pt x="501" y="125"/>
                    <a:pt x="499" y="124"/>
                    <a:pt x="498" y="124"/>
                  </a:cubicBezTo>
                  <a:cubicBezTo>
                    <a:pt x="497" y="125"/>
                    <a:pt x="496" y="125"/>
                    <a:pt x="493" y="125"/>
                  </a:cubicBezTo>
                  <a:cubicBezTo>
                    <a:pt x="493" y="125"/>
                    <a:pt x="490" y="126"/>
                    <a:pt x="489" y="125"/>
                  </a:cubicBezTo>
                  <a:cubicBezTo>
                    <a:pt x="488" y="125"/>
                    <a:pt x="487" y="125"/>
                    <a:pt x="487" y="124"/>
                  </a:cubicBezTo>
                  <a:cubicBezTo>
                    <a:pt x="487" y="123"/>
                    <a:pt x="484" y="122"/>
                    <a:pt x="484" y="122"/>
                  </a:cubicBezTo>
                  <a:cubicBezTo>
                    <a:pt x="484" y="121"/>
                    <a:pt x="481" y="121"/>
                    <a:pt x="481" y="120"/>
                  </a:cubicBezTo>
                  <a:cubicBezTo>
                    <a:pt x="481" y="119"/>
                    <a:pt x="479" y="118"/>
                    <a:pt x="479" y="118"/>
                  </a:cubicBezTo>
                  <a:cubicBezTo>
                    <a:pt x="478" y="117"/>
                    <a:pt x="476" y="117"/>
                    <a:pt x="475" y="116"/>
                  </a:cubicBezTo>
                  <a:cubicBezTo>
                    <a:pt x="474" y="114"/>
                    <a:pt x="474" y="115"/>
                    <a:pt x="472" y="115"/>
                  </a:cubicBezTo>
                  <a:cubicBezTo>
                    <a:pt x="469" y="115"/>
                    <a:pt x="470" y="115"/>
                    <a:pt x="470" y="114"/>
                  </a:cubicBezTo>
                  <a:cubicBezTo>
                    <a:pt x="470" y="113"/>
                    <a:pt x="468" y="114"/>
                    <a:pt x="467" y="113"/>
                  </a:cubicBezTo>
                  <a:cubicBezTo>
                    <a:pt x="466" y="113"/>
                    <a:pt x="463" y="113"/>
                    <a:pt x="462" y="113"/>
                  </a:cubicBezTo>
                  <a:cubicBezTo>
                    <a:pt x="461" y="113"/>
                    <a:pt x="460" y="113"/>
                    <a:pt x="460" y="113"/>
                  </a:cubicBezTo>
                  <a:cubicBezTo>
                    <a:pt x="460" y="113"/>
                    <a:pt x="459" y="113"/>
                    <a:pt x="458" y="113"/>
                  </a:cubicBezTo>
                  <a:cubicBezTo>
                    <a:pt x="458" y="112"/>
                    <a:pt x="457" y="112"/>
                    <a:pt x="457" y="110"/>
                  </a:cubicBezTo>
                  <a:cubicBezTo>
                    <a:pt x="457" y="109"/>
                    <a:pt x="456" y="110"/>
                    <a:pt x="454" y="108"/>
                  </a:cubicBezTo>
                  <a:cubicBezTo>
                    <a:pt x="453" y="107"/>
                    <a:pt x="453" y="108"/>
                    <a:pt x="452" y="108"/>
                  </a:cubicBezTo>
                  <a:cubicBezTo>
                    <a:pt x="452" y="108"/>
                    <a:pt x="451" y="108"/>
                    <a:pt x="451" y="108"/>
                  </a:cubicBezTo>
                  <a:cubicBezTo>
                    <a:pt x="449" y="107"/>
                    <a:pt x="448" y="109"/>
                    <a:pt x="447" y="110"/>
                  </a:cubicBezTo>
                  <a:cubicBezTo>
                    <a:pt x="445" y="110"/>
                    <a:pt x="444" y="112"/>
                    <a:pt x="443" y="113"/>
                  </a:cubicBezTo>
                  <a:cubicBezTo>
                    <a:pt x="443" y="113"/>
                    <a:pt x="444" y="115"/>
                    <a:pt x="444" y="116"/>
                  </a:cubicBezTo>
                  <a:cubicBezTo>
                    <a:pt x="444" y="116"/>
                    <a:pt x="445" y="116"/>
                    <a:pt x="447" y="115"/>
                  </a:cubicBezTo>
                  <a:cubicBezTo>
                    <a:pt x="448" y="114"/>
                    <a:pt x="447" y="116"/>
                    <a:pt x="448" y="118"/>
                  </a:cubicBezTo>
                  <a:cubicBezTo>
                    <a:pt x="448" y="118"/>
                    <a:pt x="449" y="119"/>
                    <a:pt x="450" y="118"/>
                  </a:cubicBezTo>
                  <a:cubicBezTo>
                    <a:pt x="450" y="118"/>
                    <a:pt x="451" y="118"/>
                    <a:pt x="454" y="119"/>
                  </a:cubicBezTo>
                  <a:cubicBezTo>
                    <a:pt x="457" y="119"/>
                    <a:pt x="455" y="120"/>
                    <a:pt x="455" y="120"/>
                  </a:cubicBezTo>
                  <a:cubicBezTo>
                    <a:pt x="456" y="120"/>
                    <a:pt x="456" y="122"/>
                    <a:pt x="455" y="123"/>
                  </a:cubicBezTo>
                  <a:cubicBezTo>
                    <a:pt x="454" y="124"/>
                    <a:pt x="453" y="124"/>
                    <a:pt x="452" y="124"/>
                  </a:cubicBezTo>
                  <a:cubicBezTo>
                    <a:pt x="451" y="124"/>
                    <a:pt x="450" y="123"/>
                    <a:pt x="448" y="122"/>
                  </a:cubicBezTo>
                  <a:cubicBezTo>
                    <a:pt x="446" y="121"/>
                    <a:pt x="447" y="122"/>
                    <a:pt x="445" y="120"/>
                  </a:cubicBezTo>
                  <a:cubicBezTo>
                    <a:pt x="444" y="120"/>
                    <a:pt x="444" y="120"/>
                    <a:pt x="443" y="120"/>
                  </a:cubicBezTo>
                  <a:cubicBezTo>
                    <a:pt x="443" y="120"/>
                    <a:pt x="442" y="120"/>
                    <a:pt x="441" y="119"/>
                  </a:cubicBezTo>
                  <a:cubicBezTo>
                    <a:pt x="439" y="119"/>
                    <a:pt x="439" y="120"/>
                    <a:pt x="437" y="120"/>
                  </a:cubicBezTo>
                  <a:cubicBezTo>
                    <a:pt x="436" y="120"/>
                    <a:pt x="436" y="121"/>
                    <a:pt x="435" y="121"/>
                  </a:cubicBezTo>
                  <a:cubicBezTo>
                    <a:pt x="434" y="122"/>
                    <a:pt x="434" y="123"/>
                    <a:pt x="435" y="124"/>
                  </a:cubicBezTo>
                  <a:cubicBezTo>
                    <a:pt x="435" y="125"/>
                    <a:pt x="436" y="125"/>
                    <a:pt x="437" y="125"/>
                  </a:cubicBezTo>
                  <a:cubicBezTo>
                    <a:pt x="438" y="126"/>
                    <a:pt x="437" y="127"/>
                    <a:pt x="438" y="128"/>
                  </a:cubicBezTo>
                  <a:cubicBezTo>
                    <a:pt x="439" y="129"/>
                    <a:pt x="439" y="130"/>
                    <a:pt x="440" y="130"/>
                  </a:cubicBezTo>
                  <a:cubicBezTo>
                    <a:pt x="441" y="130"/>
                    <a:pt x="442" y="132"/>
                    <a:pt x="444" y="132"/>
                  </a:cubicBezTo>
                  <a:cubicBezTo>
                    <a:pt x="445" y="132"/>
                    <a:pt x="446" y="133"/>
                    <a:pt x="449" y="135"/>
                  </a:cubicBezTo>
                  <a:cubicBezTo>
                    <a:pt x="453" y="136"/>
                    <a:pt x="450" y="135"/>
                    <a:pt x="452" y="135"/>
                  </a:cubicBezTo>
                  <a:cubicBezTo>
                    <a:pt x="454" y="134"/>
                    <a:pt x="455" y="135"/>
                    <a:pt x="456" y="135"/>
                  </a:cubicBezTo>
                  <a:cubicBezTo>
                    <a:pt x="457" y="136"/>
                    <a:pt x="457" y="137"/>
                    <a:pt x="458" y="137"/>
                  </a:cubicBezTo>
                  <a:cubicBezTo>
                    <a:pt x="459" y="137"/>
                    <a:pt x="460" y="140"/>
                    <a:pt x="460" y="140"/>
                  </a:cubicBezTo>
                  <a:cubicBezTo>
                    <a:pt x="458" y="141"/>
                    <a:pt x="458" y="141"/>
                    <a:pt x="458" y="141"/>
                  </a:cubicBezTo>
                  <a:cubicBezTo>
                    <a:pt x="458" y="141"/>
                    <a:pt x="455" y="140"/>
                    <a:pt x="454" y="140"/>
                  </a:cubicBezTo>
                  <a:cubicBezTo>
                    <a:pt x="454" y="140"/>
                    <a:pt x="453" y="139"/>
                    <a:pt x="453" y="138"/>
                  </a:cubicBezTo>
                  <a:cubicBezTo>
                    <a:pt x="452" y="138"/>
                    <a:pt x="451" y="138"/>
                    <a:pt x="451" y="137"/>
                  </a:cubicBezTo>
                  <a:cubicBezTo>
                    <a:pt x="450" y="136"/>
                    <a:pt x="449" y="136"/>
                    <a:pt x="448" y="136"/>
                  </a:cubicBezTo>
                  <a:cubicBezTo>
                    <a:pt x="448" y="135"/>
                    <a:pt x="446" y="135"/>
                    <a:pt x="444" y="136"/>
                  </a:cubicBezTo>
                  <a:cubicBezTo>
                    <a:pt x="442" y="136"/>
                    <a:pt x="440" y="136"/>
                    <a:pt x="439" y="136"/>
                  </a:cubicBezTo>
                  <a:cubicBezTo>
                    <a:pt x="438" y="135"/>
                    <a:pt x="437" y="135"/>
                    <a:pt x="437" y="135"/>
                  </a:cubicBezTo>
                  <a:cubicBezTo>
                    <a:pt x="435" y="135"/>
                    <a:pt x="435" y="135"/>
                    <a:pt x="435" y="135"/>
                  </a:cubicBezTo>
                  <a:cubicBezTo>
                    <a:pt x="435" y="135"/>
                    <a:pt x="432" y="135"/>
                    <a:pt x="431" y="134"/>
                  </a:cubicBezTo>
                  <a:cubicBezTo>
                    <a:pt x="431" y="134"/>
                    <a:pt x="428" y="134"/>
                    <a:pt x="427" y="133"/>
                  </a:cubicBezTo>
                  <a:cubicBezTo>
                    <a:pt x="426" y="133"/>
                    <a:pt x="426" y="133"/>
                    <a:pt x="427" y="132"/>
                  </a:cubicBezTo>
                  <a:cubicBezTo>
                    <a:pt x="428" y="130"/>
                    <a:pt x="427" y="130"/>
                    <a:pt x="428" y="127"/>
                  </a:cubicBezTo>
                  <a:cubicBezTo>
                    <a:pt x="429" y="124"/>
                    <a:pt x="428" y="126"/>
                    <a:pt x="426" y="124"/>
                  </a:cubicBezTo>
                  <a:cubicBezTo>
                    <a:pt x="425" y="122"/>
                    <a:pt x="425" y="123"/>
                    <a:pt x="426" y="122"/>
                  </a:cubicBezTo>
                  <a:cubicBezTo>
                    <a:pt x="427" y="120"/>
                    <a:pt x="428" y="119"/>
                    <a:pt x="429" y="118"/>
                  </a:cubicBezTo>
                  <a:cubicBezTo>
                    <a:pt x="429" y="117"/>
                    <a:pt x="430" y="115"/>
                    <a:pt x="430" y="113"/>
                  </a:cubicBezTo>
                  <a:cubicBezTo>
                    <a:pt x="430" y="111"/>
                    <a:pt x="429" y="107"/>
                    <a:pt x="428" y="105"/>
                  </a:cubicBezTo>
                  <a:cubicBezTo>
                    <a:pt x="427" y="103"/>
                    <a:pt x="424" y="103"/>
                    <a:pt x="422" y="104"/>
                  </a:cubicBezTo>
                  <a:cubicBezTo>
                    <a:pt x="419" y="104"/>
                    <a:pt x="421" y="105"/>
                    <a:pt x="423" y="109"/>
                  </a:cubicBezTo>
                  <a:cubicBezTo>
                    <a:pt x="425" y="113"/>
                    <a:pt x="424" y="113"/>
                    <a:pt x="424" y="113"/>
                  </a:cubicBezTo>
                  <a:cubicBezTo>
                    <a:pt x="423" y="116"/>
                    <a:pt x="423" y="116"/>
                    <a:pt x="423" y="116"/>
                  </a:cubicBezTo>
                  <a:cubicBezTo>
                    <a:pt x="422" y="117"/>
                    <a:pt x="422" y="117"/>
                    <a:pt x="422" y="117"/>
                  </a:cubicBezTo>
                  <a:cubicBezTo>
                    <a:pt x="422" y="117"/>
                    <a:pt x="418" y="119"/>
                    <a:pt x="418" y="120"/>
                  </a:cubicBezTo>
                  <a:cubicBezTo>
                    <a:pt x="418" y="120"/>
                    <a:pt x="414" y="121"/>
                    <a:pt x="413" y="121"/>
                  </a:cubicBezTo>
                  <a:cubicBezTo>
                    <a:pt x="412" y="120"/>
                    <a:pt x="411" y="122"/>
                    <a:pt x="411" y="122"/>
                  </a:cubicBezTo>
                  <a:cubicBezTo>
                    <a:pt x="411" y="122"/>
                    <a:pt x="408" y="124"/>
                    <a:pt x="408" y="125"/>
                  </a:cubicBezTo>
                  <a:cubicBezTo>
                    <a:pt x="408" y="125"/>
                    <a:pt x="406" y="127"/>
                    <a:pt x="406" y="128"/>
                  </a:cubicBezTo>
                  <a:cubicBezTo>
                    <a:pt x="405" y="128"/>
                    <a:pt x="404" y="130"/>
                    <a:pt x="403" y="130"/>
                  </a:cubicBezTo>
                  <a:cubicBezTo>
                    <a:pt x="402" y="131"/>
                    <a:pt x="402" y="132"/>
                    <a:pt x="402" y="133"/>
                  </a:cubicBezTo>
                  <a:cubicBezTo>
                    <a:pt x="402" y="134"/>
                    <a:pt x="403" y="134"/>
                    <a:pt x="404" y="134"/>
                  </a:cubicBezTo>
                  <a:cubicBezTo>
                    <a:pt x="405" y="134"/>
                    <a:pt x="407" y="135"/>
                    <a:pt x="407" y="135"/>
                  </a:cubicBezTo>
                  <a:cubicBezTo>
                    <a:pt x="407" y="137"/>
                    <a:pt x="407" y="137"/>
                    <a:pt x="407" y="137"/>
                  </a:cubicBezTo>
                  <a:cubicBezTo>
                    <a:pt x="407" y="137"/>
                    <a:pt x="411" y="141"/>
                    <a:pt x="412" y="142"/>
                  </a:cubicBezTo>
                  <a:cubicBezTo>
                    <a:pt x="413" y="144"/>
                    <a:pt x="415" y="145"/>
                    <a:pt x="416" y="145"/>
                  </a:cubicBezTo>
                  <a:cubicBezTo>
                    <a:pt x="417" y="145"/>
                    <a:pt x="416" y="148"/>
                    <a:pt x="416" y="149"/>
                  </a:cubicBezTo>
                  <a:cubicBezTo>
                    <a:pt x="416" y="150"/>
                    <a:pt x="414" y="151"/>
                    <a:pt x="414" y="152"/>
                  </a:cubicBezTo>
                  <a:cubicBezTo>
                    <a:pt x="413" y="152"/>
                    <a:pt x="412" y="154"/>
                    <a:pt x="410" y="156"/>
                  </a:cubicBezTo>
                  <a:cubicBezTo>
                    <a:pt x="407" y="158"/>
                    <a:pt x="409" y="158"/>
                    <a:pt x="408" y="162"/>
                  </a:cubicBezTo>
                  <a:cubicBezTo>
                    <a:pt x="408" y="166"/>
                    <a:pt x="409" y="164"/>
                    <a:pt x="410" y="165"/>
                  </a:cubicBezTo>
                  <a:cubicBezTo>
                    <a:pt x="411" y="166"/>
                    <a:pt x="411" y="167"/>
                    <a:pt x="410" y="169"/>
                  </a:cubicBezTo>
                  <a:cubicBezTo>
                    <a:pt x="410" y="170"/>
                    <a:pt x="411" y="173"/>
                    <a:pt x="411" y="174"/>
                  </a:cubicBezTo>
                  <a:cubicBezTo>
                    <a:pt x="412" y="175"/>
                    <a:pt x="413" y="175"/>
                    <a:pt x="414" y="174"/>
                  </a:cubicBezTo>
                  <a:cubicBezTo>
                    <a:pt x="415" y="173"/>
                    <a:pt x="416" y="174"/>
                    <a:pt x="417" y="174"/>
                  </a:cubicBezTo>
                  <a:cubicBezTo>
                    <a:pt x="417" y="174"/>
                    <a:pt x="419" y="176"/>
                    <a:pt x="422" y="176"/>
                  </a:cubicBezTo>
                  <a:cubicBezTo>
                    <a:pt x="424" y="176"/>
                    <a:pt x="423" y="175"/>
                    <a:pt x="423" y="175"/>
                  </a:cubicBezTo>
                  <a:cubicBezTo>
                    <a:pt x="424" y="175"/>
                    <a:pt x="424" y="175"/>
                    <a:pt x="424" y="175"/>
                  </a:cubicBezTo>
                  <a:cubicBezTo>
                    <a:pt x="425" y="175"/>
                    <a:pt x="425" y="175"/>
                    <a:pt x="425" y="174"/>
                  </a:cubicBezTo>
                  <a:cubicBezTo>
                    <a:pt x="426" y="174"/>
                    <a:pt x="426" y="174"/>
                    <a:pt x="427" y="173"/>
                  </a:cubicBezTo>
                  <a:cubicBezTo>
                    <a:pt x="428" y="173"/>
                    <a:pt x="429" y="173"/>
                    <a:pt x="430" y="173"/>
                  </a:cubicBezTo>
                  <a:cubicBezTo>
                    <a:pt x="431" y="173"/>
                    <a:pt x="431" y="173"/>
                    <a:pt x="432" y="173"/>
                  </a:cubicBezTo>
                  <a:cubicBezTo>
                    <a:pt x="432" y="173"/>
                    <a:pt x="433" y="173"/>
                    <a:pt x="433" y="173"/>
                  </a:cubicBezTo>
                  <a:cubicBezTo>
                    <a:pt x="434" y="173"/>
                    <a:pt x="434" y="173"/>
                    <a:pt x="435" y="173"/>
                  </a:cubicBezTo>
                  <a:cubicBezTo>
                    <a:pt x="436" y="173"/>
                    <a:pt x="436" y="173"/>
                    <a:pt x="437" y="173"/>
                  </a:cubicBezTo>
                  <a:cubicBezTo>
                    <a:pt x="437" y="174"/>
                    <a:pt x="438" y="174"/>
                    <a:pt x="438" y="174"/>
                  </a:cubicBezTo>
                  <a:cubicBezTo>
                    <a:pt x="439" y="173"/>
                    <a:pt x="441" y="175"/>
                    <a:pt x="442" y="175"/>
                  </a:cubicBezTo>
                  <a:cubicBezTo>
                    <a:pt x="443" y="176"/>
                    <a:pt x="445" y="176"/>
                    <a:pt x="446" y="177"/>
                  </a:cubicBezTo>
                  <a:cubicBezTo>
                    <a:pt x="447" y="178"/>
                    <a:pt x="448" y="179"/>
                    <a:pt x="448" y="180"/>
                  </a:cubicBezTo>
                  <a:cubicBezTo>
                    <a:pt x="449" y="182"/>
                    <a:pt x="451" y="182"/>
                    <a:pt x="451" y="183"/>
                  </a:cubicBezTo>
                  <a:cubicBezTo>
                    <a:pt x="452" y="185"/>
                    <a:pt x="454" y="187"/>
                    <a:pt x="454" y="188"/>
                  </a:cubicBezTo>
                  <a:cubicBezTo>
                    <a:pt x="455" y="188"/>
                    <a:pt x="455" y="190"/>
                    <a:pt x="454" y="190"/>
                  </a:cubicBezTo>
                  <a:cubicBezTo>
                    <a:pt x="454" y="191"/>
                    <a:pt x="452" y="191"/>
                    <a:pt x="450" y="192"/>
                  </a:cubicBezTo>
                  <a:cubicBezTo>
                    <a:pt x="449" y="192"/>
                    <a:pt x="450" y="193"/>
                    <a:pt x="449" y="195"/>
                  </a:cubicBezTo>
                  <a:cubicBezTo>
                    <a:pt x="448" y="196"/>
                    <a:pt x="449" y="196"/>
                    <a:pt x="449" y="198"/>
                  </a:cubicBezTo>
                  <a:cubicBezTo>
                    <a:pt x="449" y="199"/>
                    <a:pt x="450" y="199"/>
                    <a:pt x="450" y="199"/>
                  </a:cubicBezTo>
                  <a:cubicBezTo>
                    <a:pt x="451" y="199"/>
                    <a:pt x="451" y="199"/>
                    <a:pt x="452" y="199"/>
                  </a:cubicBezTo>
                  <a:cubicBezTo>
                    <a:pt x="453" y="200"/>
                    <a:pt x="454" y="201"/>
                    <a:pt x="455" y="201"/>
                  </a:cubicBezTo>
                  <a:cubicBezTo>
                    <a:pt x="455" y="201"/>
                    <a:pt x="457" y="201"/>
                    <a:pt x="457" y="201"/>
                  </a:cubicBezTo>
                  <a:cubicBezTo>
                    <a:pt x="457" y="201"/>
                    <a:pt x="460" y="201"/>
                    <a:pt x="463" y="202"/>
                  </a:cubicBezTo>
                  <a:cubicBezTo>
                    <a:pt x="463" y="202"/>
                    <a:pt x="462" y="203"/>
                    <a:pt x="461" y="203"/>
                  </a:cubicBezTo>
                  <a:cubicBezTo>
                    <a:pt x="460" y="204"/>
                    <a:pt x="458" y="204"/>
                    <a:pt x="457" y="203"/>
                  </a:cubicBezTo>
                  <a:cubicBezTo>
                    <a:pt x="455" y="203"/>
                    <a:pt x="455" y="203"/>
                    <a:pt x="455" y="203"/>
                  </a:cubicBezTo>
                  <a:cubicBezTo>
                    <a:pt x="454" y="203"/>
                    <a:pt x="452" y="202"/>
                    <a:pt x="450" y="201"/>
                  </a:cubicBezTo>
                  <a:cubicBezTo>
                    <a:pt x="448" y="200"/>
                    <a:pt x="449" y="201"/>
                    <a:pt x="447" y="200"/>
                  </a:cubicBezTo>
                  <a:cubicBezTo>
                    <a:pt x="445" y="199"/>
                    <a:pt x="446" y="199"/>
                    <a:pt x="446" y="199"/>
                  </a:cubicBezTo>
                  <a:cubicBezTo>
                    <a:pt x="446" y="199"/>
                    <a:pt x="446" y="199"/>
                    <a:pt x="446" y="198"/>
                  </a:cubicBezTo>
                  <a:cubicBezTo>
                    <a:pt x="445" y="196"/>
                    <a:pt x="445" y="197"/>
                    <a:pt x="445" y="194"/>
                  </a:cubicBezTo>
                  <a:cubicBezTo>
                    <a:pt x="446" y="192"/>
                    <a:pt x="446" y="192"/>
                    <a:pt x="446" y="191"/>
                  </a:cubicBezTo>
                  <a:cubicBezTo>
                    <a:pt x="446" y="190"/>
                    <a:pt x="447" y="188"/>
                    <a:pt x="446" y="187"/>
                  </a:cubicBezTo>
                  <a:cubicBezTo>
                    <a:pt x="446" y="185"/>
                    <a:pt x="445" y="185"/>
                    <a:pt x="444" y="184"/>
                  </a:cubicBezTo>
                  <a:cubicBezTo>
                    <a:pt x="444" y="182"/>
                    <a:pt x="441" y="183"/>
                    <a:pt x="440" y="181"/>
                  </a:cubicBezTo>
                  <a:cubicBezTo>
                    <a:pt x="439" y="179"/>
                    <a:pt x="439" y="180"/>
                    <a:pt x="438" y="178"/>
                  </a:cubicBezTo>
                  <a:cubicBezTo>
                    <a:pt x="438" y="178"/>
                    <a:pt x="437" y="178"/>
                    <a:pt x="436" y="179"/>
                  </a:cubicBezTo>
                  <a:cubicBezTo>
                    <a:pt x="436" y="179"/>
                    <a:pt x="435" y="179"/>
                    <a:pt x="434" y="179"/>
                  </a:cubicBezTo>
                  <a:cubicBezTo>
                    <a:pt x="434" y="178"/>
                    <a:pt x="433" y="178"/>
                    <a:pt x="433" y="178"/>
                  </a:cubicBezTo>
                  <a:cubicBezTo>
                    <a:pt x="432" y="178"/>
                    <a:pt x="432" y="178"/>
                    <a:pt x="432" y="178"/>
                  </a:cubicBezTo>
                  <a:cubicBezTo>
                    <a:pt x="432" y="177"/>
                    <a:pt x="431" y="178"/>
                    <a:pt x="430" y="178"/>
                  </a:cubicBezTo>
                  <a:cubicBezTo>
                    <a:pt x="429" y="178"/>
                    <a:pt x="428" y="178"/>
                    <a:pt x="427" y="178"/>
                  </a:cubicBezTo>
                  <a:cubicBezTo>
                    <a:pt x="426" y="178"/>
                    <a:pt x="425" y="179"/>
                    <a:pt x="422" y="179"/>
                  </a:cubicBezTo>
                  <a:cubicBezTo>
                    <a:pt x="420" y="180"/>
                    <a:pt x="420" y="181"/>
                    <a:pt x="419" y="181"/>
                  </a:cubicBezTo>
                  <a:cubicBezTo>
                    <a:pt x="418" y="181"/>
                    <a:pt x="416" y="186"/>
                    <a:pt x="416" y="187"/>
                  </a:cubicBezTo>
                  <a:cubicBezTo>
                    <a:pt x="417" y="188"/>
                    <a:pt x="417" y="189"/>
                    <a:pt x="418" y="189"/>
                  </a:cubicBezTo>
                  <a:cubicBezTo>
                    <a:pt x="418" y="190"/>
                    <a:pt x="418" y="192"/>
                    <a:pt x="419" y="194"/>
                  </a:cubicBezTo>
                  <a:cubicBezTo>
                    <a:pt x="420" y="196"/>
                    <a:pt x="420" y="196"/>
                    <a:pt x="420" y="197"/>
                  </a:cubicBezTo>
                  <a:cubicBezTo>
                    <a:pt x="420" y="198"/>
                    <a:pt x="420" y="199"/>
                    <a:pt x="419" y="200"/>
                  </a:cubicBezTo>
                  <a:cubicBezTo>
                    <a:pt x="419" y="200"/>
                    <a:pt x="418" y="201"/>
                    <a:pt x="417" y="202"/>
                  </a:cubicBezTo>
                  <a:cubicBezTo>
                    <a:pt x="417" y="203"/>
                    <a:pt x="416" y="203"/>
                    <a:pt x="414" y="205"/>
                  </a:cubicBezTo>
                  <a:cubicBezTo>
                    <a:pt x="412" y="207"/>
                    <a:pt x="412" y="208"/>
                    <a:pt x="412" y="209"/>
                  </a:cubicBezTo>
                  <a:cubicBezTo>
                    <a:pt x="411" y="210"/>
                    <a:pt x="411" y="211"/>
                    <a:pt x="409" y="213"/>
                  </a:cubicBezTo>
                  <a:cubicBezTo>
                    <a:pt x="408" y="215"/>
                    <a:pt x="404" y="217"/>
                    <a:pt x="404" y="217"/>
                  </a:cubicBezTo>
                  <a:cubicBezTo>
                    <a:pt x="403" y="218"/>
                    <a:pt x="400" y="219"/>
                    <a:pt x="398" y="219"/>
                  </a:cubicBezTo>
                  <a:cubicBezTo>
                    <a:pt x="397" y="220"/>
                    <a:pt x="397" y="221"/>
                    <a:pt x="397" y="222"/>
                  </a:cubicBezTo>
                  <a:cubicBezTo>
                    <a:pt x="397" y="223"/>
                    <a:pt x="395" y="224"/>
                    <a:pt x="395" y="225"/>
                  </a:cubicBezTo>
                  <a:cubicBezTo>
                    <a:pt x="394" y="225"/>
                    <a:pt x="394" y="225"/>
                    <a:pt x="393" y="225"/>
                  </a:cubicBezTo>
                  <a:cubicBezTo>
                    <a:pt x="393" y="225"/>
                    <a:pt x="392" y="225"/>
                    <a:pt x="392" y="226"/>
                  </a:cubicBezTo>
                  <a:cubicBezTo>
                    <a:pt x="390" y="227"/>
                    <a:pt x="390" y="227"/>
                    <a:pt x="390" y="226"/>
                  </a:cubicBezTo>
                  <a:cubicBezTo>
                    <a:pt x="389" y="226"/>
                    <a:pt x="388" y="224"/>
                    <a:pt x="387" y="223"/>
                  </a:cubicBezTo>
                  <a:cubicBezTo>
                    <a:pt x="387" y="223"/>
                    <a:pt x="387" y="223"/>
                    <a:pt x="386" y="223"/>
                  </a:cubicBezTo>
                  <a:cubicBezTo>
                    <a:pt x="385" y="224"/>
                    <a:pt x="384" y="224"/>
                    <a:pt x="384" y="223"/>
                  </a:cubicBezTo>
                  <a:cubicBezTo>
                    <a:pt x="383" y="222"/>
                    <a:pt x="381" y="223"/>
                    <a:pt x="380" y="223"/>
                  </a:cubicBezTo>
                  <a:cubicBezTo>
                    <a:pt x="380" y="223"/>
                    <a:pt x="377" y="224"/>
                    <a:pt x="376" y="224"/>
                  </a:cubicBezTo>
                  <a:cubicBezTo>
                    <a:pt x="375" y="224"/>
                    <a:pt x="374" y="224"/>
                    <a:pt x="373" y="223"/>
                  </a:cubicBezTo>
                  <a:cubicBezTo>
                    <a:pt x="373" y="223"/>
                    <a:pt x="370" y="223"/>
                    <a:pt x="370" y="223"/>
                  </a:cubicBezTo>
                  <a:cubicBezTo>
                    <a:pt x="370" y="223"/>
                    <a:pt x="364" y="221"/>
                    <a:pt x="363" y="221"/>
                  </a:cubicBezTo>
                  <a:cubicBezTo>
                    <a:pt x="363" y="220"/>
                    <a:pt x="362" y="218"/>
                    <a:pt x="361" y="217"/>
                  </a:cubicBezTo>
                  <a:cubicBezTo>
                    <a:pt x="361" y="216"/>
                    <a:pt x="363" y="216"/>
                    <a:pt x="363" y="216"/>
                  </a:cubicBezTo>
                  <a:cubicBezTo>
                    <a:pt x="364" y="216"/>
                    <a:pt x="364" y="216"/>
                    <a:pt x="366" y="215"/>
                  </a:cubicBezTo>
                  <a:cubicBezTo>
                    <a:pt x="367" y="215"/>
                    <a:pt x="368" y="216"/>
                    <a:pt x="369" y="216"/>
                  </a:cubicBezTo>
                  <a:cubicBezTo>
                    <a:pt x="370" y="216"/>
                    <a:pt x="372" y="217"/>
                    <a:pt x="373" y="218"/>
                  </a:cubicBezTo>
                  <a:cubicBezTo>
                    <a:pt x="374" y="218"/>
                    <a:pt x="377" y="218"/>
                    <a:pt x="377" y="218"/>
                  </a:cubicBezTo>
                  <a:cubicBezTo>
                    <a:pt x="378" y="217"/>
                    <a:pt x="380" y="217"/>
                    <a:pt x="382" y="216"/>
                  </a:cubicBezTo>
                  <a:cubicBezTo>
                    <a:pt x="384" y="215"/>
                    <a:pt x="384" y="215"/>
                    <a:pt x="384" y="215"/>
                  </a:cubicBezTo>
                  <a:cubicBezTo>
                    <a:pt x="384" y="214"/>
                    <a:pt x="385" y="214"/>
                    <a:pt x="386" y="214"/>
                  </a:cubicBezTo>
                  <a:cubicBezTo>
                    <a:pt x="387" y="214"/>
                    <a:pt x="387" y="214"/>
                    <a:pt x="388" y="214"/>
                  </a:cubicBezTo>
                  <a:cubicBezTo>
                    <a:pt x="388" y="214"/>
                    <a:pt x="389" y="214"/>
                    <a:pt x="389" y="214"/>
                  </a:cubicBezTo>
                  <a:cubicBezTo>
                    <a:pt x="390" y="214"/>
                    <a:pt x="390" y="214"/>
                    <a:pt x="390" y="214"/>
                  </a:cubicBezTo>
                  <a:cubicBezTo>
                    <a:pt x="391" y="214"/>
                    <a:pt x="393" y="213"/>
                    <a:pt x="393" y="211"/>
                  </a:cubicBezTo>
                  <a:cubicBezTo>
                    <a:pt x="393" y="209"/>
                    <a:pt x="392" y="209"/>
                    <a:pt x="393" y="208"/>
                  </a:cubicBezTo>
                  <a:cubicBezTo>
                    <a:pt x="393" y="207"/>
                    <a:pt x="395" y="207"/>
                    <a:pt x="395" y="205"/>
                  </a:cubicBezTo>
                  <a:cubicBezTo>
                    <a:pt x="396" y="204"/>
                    <a:pt x="397" y="204"/>
                    <a:pt x="397" y="203"/>
                  </a:cubicBezTo>
                  <a:cubicBezTo>
                    <a:pt x="398" y="202"/>
                    <a:pt x="400" y="202"/>
                    <a:pt x="400" y="202"/>
                  </a:cubicBezTo>
                  <a:cubicBezTo>
                    <a:pt x="400" y="202"/>
                    <a:pt x="402" y="201"/>
                    <a:pt x="404" y="200"/>
                  </a:cubicBezTo>
                  <a:cubicBezTo>
                    <a:pt x="405" y="200"/>
                    <a:pt x="404" y="197"/>
                    <a:pt x="403" y="195"/>
                  </a:cubicBezTo>
                  <a:cubicBezTo>
                    <a:pt x="403" y="194"/>
                    <a:pt x="404" y="192"/>
                    <a:pt x="405" y="191"/>
                  </a:cubicBezTo>
                  <a:cubicBezTo>
                    <a:pt x="405" y="189"/>
                    <a:pt x="405" y="190"/>
                    <a:pt x="407" y="189"/>
                  </a:cubicBezTo>
                  <a:cubicBezTo>
                    <a:pt x="408" y="188"/>
                    <a:pt x="409" y="186"/>
                    <a:pt x="408" y="186"/>
                  </a:cubicBezTo>
                  <a:cubicBezTo>
                    <a:pt x="408" y="185"/>
                    <a:pt x="406" y="184"/>
                    <a:pt x="405" y="183"/>
                  </a:cubicBezTo>
                  <a:cubicBezTo>
                    <a:pt x="404" y="182"/>
                    <a:pt x="401" y="180"/>
                    <a:pt x="400" y="180"/>
                  </a:cubicBezTo>
                  <a:cubicBezTo>
                    <a:pt x="399" y="179"/>
                    <a:pt x="397" y="178"/>
                    <a:pt x="397" y="176"/>
                  </a:cubicBezTo>
                  <a:cubicBezTo>
                    <a:pt x="396" y="174"/>
                    <a:pt x="399" y="171"/>
                    <a:pt x="399" y="169"/>
                  </a:cubicBezTo>
                  <a:cubicBezTo>
                    <a:pt x="399" y="169"/>
                    <a:pt x="399" y="168"/>
                    <a:pt x="399" y="167"/>
                  </a:cubicBezTo>
                  <a:cubicBezTo>
                    <a:pt x="398" y="166"/>
                    <a:pt x="400" y="164"/>
                    <a:pt x="399" y="162"/>
                  </a:cubicBezTo>
                  <a:cubicBezTo>
                    <a:pt x="399" y="162"/>
                    <a:pt x="399" y="161"/>
                    <a:pt x="399" y="160"/>
                  </a:cubicBezTo>
                  <a:cubicBezTo>
                    <a:pt x="399" y="158"/>
                    <a:pt x="398" y="157"/>
                    <a:pt x="397" y="157"/>
                  </a:cubicBezTo>
                  <a:cubicBezTo>
                    <a:pt x="397" y="156"/>
                    <a:pt x="397" y="154"/>
                    <a:pt x="397" y="153"/>
                  </a:cubicBezTo>
                  <a:cubicBezTo>
                    <a:pt x="397" y="152"/>
                    <a:pt x="397" y="152"/>
                    <a:pt x="398" y="152"/>
                  </a:cubicBezTo>
                  <a:cubicBezTo>
                    <a:pt x="398" y="152"/>
                    <a:pt x="398" y="152"/>
                    <a:pt x="398" y="152"/>
                  </a:cubicBezTo>
                  <a:cubicBezTo>
                    <a:pt x="398" y="152"/>
                    <a:pt x="399" y="151"/>
                    <a:pt x="399" y="151"/>
                  </a:cubicBezTo>
                  <a:cubicBezTo>
                    <a:pt x="400" y="150"/>
                    <a:pt x="399" y="148"/>
                    <a:pt x="399" y="148"/>
                  </a:cubicBezTo>
                  <a:cubicBezTo>
                    <a:pt x="399" y="148"/>
                    <a:pt x="401" y="143"/>
                    <a:pt x="401" y="142"/>
                  </a:cubicBezTo>
                  <a:cubicBezTo>
                    <a:pt x="401" y="141"/>
                    <a:pt x="397" y="137"/>
                    <a:pt x="397" y="137"/>
                  </a:cubicBezTo>
                  <a:cubicBezTo>
                    <a:pt x="396" y="136"/>
                    <a:pt x="395" y="136"/>
                    <a:pt x="394" y="135"/>
                  </a:cubicBezTo>
                  <a:cubicBezTo>
                    <a:pt x="394" y="135"/>
                    <a:pt x="393" y="134"/>
                    <a:pt x="393" y="133"/>
                  </a:cubicBezTo>
                  <a:cubicBezTo>
                    <a:pt x="392" y="132"/>
                    <a:pt x="391" y="131"/>
                    <a:pt x="390" y="130"/>
                  </a:cubicBezTo>
                  <a:cubicBezTo>
                    <a:pt x="390" y="130"/>
                    <a:pt x="391" y="129"/>
                    <a:pt x="392" y="129"/>
                  </a:cubicBezTo>
                  <a:cubicBezTo>
                    <a:pt x="393" y="128"/>
                    <a:pt x="395" y="126"/>
                    <a:pt x="395" y="126"/>
                  </a:cubicBezTo>
                  <a:cubicBezTo>
                    <a:pt x="395" y="126"/>
                    <a:pt x="394" y="123"/>
                    <a:pt x="397" y="121"/>
                  </a:cubicBezTo>
                  <a:cubicBezTo>
                    <a:pt x="400" y="119"/>
                    <a:pt x="398" y="120"/>
                    <a:pt x="398" y="119"/>
                  </a:cubicBezTo>
                  <a:cubicBezTo>
                    <a:pt x="399" y="118"/>
                    <a:pt x="399" y="117"/>
                    <a:pt x="400" y="117"/>
                  </a:cubicBezTo>
                  <a:cubicBezTo>
                    <a:pt x="400" y="116"/>
                    <a:pt x="400" y="116"/>
                    <a:pt x="400" y="115"/>
                  </a:cubicBezTo>
                  <a:cubicBezTo>
                    <a:pt x="400" y="113"/>
                    <a:pt x="401" y="113"/>
                    <a:pt x="401" y="111"/>
                  </a:cubicBezTo>
                  <a:cubicBezTo>
                    <a:pt x="400" y="110"/>
                    <a:pt x="399" y="109"/>
                    <a:pt x="399" y="109"/>
                  </a:cubicBezTo>
                  <a:cubicBezTo>
                    <a:pt x="399" y="109"/>
                    <a:pt x="399" y="108"/>
                    <a:pt x="399" y="107"/>
                  </a:cubicBezTo>
                  <a:cubicBezTo>
                    <a:pt x="398" y="106"/>
                    <a:pt x="395" y="105"/>
                    <a:pt x="395" y="105"/>
                  </a:cubicBezTo>
                  <a:cubicBezTo>
                    <a:pt x="394" y="104"/>
                    <a:pt x="393" y="105"/>
                    <a:pt x="392" y="104"/>
                  </a:cubicBezTo>
                  <a:cubicBezTo>
                    <a:pt x="392" y="104"/>
                    <a:pt x="389" y="103"/>
                    <a:pt x="389" y="103"/>
                  </a:cubicBezTo>
                  <a:cubicBezTo>
                    <a:pt x="387" y="103"/>
                    <a:pt x="387" y="103"/>
                    <a:pt x="387" y="103"/>
                  </a:cubicBezTo>
                  <a:cubicBezTo>
                    <a:pt x="382" y="102"/>
                    <a:pt x="382" y="102"/>
                    <a:pt x="382" y="102"/>
                  </a:cubicBezTo>
                  <a:cubicBezTo>
                    <a:pt x="379" y="102"/>
                    <a:pt x="379" y="102"/>
                    <a:pt x="379" y="102"/>
                  </a:cubicBezTo>
                  <a:cubicBezTo>
                    <a:pt x="379" y="102"/>
                    <a:pt x="375" y="103"/>
                    <a:pt x="373" y="103"/>
                  </a:cubicBezTo>
                  <a:cubicBezTo>
                    <a:pt x="373" y="103"/>
                    <a:pt x="370" y="103"/>
                    <a:pt x="368" y="102"/>
                  </a:cubicBezTo>
                  <a:cubicBezTo>
                    <a:pt x="364" y="102"/>
                    <a:pt x="364" y="102"/>
                    <a:pt x="364" y="102"/>
                  </a:cubicBezTo>
                  <a:cubicBezTo>
                    <a:pt x="363" y="102"/>
                    <a:pt x="362" y="104"/>
                    <a:pt x="362" y="104"/>
                  </a:cubicBezTo>
                  <a:cubicBezTo>
                    <a:pt x="361" y="106"/>
                    <a:pt x="361" y="106"/>
                    <a:pt x="361" y="106"/>
                  </a:cubicBezTo>
                  <a:cubicBezTo>
                    <a:pt x="360" y="109"/>
                    <a:pt x="360" y="109"/>
                    <a:pt x="360" y="109"/>
                  </a:cubicBezTo>
                  <a:cubicBezTo>
                    <a:pt x="360" y="109"/>
                    <a:pt x="359" y="111"/>
                    <a:pt x="358" y="112"/>
                  </a:cubicBezTo>
                  <a:cubicBezTo>
                    <a:pt x="357" y="112"/>
                    <a:pt x="357" y="114"/>
                    <a:pt x="357" y="114"/>
                  </a:cubicBezTo>
                  <a:cubicBezTo>
                    <a:pt x="357" y="115"/>
                    <a:pt x="357" y="117"/>
                    <a:pt x="357" y="118"/>
                  </a:cubicBezTo>
                  <a:cubicBezTo>
                    <a:pt x="357" y="119"/>
                    <a:pt x="357" y="120"/>
                    <a:pt x="356" y="121"/>
                  </a:cubicBezTo>
                  <a:cubicBezTo>
                    <a:pt x="356" y="121"/>
                    <a:pt x="355" y="122"/>
                    <a:pt x="355" y="124"/>
                  </a:cubicBezTo>
                  <a:cubicBezTo>
                    <a:pt x="354" y="125"/>
                    <a:pt x="353" y="125"/>
                    <a:pt x="352" y="126"/>
                  </a:cubicBezTo>
                  <a:cubicBezTo>
                    <a:pt x="350" y="127"/>
                    <a:pt x="349" y="129"/>
                    <a:pt x="348" y="129"/>
                  </a:cubicBezTo>
                  <a:cubicBezTo>
                    <a:pt x="348" y="129"/>
                    <a:pt x="345" y="131"/>
                    <a:pt x="344" y="132"/>
                  </a:cubicBezTo>
                  <a:cubicBezTo>
                    <a:pt x="343" y="132"/>
                    <a:pt x="341" y="133"/>
                    <a:pt x="340" y="133"/>
                  </a:cubicBezTo>
                  <a:cubicBezTo>
                    <a:pt x="339" y="134"/>
                    <a:pt x="338" y="135"/>
                    <a:pt x="337" y="135"/>
                  </a:cubicBezTo>
                  <a:cubicBezTo>
                    <a:pt x="337" y="135"/>
                    <a:pt x="337" y="137"/>
                    <a:pt x="337" y="138"/>
                  </a:cubicBezTo>
                  <a:cubicBezTo>
                    <a:pt x="337" y="138"/>
                    <a:pt x="337" y="139"/>
                    <a:pt x="334" y="141"/>
                  </a:cubicBezTo>
                  <a:cubicBezTo>
                    <a:pt x="332" y="143"/>
                    <a:pt x="334" y="143"/>
                    <a:pt x="335" y="143"/>
                  </a:cubicBezTo>
                  <a:cubicBezTo>
                    <a:pt x="336" y="143"/>
                    <a:pt x="337" y="143"/>
                    <a:pt x="337" y="143"/>
                  </a:cubicBezTo>
                  <a:cubicBezTo>
                    <a:pt x="338" y="144"/>
                    <a:pt x="339" y="144"/>
                    <a:pt x="340" y="144"/>
                  </a:cubicBezTo>
                  <a:cubicBezTo>
                    <a:pt x="340" y="144"/>
                    <a:pt x="342" y="143"/>
                    <a:pt x="342" y="144"/>
                  </a:cubicBezTo>
                  <a:cubicBezTo>
                    <a:pt x="342" y="145"/>
                    <a:pt x="342" y="152"/>
                    <a:pt x="342" y="152"/>
                  </a:cubicBezTo>
                  <a:cubicBezTo>
                    <a:pt x="342" y="152"/>
                    <a:pt x="342" y="155"/>
                    <a:pt x="341" y="156"/>
                  </a:cubicBezTo>
                  <a:cubicBezTo>
                    <a:pt x="340" y="157"/>
                    <a:pt x="340" y="158"/>
                    <a:pt x="340" y="159"/>
                  </a:cubicBezTo>
                  <a:cubicBezTo>
                    <a:pt x="339" y="160"/>
                    <a:pt x="339" y="162"/>
                    <a:pt x="339" y="163"/>
                  </a:cubicBezTo>
                  <a:cubicBezTo>
                    <a:pt x="339" y="164"/>
                    <a:pt x="337" y="168"/>
                    <a:pt x="338" y="167"/>
                  </a:cubicBezTo>
                  <a:cubicBezTo>
                    <a:pt x="339" y="166"/>
                    <a:pt x="340" y="166"/>
                    <a:pt x="340" y="167"/>
                  </a:cubicBezTo>
                  <a:cubicBezTo>
                    <a:pt x="341" y="167"/>
                    <a:pt x="341" y="167"/>
                    <a:pt x="342" y="166"/>
                  </a:cubicBezTo>
                  <a:cubicBezTo>
                    <a:pt x="343" y="166"/>
                    <a:pt x="344" y="166"/>
                    <a:pt x="344" y="167"/>
                  </a:cubicBezTo>
                  <a:cubicBezTo>
                    <a:pt x="345" y="167"/>
                    <a:pt x="345" y="167"/>
                    <a:pt x="346" y="167"/>
                  </a:cubicBezTo>
                  <a:cubicBezTo>
                    <a:pt x="347" y="166"/>
                    <a:pt x="348" y="168"/>
                    <a:pt x="349" y="168"/>
                  </a:cubicBezTo>
                  <a:cubicBezTo>
                    <a:pt x="350" y="168"/>
                    <a:pt x="351" y="170"/>
                    <a:pt x="351" y="171"/>
                  </a:cubicBezTo>
                  <a:cubicBezTo>
                    <a:pt x="352" y="172"/>
                    <a:pt x="352" y="174"/>
                    <a:pt x="352" y="175"/>
                  </a:cubicBezTo>
                  <a:cubicBezTo>
                    <a:pt x="352" y="176"/>
                    <a:pt x="353" y="177"/>
                    <a:pt x="355" y="177"/>
                  </a:cubicBezTo>
                  <a:cubicBezTo>
                    <a:pt x="357" y="177"/>
                    <a:pt x="356" y="178"/>
                    <a:pt x="358" y="178"/>
                  </a:cubicBezTo>
                  <a:cubicBezTo>
                    <a:pt x="359" y="178"/>
                    <a:pt x="360" y="180"/>
                    <a:pt x="360" y="180"/>
                  </a:cubicBezTo>
                  <a:cubicBezTo>
                    <a:pt x="360" y="181"/>
                    <a:pt x="360" y="182"/>
                    <a:pt x="359" y="183"/>
                  </a:cubicBezTo>
                  <a:cubicBezTo>
                    <a:pt x="359" y="184"/>
                    <a:pt x="357" y="187"/>
                    <a:pt x="357" y="187"/>
                  </a:cubicBezTo>
                  <a:cubicBezTo>
                    <a:pt x="357" y="188"/>
                    <a:pt x="355" y="189"/>
                    <a:pt x="355" y="189"/>
                  </a:cubicBezTo>
                  <a:cubicBezTo>
                    <a:pt x="353" y="189"/>
                    <a:pt x="353" y="189"/>
                    <a:pt x="353" y="189"/>
                  </a:cubicBezTo>
                  <a:cubicBezTo>
                    <a:pt x="353" y="189"/>
                    <a:pt x="350" y="187"/>
                    <a:pt x="349" y="187"/>
                  </a:cubicBezTo>
                  <a:cubicBezTo>
                    <a:pt x="349" y="186"/>
                    <a:pt x="346" y="185"/>
                    <a:pt x="346" y="183"/>
                  </a:cubicBezTo>
                  <a:cubicBezTo>
                    <a:pt x="346" y="182"/>
                    <a:pt x="338" y="178"/>
                    <a:pt x="334" y="176"/>
                  </a:cubicBezTo>
                  <a:cubicBezTo>
                    <a:pt x="331" y="174"/>
                    <a:pt x="331" y="175"/>
                    <a:pt x="331" y="175"/>
                  </a:cubicBezTo>
                  <a:cubicBezTo>
                    <a:pt x="331" y="175"/>
                    <a:pt x="331" y="176"/>
                    <a:pt x="331" y="176"/>
                  </a:cubicBezTo>
                  <a:cubicBezTo>
                    <a:pt x="330" y="175"/>
                    <a:pt x="326" y="175"/>
                    <a:pt x="324" y="174"/>
                  </a:cubicBezTo>
                  <a:cubicBezTo>
                    <a:pt x="323" y="174"/>
                    <a:pt x="321" y="173"/>
                    <a:pt x="321" y="172"/>
                  </a:cubicBezTo>
                  <a:cubicBezTo>
                    <a:pt x="321" y="171"/>
                    <a:pt x="319" y="172"/>
                    <a:pt x="317" y="170"/>
                  </a:cubicBezTo>
                  <a:cubicBezTo>
                    <a:pt x="317" y="170"/>
                    <a:pt x="317" y="170"/>
                    <a:pt x="317" y="170"/>
                  </a:cubicBezTo>
                  <a:cubicBezTo>
                    <a:pt x="317" y="170"/>
                    <a:pt x="317" y="170"/>
                    <a:pt x="317" y="170"/>
                  </a:cubicBezTo>
                  <a:cubicBezTo>
                    <a:pt x="315" y="171"/>
                    <a:pt x="315" y="173"/>
                    <a:pt x="316" y="175"/>
                  </a:cubicBezTo>
                  <a:cubicBezTo>
                    <a:pt x="313" y="176"/>
                    <a:pt x="312" y="178"/>
                    <a:pt x="312" y="181"/>
                  </a:cubicBezTo>
                  <a:cubicBezTo>
                    <a:pt x="312" y="181"/>
                    <a:pt x="312" y="181"/>
                    <a:pt x="312" y="181"/>
                  </a:cubicBezTo>
                  <a:cubicBezTo>
                    <a:pt x="317" y="182"/>
                    <a:pt x="320" y="180"/>
                    <a:pt x="322" y="185"/>
                  </a:cubicBezTo>
                  <a:cubicBezTo>
                    <a:pt x="323" y="186"/>
                    <a:pt x="323" y="187"/>
                    <a:pt x="323" y="188"/>
                  </a:cubicBezTo>
                  <a:cubicBezTo>
                    <a:pt x="322" y="191"/>
                    <a:pt x="321" y="194"/>
                    <a:pt x="322" y="197"/>
                  </a:cubicBezTo>
                  <a:cubicBezTo>
                    <a:pt x="323" y="198"/>
                    <a:pt x="323" y="198"/>
                    <a:pt x="323" y="198"/>
                  </a:cubicBezTo>
                  <a:cubicBezTo>
                    <a:pt x="326" y="198"/>
                    <a:pt x="328" y="199"/>
                    <a:pt x="330" y="200"/>
                  </a:cubicBezTo>
                  <a:cubicBezTo>
                    <a:pt x="330" y="200"/>
                    <a:pt x="330" y="200"/>
                    <a:pt x="330" y="200"/>
                  </a:cubicBezTo>
                  <a:cubicBezTo>
                    <a:pt x="330" y="202"/>
                    <a:pt x="330" y="202"/>
                    <a:pt x="330" y="202"/>
                  </a:cubicBezTo>
                  <a:cubicBezTo>
                    <a:pt x="328" y="203"/>
                    <a:pt x="328" y="203"/>
                    <a:pt x="328" y="205"/>
                  </a:cubicBezTo>
                  <a:cubicBezTo>
                    <a:pt x="325" y="208"/>
                    <a:pt x="321" y="210"/>
                    <a:pt x="321" y="215"/>
                  </a:cubicBezTo>
                  <a:cubicBezTo>
                    <a:pt x="315" y="214"/>
                    <a:pt x="298" y="226"/>
                    <a:pt x="298" y="232"/>
                  </a:cubicBezTo>
                  <a:cubicBezTo>
                    <a:pt x="293" y="234"/>
                    <a:pt x="289" y="233"/>
                    <a:pt x="284" y="238"/>
                  </a:cubicBezTo>
                  <a:cubicBezTo>
                    <a:pt x="281" y="242"/>
                    <a:pt x="279" y="247"/>
                    <a:pt x="274" y="248"/>
                  </a:cubicBezTo>
                  <a:cubicBezTo>
                    <a:pt x="274" y="248"/>
                    <a:pt x="274" y="248"/>
                    <a:pt x="274" y="248"/>
                  </a:cubicBezTo>
                  <a:cubicBezTo>
                    <a:pt x="273" y="249"/>
                    <a:pt x="271" y="247"/>
                    <a:pt x="269" y="247"/>
                  </a:cubicBezTo>
                  <a:cubicBezTo>
                    <a:pt x="269" y="247"/>
                    <a:pt x="268" y="247"/>
                    <a:pt x="267" y="247"/>
                  </a:cubicBezTo>
                  <a:cubicBezTo>
                    <a:pt x="267" y="247"/>
                    <a:pt x="264" y="253"/>
                    <a:pt x="264" y="254"/>
                  </a:cubicBezTo>
                  <a:cubicBezTo>
                    <a:pt x="263" y="259"/>
                    <a:pt x="265" y="263"/>
                    <a:pt x="263" y="269"/>
                  </a:cubicBezTo>
                  <a:cubicBezTo>
                    <a:pt x="261" y="275"/>
                    <a:pt x="260" y="278"/>
                    <a:pt x="261" y="284"/>
                  </a:cubicBezTo>
                  <a:cubicBezTo>
                    <a:pt x="262" y="289"/>
                    <a:pt x="263" y="295"/>
                    <a:pt x="260" y="299"/>
                  </a:cubicBezTo>
                  <a:cubicBezTo>
                    <a:pt x="257" y="307"/>
                    <a:pt x="249" y="307"/>
                    <a:pt x="241" y="306"/>
                  </a:cubicBezTo>
                  <a:cubicBezTo>
                    <a:pt x="237" y="306"/>
                    <a:pt x="233" y="306"/>
                    <a:pt x="229" y="307"/>
                  </a:cubicBezTo>
                  <a:cubicBezTo>
                    <a:pt x="225" y="308"/>
                    <a:pt x="220" y="312"/>
                    <a:pt x="215" y="313"/>
                  </a:cubicBezTo>
                  <a:cubicBezTo>
                    <a:pt x="212" y="314"/>
                    <a:pt x="206" y="315"/>
                    <a:pt x="201" y="315"/>
                  </a:cubicBezTo>
                  <a:cubicBezTo>
                    <a:pt x="200" y="314"/>
                    <a:pt x="199" y="314"/>
                    <a:pt x="198" y="314"/>
                  </a:cubicBezTo>
                  <a:cubicBezTo>
                    <a:pt x="198" y="313"/>
                    <a:pt x="197" y="312"/>
                    <a:pt x="196" y="312"/>
                  </a:cubicBezTo>
                  <a:cubicBezTo>
                    <a:pt x="192" y="311"/>
                    <a:pt x="186" y="315"/>
                    <a:pt x="183" y="316"/>
                  </a:cubicBezTo>
                  <a:cubicBezTo>
                    <a:pt x="183" y="317"/>
                    <a:pt x="183" y="317"/>
                    <a:pt x="183" y="317"/>
                  </a:cubicBezTo>
                  <a:cubicBezTo>
                    <a:pt x="183" y="317"/>
                    <a:pt x="183" y="318"/>
                    <a:pt x="183" y="319"/>
                  </a:cubicBezTo>
                  <a:cubicBezTo>
                    <a:pt x="183" y="319"/>
                    <a:pt x="183" y="319"/>
                    <a:pt x="183" y="320"/>
                  </a:cubicBezTo>
                  <a:cubicBezTo>
                    <a:pt x="183" y="320"/>
                    <a:pt x="184" y="321"/>
                    <a:pt x="184" y="321"/>
                  </a:cubicBezTo>
                  <a:cubicBezTo>
                    <a:pt x="185" y="322"/>
                    <a:pt x="185" y="322"/>
                    <a:pt x="185" y="322"/>
                  </a:cubicBezTo>
                  <a:cubicBezTo>
                    <a:pt x="185" y="322"/>
                    <a:pt x="185" y="323"/>
                    <a:pt x="186" y="323"/>
                  </a:cubicBezTo>
                  <a:cubicBezTo>
                    <a:pt x="187" y="324"/>
                    <a:pt x="187" y="324"/>
                    <a:pt x="187" y="324"/>
                  </a:cubicBezTo>
                  <a:cubicBezTo>
                    <a:pt x="187" y="324"/>
                    <a:pt x="188" y="325"/>
                    <a:pt x="188" y="325"/>
                  </a:cubicBezTo>
                  <a:cubicBezTo>
                    <a:pt x="188" y="325"/>
                    <a:pt x="188" y="325"/>
                    <a:pt x="188" y="325"/>
                  </a:cubicBezTo>
                  <a:cubicBezTo>
                    <a:pt x="188" y="325"/>
                    <a:pt x="188" y="325"/>
                    <a:pt x="188" y="325"/>
                  </a:cubicBezTo>
                  <a:cubicBezTo>
                    <a:pt x="187" y="325"/>
                    <a:pt x="185" y="325"/>
                    <a:pt x="184" y="325"/>
                  </a:cubicBezTo>
                  <a:cubicBezTo>
                    <a:pt x="184" y="328"/>
                    <a:pt x="180" y="327"/>
                    <a:pt x="180" y="329"/>
                  </a:cubicBezTo>
                  <a:cubicBezTo>
                    <a:pt x="179" y="330"/>
                    <a:pt x="178" y="329"/>
                    <a:pt x="178" y="329"/>
                  </a:cubicBezTo>
                  <a:cubicBezTo>
                    <a:pt x="176" y="329"/>
                    <a:pt x="175" y="329"/>
                    <a:pt x="174" y="329"/>
                  </a:cubicBezTo>
                  <a:cubicBezTo>
                    <a:pt x="172" y="330"/>
                    <a:pt x="170" y="331"/>
                    <a:pt x="168" y="332"/>
                  </a:cubicBezTo>
                  <a:cubicBezTo>
                    <a:pt x="163" y="334"/>
                    <a:pt x="162" y="334"/>
                    <a:pt x="161" y="340"/>
                  </a:cubicBezTo>
                  <a:cubicBezTo>
                    <a:pt x="160" y="340"/>
                    <a:pt x="159" y="340"/>
                    <a:pt x="159" y="339"/>
                  </a:cubicBezTo>
                  <a:cubicBezTo>
                    <a:pt x="158" y="339"/>
                    <a:pt x="158" y="338"/>
                    <a:pt x="157" y="337"/>
                  </a:cubicBezTo>
                  <a:cubicBezTo>
                    <a:pt x="156" y="337"/>
                    <a:pt x="156" y="337"/>
                    <a:pt x="156" y="337"/>
                  </a:cubicBezTo>
                  <a:cubicBezTo>
                    <a:pt x="154" y="336"/>
                    <a:pt x="150" y="334"/>
                    <a:pt x="148" y="332"/>
                  </a:cubicBezTo>
                  <a:cubicBezTo>
                    <a:pt x="148" y="331"/>
                    <a:pt x="148" y="330"/>
                    <a:pt x="147" y="330"/>
                  </a:cubicBezTo>
                  <a:cubicBezTo>
                    <a:pt x="147" y="327"/>
                    <a:pt x="149" y="324"/>
                    <a:pt x="149" y="322"/>
                  </a:cubicBezTo>
                  <a:cubicBezTo>
                    <a:pt x="149" y="322"/>
                    <a:pt x="149" y="322"/>
                    <a:pt x="149" y="322"/>
                  </a:cubicBezTo>
                  <a:cubicBezTo>
                    <a:pt x="149" y="322"/>
                    <a:pt x="149" y="322"/>
                    <a:pt x="149" y="322"/>
                  </a:cubicBezTo>
                  <a:cubicBezTo>
                    <a:pt x="150" y="322"/>
                    <a:pt x="150" y="322"/>
                    <a:pt x="150" y="322"/>
                  </a:cubicBezTo>
                  <a:cubicBezTo>
                    <a:pt x="149" y="320"/>
                    <a:pt x="149" y="318"/>
                    <a:pt x="149" y="316"/>
                  </a:cubicBezTo>
                  <a:cubicBezTo>
                    <a:pt x="147" y="315"/>
                    <a:pt x="144" y="314"/>
                    <a:pt x="142" y="313"/>
                  </a:cubicBezTo>
                  <a:cubicBezTo>
                    <a:pt x="139" y="311"/>
                    <a:pt x="138" y="311"/>
                    <a:pt x="135" y="313"/>
                  </a:cubicBezTo>
                  <a:cubicBezTo>
                    <a:pt x="132" y="315"/>
                    <a:pt x="132" y="317"/>
                    <a:pt x="131" y="320"/>
                  </a:cubicBezTo>
                  <a:cubicBezTo>
                    <a:pt x="131" y="323"/>
                    <a:pt x="129" y="324"/>
                    <a:pt x="127" y="326"/>
                  </a:cubicBezTo>
                  <a:cubicBezTo>
                    <a:pt x="127" y="326"/>
                    <a:pt x="127" y="326"/>
                    <a:pt x="127" y="326"/>
                  </a:cubicBezTo>
                  <a:cubicBezTo>
                    <a:pt x="128" y="327"/>
                    <a:pt x="131" y="327"/>
                    <a:pt x="132" y="328"/>
                  </a:cubicBezTo>
                  <a:cubicBezTo>
                    <a:pt x="134" y="330"/>
                    <a:pt x="133" y="331"/>
                    <a:pt x="133" y="333"/>
                  </a:cubicBezTo>
                  <a:cubicBezTo>
                    <a:pt x="133" y="334"/>
                    <a:pt x="134" y="337"/>
                    <a:pt x="134" y="338"/>
                  </a:cubicBezTo>
                  <a:cubicBezTo>
                    <a:pt x="135" y="340"/>
                    <a:pt x="137" y="341"/>
                    <a:pt x="137" y="343"/>
                  </a:cubicBezTo>
                  <a:cubicBezTo>
                    <a:pt x="137" y="344"/>
                    <a:pt x="137" y="344"/>
                    <a:pt x="137" y="345"/>
                  </a:cubicBezTo>
                  <a:cubicBezTo>
                    <a:pt x="135" y="350"/>
                    <a:pt x="123" y="353"/>
                    <a:pt x="126" y="359"/>
                  </a:cubicBezTo>
                  <a:cubicBezTo>
                    <a:pt x="126" y="359"/>
                    <a:pt x="126" y="359"/>
                    <a:pt x="127" y="359"/>
                  </a:cubicBezTo>
                  <a:cubicBezTo>
                    <a:pt x="130" y="359"/>
                    <a:pt x="132" y="360"/>
                    <a:pt x="135" y="360"/>
                  </a:cubicBezTo>
                  <a:cubicBezTo>
                    <a:pt x="137" y="361"/>
                    <a:pt x="139" y="361"/>
                    <a:pt x="139" y="362"/>
                  </a:cubicBezTo>
                  <a:cubicBezTo>
                    <a:pt x="139" y="363"/>
                    <a:pt x="138" y="363"/>
                    <a:pt x="138" y="364"/>
                  </a:cubicBezTo>
                  <a:cubicBezTo>
                    <a:pt x="136" y="367"/>
                    <a:pt x="134" y="365"/>
                    <a:pt x="131" y="367"/>
                  </a:cubicBezTo>
                  <a:cubicBezTo>
                    <a:pt x="128" y="369"/>
                    <a:pt x="131" y="372"/>
                    <a:pt x="131" y="375"/>
                  </a:cubicBezTo>
                  <a:cubicBezTo>
                    <a:pt x="132" y="375"/>
                    <a:pt x="134" y="376"/>
                    <a:pt x="135" y="376"/>
                  </a:cubicBezTo>
                  <a:cubicBezTo>
                    <a:pt x="136" y="376"/>
                    <a:pt x="138" y="377"/>
                    <a:pt x="138" y="377"/>
                  </a:cubicBezTo>
                  <a:cubicBezTo>
                    <a:pt x="138" y="377"/>
                    <a:pt x="138" y="377"/>
                    <a:pt x="138" y="377"/>
                  </a:cubicBezTo>
                  <a:cubicBezTo>
                    <a:pt x="140" y="377"/>
                    <a:pt x="139" y="376"/>
                    <a:pt x="140" y="375"/>
                  </a:cubicBezTo>
                  <a:cubicBezTo>
                    <a:pt x="142" y="375"/>
                    <a:pt x="143" y="375"/>
                    <a:pt x="145" y="375"/>
                  </a:cubicBezTo>
                  <a:cubicBezTo>
                    <a:pt x="147" y="374"/>
                    <a:pt x="148" y="373"/>
                    <a:pt x="150" y="372"/>
                  </a:cubicBezTo>
                  <a:cubicBezTo>
                    <a:pt x="154" y="371"/>
                    <a:pt x="157" y="373"/>
                    <a:pt x="160" y="375"/>
                  </a:cubicBezTo>
                  <a:cubicBezTo>
                    <a:pt x="161" y="375"/>
                    <a:pt x="161" y="376"/>
                    <a:pt x="162" y="377"/>
                  </a:cubicBezTo>
                  <a:cubicBezTo>
                    <a:pt x="162" y="377"/>
                    <a:pt x="163" y="377"/>
                    <a:pt x="163" y="376"/>
                  </a:cubicBezTo>
                  <a:cubicBezTo>
                    <a:pt x="163" y="376"/>
                    <a:pt x="164" y="376"/>
                    <a:pt x="164" y="376"/>
                  </a:cubicBezTo>
                  <a:cubicBezTo>
                    <a:pt x="164" y="376"/>
                    <a:pt x="164" y="376"/>
                    <a:pt x="164" y="376"/>
                  </a:cubicBezTo>
                  <a:cubicBezTo>
                    <a:pt x="166" y="377"/>
                    <a:pt x="166" y="380"/>
                    <a:pt x="165" y="381"/>
                  </a:cubicBezTo>
                  <a:cubicBezTo>
                    <a:pt x="165" y="381"/>
                    <a:pt x="165" y="381"/>
                    <a:pt x="165" y="381"/>
                  </a:cubicBezTo>
                  <a:cubicBezTo>
                    <a:pt x="170" y="380"/>
                    <a:pt x="170" y="383"/>
                    <a:pt x="173" y="385"/>
                  </a:cubicBezTo>
                  <a:cubicBezTo>
                    <a:pt x="174" y="386"/>
                    <a:pt x="174" y="386"/>
                    <a:pt x="175" y="386"/>
                  </a:cubicBezTo>
                  <a:cubicBezTo>
                    <a:pt x="175" y="386"/>
                    <a:pt x="175" y="386"/>
                    <a:pt x="175" y="386"/>
                  </a:cubicBezTo>
                  <a:cubicBezTo>
                    <a:pt x="176" y="387"/>
                    <a:pt x="177" y="387"/>
                    <a:pt x="178" y="387"/>
                  </a:cubicBezTo>
                  <a:cubicBezTo>
                    <a:pt x="178" y="388"/>
                    <a:pt x="179" y="388"/>
                    <a:pt x="179" y="388"/>
                  </a:cubicBezTo>
                  <a:cubicBezTo>
                    <a:pt x="180" y="389"/>
                    <a:pt x="181" y="389"/>
                    <a:pt x="182" y="389"/>
                  </a:cubicBezTo>
                  <a:cubicBezTo>
                    <a:pt x="183" y="390"/>
                    <a:pt x="184" y="390"/>
                    <a:pt x="185" y="389"/>
                  </a:cubicBezTo>
                  <a:cubicBezTo>
                    <a:pt x="186" y="389"/>
                    <a:pt x="188" y="389"/>
                    <a:pt x="189" y="388"/>
                  </a:cubicBezTo>
                  <a:cubicBezTo>
                    <a:pt x="190" y="388"/>
                    <a:pt x="191" y="388"/>
                    <a:pt x="191" y="388"/>
                  </a:cubicBezTo>
                  <a:cubicBezTo>
                    <a:pt x="191" y="387"/>
                    <a:pt x="191" y="387"/>
                    <a:pt x="191" y="387"/>
                  </a:cubicBezTo>
                  <a:cubicBezTo>
                    <a:pt x="192" y="387"/>
                    <a:pt x="193" y="387"/>
                    <a:pt x="193" y="386"/>
                  </a:cubicBezTo>
                  <a:cubicBezTo>
                    <a:pt x="193" y="385"/>
                    <a:pt x="194" y="381"/>
                    <a:pt x="196" y="382"/>
                  </a:cubicBezTo>
                  <a:cubicBezTo>
                    <a:pt x="196" y="382"/>
                    <a:pt x="196" y="382"/>
                    <a:pt x="196" y="382"/>
                  </a:cubicBezTo>
                  <a:cubicBezTo>
                    <a:pt x="197" y="383"/>
                    <a:pt x="195" y="386"/>
                    <a:pt x="195" y="388"/>
                  </a:cubicBezTo>
                  <a:cubicBezTo>
                    <a:pt x="195" y="388"/>
                    <a:pt x="195" y="388"/>
                    <a:pt x="195" y="388"/>
                  </a:cubicBezTo>
                  <a:cubicBezTo>
                    <a:pt x="197" y="388"/>
                    <a:pt x="199" y="387"/>
                    <a:pt x="200" y="387"/>
                  </a:cubicBezTo>
                  <a:cubicBezTo>
                    <a:pt x="200" y="387"/>
                    <a:pt x="200" y="387"/>
                    <a:pt x="200" y="387"/>
                  </a:cubicBezTo>
                  <a:cubicBezTo>
                    <a:pt x="203" y="392"/>
                    <a:pt x="197" y="390"/>
                    <a:pt x="196" y="392"/>
                  </a:cubicBezTo>
                  <a:cubicBezTo>
                    <a:pt x="197" y="392"/>
                    <a:pt x="197" y="392"/>
                    <a:pt x="197" y="392"/>
                  </a:cubicBezTo>
                  <a:cubicBezTo>
                    <a:pt x="199" y="392"/>
                    <a:pt x="202" y="393"/>
                    <a:pt x="204" y="390"/>
                  </a:cubicBezTo>
                  <a:cubicBezTo>
                    <a:pt x="205" y="391"/>
                    <a:pt x="205" y="391"/>
                    <a:pt x="205" y="391"/>
                  </a:cubicBezTo>
                  <a:cubicBezTo>
                    <a:pt x="205" y="391"/>
                    <a:pt x="205" y="391"/>
                    <a:pt x="205" y="391"/>
                  </a:cubicBezTo>
                  <a:cubicBezTo>
                    <a:pt x="205" y="390"/>
                    <a:pt x="205" y="390"/>
                    <a:pt x="205" y="390"/>
                  </a:cubicBezTo>
                  <a:cubicBezTo>
                    <a:pt x="205" y="391"/>
                    <a:pt x="204" y="391"/>
                    <a:pt x="204" y="391"/>
                  </a:cubicBezTo>
                  <a:cubicBezTo>
                    <a:pt x="204" y="392"/>
                    <a:pt x="204" y="392"/>
                    <a:pt x="204" y="392"/>
                  </a:cubicBezTo>
                  <a:cubicBezTo>
                    <a:pt x="204" y="392"/>
                    <a:pt x="206" y="394"/>
                    <a:pt x="206" y="396"/>
                  </a:cubicBezTo>
                  <a:cubicBezTo>
                    <a:pt x="206" y="396"/>
                    <a:pt x="206" y="396"/>
                    <a:pt x="206" y="396"/>
                  </a:cubicBezTo>
                  <a:cubicBezTo>
                    <a:pt x="205" y="399"/>
                    <a:pt x="201" y="399"/>
                    <a:pt x="201" y="403"/>
                  </a:cubicBezTo>
                  <a:cubicBezTo>
                    <a:pt x="200" y="403"/>
                    <a:pt x="199" y="402"/>
                    <a:pt x="198" y="402"/>
                  </a:cubicBezTo>
                  <a:cubicBezTo>
                    <a:pt x="198" y="402"/>
                    <a:pt x="197" y="402"/>
                    <a:pt x="197" y="402"/>
                  </a:cubicBezTo>
                  <a:cubicBezTo>
                    <a:pt x="197" y="402"/>
                    <a:pt x="197" y="402"/>
                    <a:pt x="197" y="402"/>
                  </a:cubicBezTo>
                  <a:cubicBezTo>
                    <a:pt x="203" y="405"/>
                    <a:pt x="199" y="412"/>
                    <a:pt x="199" y="417"/>
                  </a:cubicBezTo>
                  <a:cubicBezTo>
                    <a:pt x="198" y="418"/>
                    <a:pt x="198" y="418"/>
                    <a:pt x="198" y="418"/>
                  </a:cubicBezTo>
                  <a:cubicBezTo>
                    <a:pt x="198" y="418"/>
                    <a:pt x="198" y="418"/>
                    <a:pt x="198" y="418"/>
                  </a:cubicBezTo>
                  <a:cubicBezTo>
                    <a:pt x="198" y="417"/>
                    <a:pt x="198" y="417"/>
                    <a:pt x="198" y="417"/>
                  </a:cubicBezTo>
                  <a:cubicBezTo>
                    <a:pt x="197" y="416"/>
                    <a:pt x="196" y="416"/>
                    <a:pt x="195" y="415"/>
                  </a:cubicBezTo>
                  <a:cubicBezTo>
                    <a:pt x="194" y="415"/>
                    <a:pt x="194" y="415"/>
                    <a:pt x="193" y="415"/>
                  </a:cubicBezTo>
                  <a:cubicBezTo>
                    <a:pt x="192" y="414"/>
                    <a:pt x="190" y="414"/>
                    <a:pt x="189" y="413"/>
                  </a:cubicBezTo>
                  <a:cubicBezTo>
                    <a:pt x="189" y="413"/>
                    <a:pt x="189" y="413"/>
                    <a:pt x="189" y="413"/>
                  </a:cubicBezTo>
                  <a:cubicBezTo>
                    <a:pt x="189" y="412"/>
                    <a:pt x="189" y="412"/>
                    <a:pt x="189" y="412"/>
                  </a:cubicBezTo>
                  <a:cubicBezTo>
                    <a:pt x="187" y="412"/>
                    <a:pt x="186" y="412"/>
                    <a:pt x="185" y="412"/>
                  </a:cubicBezTo>
                  <a:cubicBezTo>
                    <a:pt x="185" y="412"/>
                    <a:pt x="185" y="412"/>
                    <a:pt x="185" y="412"/>
                  </a:cubicBezTo>
                  <a:cubicBezTo>
                    <a:pt x="185" y="412"/>
                    <a:pt x="185" y="411"/>
                    <a:pt x="185" y="411"/>
                  </a:cubicBezTo>
                  <a:cubicBezTo>
                    <a:pt x="182" y="410"/>
                    <a:pt x="181" y="411"/>
                    <a:pt x="179" y="411"/>
                  </a:cubicBezTo>
                  <a:cubicBezTo>
                    <a:pt x="178" y="411"/>
                    <a:pt x="178" y="411"/>
                    <a:pt x="177" y="411"/>
                  </a:cubicBezTo>
                  <a:cubicBezTo>
                    <a:pt x="176" y="410"/>
                    <a:pt x="175" y="410"/>
                    <a:pt x="174" y="412"/>
                  </a:cubicBezTo>
                  <a:cubicBezTo>
                    <a:pt x="173" y="412"/>
                    <a:pt x="173" y="412"/>
                    <a:pt x="172" y="412"/>
                  </a:cubicBezTo>
                  <a:cubicBezTo>
                    <a:pt x="171" y="412"/>
                    <a:pt x="170" y="412"/>
                    <a:pt x="169" y="412"/>
                  </a:cubicBezTo>
                  <a:cubicBezTo>
                    <a:pt x="169" y="412"/>
                    <a:pt x="168" y="412"/>
                    <a:pt x="168" y="412"/>
                  </a:cubicBezTo>
                  <a:cubicBezTo>
                    <a:pt x="168" y="411"/>
                    <a:pt x="167" y="411"/>
                    <a:pt x="167" y="411"/>
                  </a:cubicBezTo>
                  <a:cubicBezTo>
                    <a:pt x="167" y="410"/>
                    <a:pt x="166" y="411"/>
                    <a:pt x="166" y="411"/>
                  </a:cubicBezTo>
                  <a:cubicBezTo>
                    <a:pt x="165" y="412"/>
                    <a:pt x="166" y="413"/>
                    <a:pt x="167" y="414"/>
                  </a:cubicBezTo>
                  <a:cubicBezTo>
                    <a:pt x="168" y="415"/>
                    <a:pt x="168" y="415"/>
                    <a:pt x="168" y="415"/>
                  </a:cubicBezTo>
                  <a:cubicBezTo>
                    <a:pt x="168" y="415"/>
                    <a:pt x="169" y="416"/>
                    <a:pt x="169" y="416"/>
                  </a:cubicBezTo>
                  <a:cubicBezTo>
                    <a:pt x="169" y="420"/>
                    <a:pt x="164" y="419"/>
                    <a:pt x="162" y="421"/>
                  </a:cubicBezTo>
                  <a:cubicBezTo>
                    <a:pt x="161" y="420"/>
                    <a:pt x="160" y="419"/>
                    <a:pt x="159" y="419"/>
                  </a:cubicBezTo>
                  <a:cubicBezTo>
                    <a:pt x="158" y="419"/>
                    <a:pt x="157" y="419"/>
                    <a:pt x="156" y="420"/>
                  </a:cubicBezTo>
                  <a:cubicBezTo>
                    <a:pt x="154" y="421"/>
                    <a:pt x="152" y="421"/>
                    <a:pt x="149" y="422"/>
                  </a:cubicBezTo>
                  <a:cubicBezTo>
                    <a:pt x="149" y="426"/>
                    <a:pt x="145" y="424"/>
                    <a:pt x="144" y="427"/>
                  </a:cubicBezTo>
                  <a:cubicBezTo>
                    <a:pt x="144" y="428"/>
                    <a:pt x="144" y="429"/>
                    <a:pt x="144" y="429"/>
                  </a:cubicBezTo>
                  <a:cubicBezTo>
                    <a:pt x="144" y="430"/>
                    <a:pt x="145" y="430"/>
                    <a:pt x="145" y="430"/>
                  </a:cubicBezTo>
                  <a:cubicBezTo>
                    <a:pt x="145" y="431"/>
                    <a:pt x="145" y="431"/>
                    <a:pt x="145" y="431"/>
                  </a:cubicBezTo>
                  <a:cubicBezTo>
                    <a:pt x="147" y="432"/>
                    <a:pt x="148" y="433"/>
                    <a:pt x="149" y="434"/>
                  </a:cubicBezTo>
                  <a:cubicBezTo>
                    <a:pt x="149" y="434"/>
                    <a:pt x="149" y="434"/>
                    <a:pt x="149" y="434"/>
                  </a:cubicBezTo>
                  <a:cubicBezTo>
                    <a:pt x="149" y="435"/>
                    <a:pt x="146" y="436"/>
                    <a:pt x="147" y="438"/>
                  </a:cubicBezTo>
                  <a:cubicBezTo>
                    <a:pt x="148" y="439"/>
                    <a:pt x="150" y="438"/>
                    <a:pt x="151" y="438"/>
                  </a:cubicBezTo>
                  <a:cubicBezTo>
                    <a:pt x="151" y="438"/>
                    <a:pt x="152" y="439"/>
                    <a:pt x="152" y="439"/>
                  </a:cubicBezTo>
                  <a:cubicBezTo>
                    <a:pt x="152" y="439"/>
                    <a:pt x="152" y="439"/>
                    <a:pt x="152" y="439"/>
                  </a:cubicBezTo>
                  <a:cubicBezTo>
                    <a:pt x="153" y="440"/>
                    <a:pt x="155" y="440"/>
                    <a:pt x="156" y="441"/>
                  </a:cubicBezTo>
                  <a:cubicBezTo>
                    <a:pt x="157" y="441"/>
                    <a:pt x="157" y="441"/>
                    <a:pt x="157" y="440"/>
                  </a:cubicBezTo>
                  <a:cubicBezTo>
                    <a:pt x="157" y="440"/>
                    <a:pt x="158" y="440"/>
                    <a:pt x="158" y="440"/>
                  </a:cubicBezTo>
                  <a:cubicBezTo>
                    <a:pt x="159" y="441"/>
                    <a:pt x="159" y="441"/>
                    <a:pt x="159" y="441"/>
                  </a:cubicBezTo>
                  <a:cubicBezTo>
                    <a:pt x="159" y="441"/>
                    <a:pt x="159" y="442"/>
                    <a:pt x="160" y="442"/>
                  </a:cubicBezTo>
                  <a:cubicBezTo>
                    <a:pt x="161" y="442"/>
                    <a:pt x="161" y="442"/>
                    <a:pt x="162" y="443"/>
                  </a:cubicBezTo>
                  <a:cubicBezTo>
                    <a:pt x="164" y="444"/>
                    <a:pt x="169" y="446"/>
                    <a:pt x="171" y="447"/>
                  </a:cubicBezTo>
                  <a:cubicBezTo>
                    <a:pt x="172" y="448"/>
                    <a:pt x="173" y="449"/>
                    <a:pt x="173" y="449"/>
                  </a:cubicBezTo>
                  <a:cubicBezTo>
                    <a:pt x="173" y="449"/>
                    <a:pt x="173" y="449"/>
                    <a:pt x="173" y="449"/>
                  </a:cubicBezTo>
                  <a:cubicBezTo>
                    <a:pt x="173" y="449"/>
                    <a:pt x="174" y="449"/>
                    <a:pt x="174" y="450"/>
                  </a:cubicBezTo>
                  <a:cubicBezTo>
                    <a:pt x="175" y="449"/>
                    <a:pt x="176" y="449"/>
                    <a:pt x="177" y="448"/>
                  </a:cubicBezTo>
                  <a:cubicBezTo>
                    <a:pt x="177" y="447"/>
                    <a:pt x="178" y="445"/>
                    <a:pt x="179" y="444"/>
                  </a:cubicBezTo>
                  <a:cubicBezTo>
                    <a:pt x="178" y="445"/>
                    <a:pt x="177" y="447"/>
                    <a:pt x="177" y="448"/>
                  </a:cubicBezTo>
                  <a:cubicBezTo>
                    <a:pt x="177" y="448"/>
                    <a:pt x="177" y="448"/>
                    <a:pt x="177" y="448"/>
                  </a:cubicBezTo>
                  <a:cubicBezTo>
                    <a:pt x="176" y="449"/>
                    <a:pt x="174" y="449"/>
                    <a:pt x="174" y="450"/>
                  </a:cubicBezTo>
                  <a:cubicBezTo>
                    <a:pt x="174" y="450"/>
                    <a:pt x="174" y="450"/>
                    <a:pt x="174" y="450"/>
                  </a:cubicBezTo>
                  <a:cubicBezTo>
                    <a:pt x="171" y="453"/>
                    <a:pt x="168" y="455"/>
                    <a:pt x="164" y="458"/>
                  </a:cubicBezTo>
                  <a:cubicBezTo>
                    <a:pt x="161" y="460"/>
                    <a:pt x="156" y="461"/>
                    <a:pt x="153" y="464"/>
                  </a:cubicBezTo>
                  <a:cubicBezTo>
                    <a:pt x="150" y="467"/>
                    <a:pt x="154" y="472"/>
                    <a:pt x="152" y="475"/>
                  </a:cubicBezTo>
                  <a:cubicBezTo>
                    <a:pt x="150" y="477"/>
                    <a:pt x="149" y="477"/>
                    <a:pt x="148" y="476"/>
                  </a:cubicBezTo>
                  <a:cubicBezTo>
                    <a:pt x="146" y="474"/>
                    <a:pt x="144" y="471"/>
                    <a:pt x="142" y="470"/>
                  </a:cubicBezTo>
                  <a:cubicBezTo>
                    <a:pt x="141" y="469"/>
                    <a:pt x="138" y="469"/>
                    <a:pt x="137" y="470"/>
                  </a:cubicBezTo>
                  <a:cubicBezTo>
                    <a:pt x="134" y="471"/>
                    <a:pt x="136" y="472"/>
                    <a:pt x="135" y="474"/>
                  </a:cubicBezTo>
                  <a:cubicBezTo>
                    <a:pt x="133" y="477"/>
                    <a:pt x="131" y="478"/>
                    <a:pt x="131" y="481"/>
                  </a:cubicBezTo>
                  <a:cubicBezTo>
                    <a:pt x="131" y="483"/>
                    <a:pt x="132" y="484"/>
                    <a:pt x="132" y="486"/>
                  </a:cubicBezTo>
                  <a:cubicBezTo>
                    <a:pt x="132" y="489"/>
                    <a:pt x="130" y="490"/>
                    <a:pt x="130" y="492"/>
                  </a:cubicBezTo>
                  <a:cubicBezTo>
                    <a:pt x="129" y="493"/>
                    <a:pt x="129" y="494"/>
                    <a:pt x="130" y="495"/>
                  </a:cubicBezTo>
                  <a:cubicBezTo>
                    <a:pt x="130" y="496"/>
                    <a:pt x="132" y="496"/>
                    <a:pt x="133" y="497"/>
                  </a:cubicBezTo>
                  <a:cubicBezTo>
                    <a:pt x="133" y="498"/>
                    <a:pt x="133" y="498"/>
                    <a:pt x="133" y="498"/>
                  </a:cubicBezTo>
                  <a:cubicBezTo>
                    <a:pt x="134" y="498"/>
                    <a:pt x="134" y="498"/>
                    <a:pt x="134" y="498"/>
                  </a:cubicBezTo>
                  <a:cubicBezTo>
                    <a:pt x="135" y="499"/>
                    <a:pt x="135" y="502"/>
                    <a:pt x="136" y="503"/>
                  </a:cubicBezTo>
                  <a:cubicBezTo>
                    <a:pt x="139" y="502"/>
                    <a:pt x="143" y="502"/>
                    <a:pt x="146" y="505"/>
                  </a:cubicBezTo>
                  <a:cubicBezTo>
                    <a:pt x="146" y="506"/>
                    <a:pt x="147" y="507"/>
                    <a:pt x="147" y="508"/>
                  </a:cubicBezTo>
                  <a:cubicBezTo>
                    <a:pt x="148" y="509"/>
                    <a:pt x="148" y="511"/>
                    <a:pt x="149" y="512"/>
                  </a:cubicBezTo>
                  <a:cubicBezTo>
                    <a:pt x="151" y="514"/>
                    <a:pt x="152" y="515"/>
                    <a:pt x="152" y="517"/>
                  </a:cubicBezTo>
                  <a:cubicBezTo>
                    <a:pt x="151" y="517"/>
                    <a:pt x="151" y="517"/>
                    <a:pt x="150" y="518"/>
                  </a:cubicBezTo>
                  <a:cubicBezTo>
                    <a:pt x="150" y="518"/>
                    <a:pt x="150" y="518"/>
                    <a:pt x="150" y="518"/>
                  </a:cubicBezTo>
                  <a:cubicBezTo>
                    <a:pt x="149" y="518"/>
                    <a:pt x="149" y="518"/>
                    <a:pt x="149" y="518"/>
                  </a:cubicBezTo>
                  <a:cubicBezTo>
                    <a:pt x="149" y="519"/>
                    <a:pt x="149" y="519"/>
                    <a:pt x="149" y="519"/>
                  </a:cubicBezTo>
                  <a:cubicBezTo>
                    <a:pt x="149" y="519"/>
                    <a:pt x="149" y="519"/>
                    <a:pt x="149" y="519"/>
                  </a:cubicBezTo>
                  <a:cubicBezTo>
                    <a:pt x="149" y="520"/>
                    <a:pt x="149" y="520"/>
                    <a:pt x="149" y="520"/>
                  </a:cubicBezTo>
                  <a:cubicBezTo>
                    <a:pt x="150" y="521"/>
                    <a:pt x="150" y="521"/>
                    <a:pt x="150" y="521"/>
                  </a:cubicBezTo>
                  <a:cubicBezTo>
                    <a:pt x="150" y="521"/>
                    <a:pt x="150" y="521"/>
                    <a:pt x="150" y="521"/>
                  </a:cubicBezTo>
                  <a:cubicBezTo>
                    <a:pt x="151" y="522"/>
                    <a:pt x="151" y="522"/>
                    <a:pt x="151" y="522"/>
                  </a:cubicBezTo>
                  <a:cubicBezTo>
                    <a:pt x="152" y="522"/>
                    <a:pt x="152" y="522"/>
                    <a:pt x="152" y="522"/>
                  </a:cubicBezTo>
                  <a:cubicBezTo>
                    <a:pt x="152" y="523"/>
                    <a:pt x="152" y="523"/>
                    <a:pt x="152" y="523"/>
                  </a:cubicBezTo>
                  <a:cubicBezTo>
                    <a:pt x="153" y="523"/>
                    <a:pt x="154" y="524"/>
                    <a:pt x="154" y="524"/>
                  </a:cubicBezTo>
                  <a:cubicBezTo>
                    <a:pt x="159" y="523"/>
                    <a:pt x="165" y="521"/>
                    <a:pt x="168" y="520"/>
                  </a:cubicBezTo>
                  <a:cubicBezTo>
                    <a:pt x="170" y="519"/>
                    <a:pt x="172" y="516"/>
                    <a:pt x="174" y="515"/>
                  </a:cubicBezTo>
                  <a:cubicBezTo>
                    <a:pt x="178" y="514"/>
                    <a:pt x="179" y="517"/>
                    <a:pt x="182" y="518"/>
                  </a:cubicBezTo>
                  <a:cubicBezTo>
                    <a:pt x="184" y="518"/>
                    <a:pt x="186" y="518"/>
                    <a:pt x="188" y="517"/>
                  </a:cubicBezTo>
                  <a:cubicBezTo>
                    <a:pt x="192" y="516"/>
                    <a:pt x="195" y="515"/>
                    <a:pt x="197" y="520"/>
                  </a:cubicBezTo>
                  <a:cubicBezTo>
                    <a:pt x="199" y="524"/>
                    <a:pt x="192" y="534"/>
                    <a:pt x="198" y="537"/>
                  </a:cubicBezTo>
                  <a:cubicBezTo>
                    <a:pt x="198" y="537"/>
                    <a:pt x="197" y="538"/>
                    <a:pt x="197" y="538"/>
                  </a:cubicBezTo>
                  <a:cubicBezTo>
                    <a:pt x="197" y="539"/>
                    <a:pt x="197" y="539"/>
                    <a:pt x="197" y="539"/>
                  </a:cubicBezTo>
                  <a:cubicBezTo>
                    <a:pt x="191" y="539"/>
                    <a:pt x="185" y="535"/>
                    <a:pt x="181" y="536"/>
                  </a:cubicBezTo>
                  <a:cubicBezTo>
                    <a:pt x="171" y="538"/>
                    <a:pt x="177" y="543"/>
                    <a:pt x="177" y="548"/>
                  </a:cubicBezTo>
                  <a:cubicBezTo>
                    <a:pt x="174" y="548"/>
                    <a:pt x="174" y="544"/>
                    <a:pt x="171" y="545"/>
                  </a:cubicBezTo>
                  <a:cubicBezTo>
                    <a:pt x="168" y="545"/>
                    <a:pt x="166" y="549"/>
                    <a:pt x="167" y="552"/>
                  </a:cubicBezTo>
                  <a:cubicBezTo>
                    <a:pt x="168" y="553"/>
                    <a:pt x="173" y="554"/>
                    <a:pt x="175" y="556"/>
                  </a:cubicBezTo>
                  <a:cubicBezTo>
                    <a:pt x="177" y="558"/>
                    <a:pt x="179" y="560"/>
                    <a:pt x="178" y="563"/>
                  </a:cubicBezTo>
                  <a:cubicBezTo>
                    <a:pt x="180" y="564"/>
                    <a:pt x="184" y="567"/>
                    <a:pt x="186" y="568"/>
                  </a:cubicBezTo>
                  <a:cubicBezTo>
                    <a:pt x="189" y="570"/>
                    <a:pt x="192" y="570"/>
                    <a:pt x="194" y="575"/>
                  </a:cubicBezTo>
                  <a:cubicBezTo>
                    <a:pt x="192" y="575"/>
                    <a:pt x="191" y="577"/>
                    <a:pt x="190" y="578"/>
                  </a:cubicBezTo>
                  <a:cubicBezTo>
                    <a:pt x="190" y="579"/>
                    <a:pt x="190" y="580"/>
                    <a:pt x="190" y="580"/>
                  </a:cubicBezTo>
                  <a:cubicBezTo>
                    <a:pt x="190" y="581"/>
                    <a:pt x="190" y="581"/>
                    <a:pt x="190" y="583"/>
                  </a:cubicBezTo>
                  <a:cubicBezTo>
                    <a:pt x="197" y="589"/>
                    <a:pt x="193" y="602"/>
                    <a:pt x="194" y="609"/>
                  </a:cubicBezTo>
                  <a:cubicBezTo>
                    <a:pt x="195" y="608"/>
                    <a:pt x="197" y="608"/>
                    <a:pt x="198" y="607"/>
                  </a:cubicBezTo>
                  <a:cubicBezTo>
                    <a:pt x="199" y="608"/>
                    <a:pt x="199" y="608"/>
                    <a:pt x="199" y="608"/>
                  </a:cubicBezTo>
                  <a:cubicBezTo>
                    <a:pt x="194" y="612"/>
                    <a:pt x="200" y="613"/>
                    <a:pt x="203" y="616"/>
                  </a:cubicBezTo>
                  <a:cubicBezTo>
                    <a:pt x="208" y="621"/>
                    <a:pt x="204" y="621"/>
                    <a:pt x="203" y="627"/>
                  </a:cubicBezTo>
                  <a:cubicBezTo>
                    <a:pt x="203" y="629"/>
                    <a:pt x="204" y="634"/>
                    <a:pt x="205" y="638"/>
                  </a:cubicBezTo>
                  <a:cubicBezTo>
                    <a:pt x="205" y="638"/>
                    <a:pt x="205" y="637"/>
                    <a:pt x="205" y="637"/>
                  </a:cubicBezTo>
                  <a:cubicBezTo>
                    <a:pt x="205" y="637"/>
                    <a:pt x="205" y="638"/>
                    <a:pt x="205" y="638"/>
                  </a:cubicBezTo>
                  <a:cubicBezTo>
                    <a:pt x="205" y="638"/>
                    <a:pt x="205" y="638"/>
                    <a:pt x="205" y="638"/>
                  </a:cubicBezTo>
                  <a:cubicBezTo>
                    <a:pt x="205" y="638"/>
                    <a:pt x="205" y="638"/>
                    <a:pt x="205" y="638"/>
                  </a:cubicBezTo>
                  <a:cubicBezTo>
                    <a:pt x="205" y="638"/>
                    <a:pt x="205" y="638"/>
                    <a:pt x="205" y="638"/>
                  </a:cubicBezTo>
                  <a:cubicBezTo>
                    <a:pt x="205" y="638"/>
                    <a:pt x="205" y="638"/>
                    <a:pt x="205" y="638"/>
                  </a:cubicBezTo>
                  <a:cubicBezTo>
                    <a:pt x="205" y="638"/>
                    <a:pt x="205" y="638"/>
                    <a:pt x="205" y="638"/>
                  </a:cubicBezTo>
                  <a:cubicBezTo>
                    <a:pt x="205" y="638"/>
                    <a:pt x="205" y="638"/>
                    <a:pt x="205" y="638"/>
                  </a:cubicBezTo>
                  <a:cubicBezTo>
                    <a:pt x="205" y="639"/>
                    <a:pt x="205" y="640"/>
                    <a:pt x="206" y="641"/>
                  </a:cubicBezTo>
                  <a:cubicBezTo>
                    <a:pt x="206" y="641"/>
                    <a:pt x="206" y="641"/>
                    <a:pt x="206" y="641"/>
                  </a:cubicBezTo>
                  <a:cubicBezTo>
                    <a:pt x="205" y="643"/>
                    <a:pt x="202" y="643"/>
                    <a:pt x="199" y="642"/>
                  </a:cubicBezTo>
                  <a:cubicBezTo>
                    <a:pt x="197" y="642"/>
                    <a:pt x="196" y="642"/>
                    <a:pt x="195" y="642"/>
                  </a:cubicBezTo>
                  <a:cubicBezTo>
                    <a:pt x="191" y="643"/>
                    <a:pt x="189" y="646"/>
                    <a:pt x="185" y="646"/>
                  </a:cubicBezTo>
                  <a:cubicBezTo>
                    <a:pt x="182" y="646"/>
                    <a:pt x="178" y="645"/>
                    <a:pt x="175" y="644"/>
                  </a:cubicBezTo>
                  <a:cubicBezTo>
                    <a:pt x="173" y="643"/>
                    <a:pt x="172" y="642"/>
                    <a:pt x="171" y="642"/>
                  </a:cubicBezTo>
                  <a:cubicBezTo>
                    <a:pt x="169" y="641"/>
                    <a:pt x="169" y="639"/>
                    <a:pt x="167" y="639"/>
                  </a:cubicBezTo>
                  <a:cubicBezTo>
                    <a:pt x="165" y="635"/>
                    <a:pt x="163" y="635"/>
                    <a:pt x="159" y="634"/>
                  </a:cubicBezTo>
                  <a:cubicBezTo>
                    <a:pt x="155" y="633"/>
                    <a:pt x="155" y="632"/>
                    <a:pt x="153" y="627"/>
                  </a:cubicBezTo>
                  <a:cubicBezTo>
                    <a:pt x="152" y="625"/>
                    <a:pt x="152" y="625"/>
                    <a:pt x="151" y="624"/>
                  </a:cubicBezTo>
                  <a:cubicBezTo>
                    <a:pt x="152" y="622"/>
                    <a:pt x="153" y="619"/>
                    <a:pt x="154" y="618"/>
                  </a:cubicBezTo>
                  <a:cubicBezTo>
                    <a:pt x="155" y="616"/>
                    <a:pt x="157" y="616"/>
                    <a:pt x="158" y="614"/>
                  </a:cubicBezTo>
                  <a:cubicBezTo>
                    <a:pt x="158" y="613"/>
                    <a:pt x="158" y="609"/>
                    <a:pt x="157" y="608"/>
                  </a:cubicBezTo>
                  <a:cubicBezTo>
                    <a:pt x="160" y="603"/>
                    <a:pt x="162" y="603"/>
                    <a:pt x="162" y="597"/>
                  </a:cubicBezTo>
                  <a:cubicBezTo>
                    <a:pt x="158" y="597"/>
                    <a:pt x="153" y="589"/>
                    <a:pt x="152" y="586"/>
                  </a:cubicBezTo>
                  <a:cubicBezTo>
                    <a:pt x="151" y="585"/>
                    <a:pt x="151" y="584"/>
                    <a:pt x="150" y="582"/>
                  </a:cubicBezTo>
                  <a:cubicBezTo>
                    <a:pt x="150" y="582"/>
                    <a:pt x="150" y="582"/>
                    <a:pt x="150" y="582"/>
                  </a:cubicBezTo>
                  <a:cubicBezTo>
                    <a:pt x="148" y="585"/>
                    <a:pt x="144" y="587"/>
                    <a:pt x="142" y="587"/>
                  </a:cubicBezTo>
                  <a:cubicBezTo>
                    <a:pt x="139" y="588"/>
                    <a:pt x="134" y="584"/>
                    <a:pt x="131" y="582"/>
                  </a:cubicBezTo>
                  <a:cubicBezTo>
                    <a:pt x="131" y="582"/>
                    <a:pt x="130" y="582"/>
                    <a:pt x="129" y="581"/>
                  </a:cubicBezTo>
                  <a:cubicBezTo>
                    <a:pt x="129" y="581"/>
                    <a:pt x="129" y="581"/>
                    <a:pt x="129" y="581"/>
                  </a:cubicBezTo>
                  <a:cubicBezTo>
                    <a:pt x="129" y="581"/>
                    <a:pt x="129" y="581"/>
                    <a:pt x="129" y="581"/>
                  </a:cubicBezTo>
                  <a:cubicBezTo>
                    <a:pt x="129" y="581"/>
                    <a:pt x="128" y="582"/>
                    <a:pt x="128" y="582"/>
                  </a:cubicBezTo>
                  <a:cubicBezTo>
                    <a:pt x="127" y="582"/>
                    <a:pt x="127" y="582"/>
                    <a:pt x="126" y="582"/>
                  </a:cubicBezTo>
                  <a:cubicBezTo>
                    <a:pt x="126" y="582"/>
                    <a:pt x="126" y="584"/>
                    <a:pt x="126" y="584"/>
                  </a:cubicBezTo>
                  <a:cubicBezTo>
                    <a:pt x="127" y="584"/>
                    <a:pt x="127" y="584"/>
                    <a:pt x="127" y="585"/>
                  </a:cubicBezTo>
                  <a:cubicBezTo>
                    <a:pt x="129" y="586"/>
                    <a:pt x="129" y="588"/>
                    <a:pt x="129" y="590"/>
                  </a:cubicBezTo>
                  <a:cubicBezTo>
                    <a:pt x="129" y="590"/>
                    <a:pt x="129" y="590"/>
                    <a:pt x="129" y="590"/>
                  </a:cubicBezTo>
                  <a:cubicBezTo>
                    <a:pt x="128" y="590"/>
                    <a:pt x="128" y="590"/>
                    <a:pt x="127" y="589"/>
                  </a:cubicBezTo>
                  <a:cubicBezTo>
                    <a:pt x="127" y="589"/>
                    <a:pt x="128" y="588"/>
                    <a:pt x="127" y="588"/>
                  </a:cubicBezTo>
                  <a:cubicBezTo>
                    <a:pt x="126" y="587"/>
                    <a:pt x="126" y="587"/>
                    <a:pt x="126" y="587"/>
                  </a:cubicBezTo>
                  <a:cubicBezTo>
                    <a:pt x="125" y="587"/>
                    <a:pt x="124" y="587"/>
                    <a:pt x="124" y="587"/>
                  </a:cubicBezTo>
                  <a:cubicBezTo>
                    <a:pt x="123" y="587"/>
                    <a:pt x="123" y="587"/>
                    <a:pt x="123" y="587"/>
                  </a:cubicBezTo>
                  <a:cubicBezTo>
                    <a:pt x="122" y="587"/>
                    <a:pt x="122" y="587"/>
                    <a:pt x="122" y="587"/>
                  </a:cubicBezTo>
                  <a:cubicBezTo>
                    <a:pt x="120" y="586"/>
                    <a:pt x="118" y="586"/>
                    <a:pt x="115" y="587"/>
                  </a:cubicBezTo>
                  <a:cubicBezTo>
                    <a:pt x="115" y="587"/>
                    <a:pt x="115" y="588"/>
                    <a:pt x="115" y="588"/>
                  </a:cubicBezTo>
                  <a:cubicBezTo>
                    <a:pt x="114" y="588"/>
                    <a:pt x="114" y="588"/>
                    <a:pt x="114" y="588"/>
                  </a:cubicBezTo>
                  <a:cubicBezTo>
                    <a:pt x="113" y="587"/>
                    <a:pt x="113" y="587"/>
                    <a:pt x="113" y="586"/>
                  </a:cubicBezTo>
                  <a:cubicBezTo>
                    <a:pt x="113" y="586"/>
                    <a:pt x="113" y="586"/>
                    <a:pt x="113" y="586"/>
                  </a:cubicBezTo>
                  <a:cubicBezTo>
                    <a:pt x="113" y="586"/>
                    <a:pt x="112" y="586"/>
                    <a:pt x="112" y="587"/>
                  </a:cubicBezTo>
                  <a:cubicBezTo>
                    <a:pt x="112" y="587"/>
                    <a:pt x="112" y="587"/>
                    <a:pt x="112" y="587"/>
                  </a:cubicBezTo>
                  <a:cubicBezTo>
                    <a:pt x="113" y="587"/>
                    <a:pt x="113" y="587"/>
                    <a:pt x="114" y="587"/>
                  </a:cubicBezTo>
                  <a:cubicBezTo>
                    <a:pt x="114" y="588"/>
                    <a:pt x="114" y="588"/>
                    <a:pt x="114" y="588"/>
                  </a:cubicBezTo>
                  <a:cubicBezTo>
                    <a:pt x="114" y="588"/>
                    <a:pt x="115" y="589"/>
                    <a:pt x="116" y="590"/>
                  </a:cubicBezTo>
                  <a:cubicBezTo>
                    <a:pt x="116" y="591"/>
                    <a:pt x="117" y="592"/>
                    <a:pt x="117" y="593"/>
                  </a:cubicBezTo>
                  <a:cubicBezTo>
                    <a:pt x="117" y="593"/>
                    <a:pt x="117" y="593"/>
                    <a:pt x="117" y="593"/>
                  </a:cubicBezTo>
                  <a:cubicBezTo>
                    <a:pt x="118" y="593"/>
                    <a:pt x="118" y="594"/>
                    <a:pt x="118" y="596"/>
                  </a:cubicBezTo>
                  <a:cubicBezTo>
                    <a:pt x="119" y="597"/>
                    <a:pt x="120" y="600"/>
                    <a:pt x="120" y="601"/>
                  </a:cubicBezTo>
                  <a:cubicBezTo>
                    <a:pt x="121" y="602"/>
                    <a:pt x="121" y="603"/>
                    <a:pt x="122" y="603"/>
                  </a:cubicBezTo>
                  <a:cubicBezTo>
                    <a:pt x="122" y="603"/>
                    <a:pt x="122" y="603"/>
                    <a:pt x="122" y="603"/>
                  </a:cubicBezTo>
                  <a:cubicBezTo>
                    <a:pt x="123" y="604"/>
                    <a:pt x="122" y="605"/>
                    <a:pt x="121" y="606"/>
                  </a:cubicBezTo>
                  <a:cubicBezTo>
                    <a:pt x="121" y="606"/>
                    <a:pt x="121" y="606"/>
                    <a:pt x="121" y="606"/>
                  </a:cubicBezTo>
                  <a:cubicBezTo>
                    <a:pt x="122" y="606"/>
                    <a:pt x="124" y="607"/>
                    <a:pt x="125" y="608"/>
                  </a:cubicBezTo>
                  <a:cubicBezTo>
                    <a:pt x="125" y="608"/>
                    <a:pt x="126" y="609"/>
                    <a:pt x="126" y="609"/>
                  </a:cubicBezTo>
                  <a:cubicBezTo>
                    <a:pt x="126" y="610"/>
                    <a:pt x="126" y="610"/>
                    <a:pt x="126" y="610"/>
                  </a:cubicBezTo>
                  <a:cubicBezTo>
                    <a:pt x="126" y="610"/>
                    <a:pt x="126" y="610"/>
                    <a:pt x="126" y="610"/>
                  </a:cubicBezTo>
                  <a:cubicBezTo>
                    <a:pt x="126" y="610"/>
                    <a:pt x="126" y="611"/>
                    <a:pt x="127" y="612"/>
                  </a:cubicBezTo>
                  <a:cubicBezTo>
                    <a:pt x="128" y="614"/>
                    <a:pt x="128" y="615"/>
                    <a:pt x="129" y="616"/>
                  </a:cubicBezTo>
                  <a:cubicBezTo>
                    <a:pt x="128" y="617"/>
                    <a:pt x="127" y="617"/>
                    <a:pt x="126" y="617"/>
                  </a:cubicBezTo>
                  <a:cubicBezTo>
                    <a:pt x="126" y="617"/>
                    <a:pt x="125" y="617"/>
                    <a:pt x="124" y="617"/>
                  </a:cubicBezTo>
                  <a:cubicBezTo>
                    <a:pt x="123" y="617"/>
                    <a:pt x="121" y="617"/>
                    <a:pt x="118" y="616"/>
                  </a:cubicBezTo>
                  <a:cubicBezTo>
                    <a:pt x="116" y="615"/>
                    <a:pt x="112" y="609"/>
                    <a:pt x="109" y="608"/>
                  </a:cubicBezTo>
                  <a:cubicBezTo>
                    <a:pt x="106" y="607"/>
                    <a:pt x="104" y="607"/>
                    <a:pt x="103" y="610"/>
                  </a:cubicBezTo>
                  <a:cubicBezTo>
                    <a:pt x="103" y="613"/>
                    <a:pt x="104" y="617"/>
                    <a:pt x="105" y="620"/>
                  </a:cubicBezTo>
                  <a:cubicBezTo>
                    <a:pt x="105" y="624"/>
                    <a:pt x="105" y="628"/>
                    <a:pt x="106" y="631"/>
                  </a:cubicBezTo>
                  <a:cubicBezTo>
                    <a:pt x="107" y="633"/>
                    <a:pt x="108" y="635"/>
                    <a:pt x="110" y="637"/>
                  </a:cubicBezTo>
                  <a:cubicBezTo>
                    <a:pt x="110" y="637"/>
                    <a:pt x="110" y="638"/>
                    <a:pt x="111" y="639"/>
                  </a:cubicBezTo>
                  <a:cubicBezTo>
                    <a:pt x="111" y="639"/>
                    <a:pt x="111" y="639"/>
                    <a:pt x="111" y="639"/>
                  </a:cubicBezTo>
                  <a:cubicBezTo>
                    <a:pt x="109" y="639"/>
                    <a:pt x="108" y="638"/>
                    <a:pt x="106" y="638"/>
                  </a:cubicBezTo>
                  <a:cubicBezTo>
                    <a:pt x="104" y="637"/>
                    <a:pt x="101" y="637"/>
                    <a:pt x="98" y="636"/>
                  </a:cubicBezTo>
                  <a:cubicBezTo>
                    <a:pt x="98" y="636"/>
                    <a:pt x="97" y="636"/>
                    <a:pt x="97" y="636"/>
                  </a:cubicBezTo>
                  <a:cubicBezTo>
                    <a:pt x="96" y="636"/>
                    <a:pt x="96" y="636"/>
                    <a:pt x="96" y="636"/>
                  </a:cubicBezTo>
                  <a:cubicBezTo>
                    <a:pt x="93" y="635"/>
                    <a:pt x="91" y="637"/>
                    <a:pt x="87" y="638"/>
                  </a:cubicBezTo>
                  <a:cubicBezTo>
                    <a:pt x="87" y="638"/>
                    <a:pt x="87" y="638"/>
                    <a:pt x="87" y="638"/>
                  </a:cubicBezTo>
                  <a:cubicBezTo>
                    <a:pt x="86" y="638"/>
                    <a:pt x="86" y="638"/>
                    <a:pt x="86" y="638"/>
                  </a:cubicBezTo>
                  <a:cubicBezTo>
                    <a:pt x="85" y="638"/>
                    <a:pt x="85" y="638"/>
                    <a:pt x="85" y="638"/>
                  </a:cubicBezTo>
                  <a:cubicBezTo>
                    <a:pt x="84" y="638"/>
                    <a:pt x="82" y="638"/>
                    <a:pt x="81" y="637"/>
                  </a:cubicBezTo>
                  <a:cubicBezTo>
                    <a:pt x="80" y="637"/>
                    <a:pt x="78" y="637"/>
                    <a:pt x="77" y="637"/>
                  </a:cubicBezTo>
                  <a:cubicBezTo>
                    <a:pt x="77" y="637"/>
                    <a:pt x="77" y="637"/>
                    <a:pt x="77" y="637"/>
                  </a:cubicBezTo>
                  <a:cubicBezTo>
                    <a:pt x="74" y="638"/>
                    <a:pt x="70" y="639"/>
                    <a:pt x="67" y="640"/>
                  </a:cubicBezTo>
                  <a:cubicBezTo>
                    <a:pt x="64" y="641"/>
                    <a:pt x="62" y="642"/>
                    <a:pt x="58" y="643"/>
                  </a:cubicBezTo>
                  <a:cubicBezTo>
                    <a:pt x="54" y="644"/>
                    <a:pt x="53" y="643"/>
                    <a:pt x="49" y="642"/>
                  </a:cubicBezTo>
                  <a:cubicBezTo>
                    <a:pt x="46" y="642"/>
                    <a:pt x="43" y="641"/>
                    <a:pt x="40" y="642"/>
                  </a:cubicBezTo>
                  <a:cubicBezTo>
                    <a:pt x="37" y="643"/>
                    <a:pt x="36" y="643"/>
                    <a:pt x="32" y="643"/>
                  </a:cubicBezTo>
                  <a:cubicBezTo>
                    <a:pt x="31" y="643"/>
                    <a:pt x="29" y="642"/>
                    <a:pt x="27" y="643"/>
                  </a:cubicBezTo>
                  <a:cubicBezTo>
                    <a:pt x="27" y="643"/>
                    <a:pt x="27" y="643"/>
                    <a:pt x="26" y="643"/>
                  </a:cubicBezTo>
                  <a:cubicBezTo>
                    <a:pt x="25" y="644"/>
                    <a:pt x="26" y="644"/>
                    <a:pt x="26" y="646"/>
                  </a:cubicBezTo>
                  <a:cubicBezTo>
                    <a:pt x="26" y="649"/>
                    <a:pt x="24" y="651"/>
                    <a:pt x="22" y="653"/>
                  </a:cubicBezTo>
                  <a:cubicBezTo>
                    <a:pt x="20" y="655"/>
                    <a:pt x="19" y="655"/>
                    <a:pt x="17" y="654"/>
                  </a:cubicBezTo>
                  <a:cubicBezTo>
                    <a:pt x="16" y="654"/>
                    <a:pt x="16" y="654"/>
                    <a:pt x="16" y="654"/>
                  </a:cubicBezTo>
                  <a:cubicBezTo>
                    <a:pt x="16" y="655"/>
                    <a:pt x="17" y="656"/>
                    <a:pt x="17" y="658"/>
                  </a:cubicBezTo>
                  <a:cubicBezTo>
                    <a:pt x="17" y="658"/>
                    <a:pt x="17" y="660"/>
                    <a:pt x="17" y="664"/>
                  </a:cubicBezTo>
                  <a:cubicBezTo>
                    <a:pt x="17" y="667"/>
                    <a:pt x="17" y="666"/>
                    <a:pt x="17" y="666"/>
                  </a:cubicBezTo>
                  <a:cubicBezTo>
                    <a:pt x="17" y="666"/>
                    <a:pt x="17" y="666"/>
                    <a:pt x="17" y="666"/>
                  </a:cubicBezTo>
                  <a:cubicBezTo>
                    <a:pt x="17" y="667"/>
                    <a:pt x="17" y="667"/>
                    <a:pt x="17" y="667"/>
                  </a:cubicBezTo>
                  <a:cubicBezTo>
                    <a:pt x="17" y="668"/>
                    <a:pt x="17" y="668"/>
                    <a:pt x="17" y="669"/>
                  </a:cubicBezTo>
                  <a:cubicBezTo>
                    <a:pt x="17" y="671"/>
                    <a:pt x="17" y="671"/>
                    <a:pt x="16" y="672"/>
                  </a:cubicBezTo>
                  <a:cubicBezTo>
                    <a:pt x="15" y="672"/>
                    <a:pt x="15" y="673"/>
                    <a:pt x="14" y="675"/>
                  </a:cubicBezTo>
                  <a:cubicBezTo>
                    <a:pt x="13" y="676"/>
                    <a:pt x="13" y="677"/>
                    <a:pt x="12" y="679"/>
                  </a:cubicBezTo>
                  <a:cubicBezTo>
                    <a:pt x="11" y="681"/>
                    <a:pt x="11" y="682"/>
                    <a:pt x="10" y="682"/>
                  </a:cubicBezTo>
                  <a:cubicBezTo>
                    <a:pt x="10" y="683"/>
                    <a:pt x="9" y="684"/>
                    <a:pt x="9" y="685"/>
                  </a:cubicBezTo>
                  <a:cubicBezTo>
                    <a:pt x="8" y="686"/>
                    <a:pt x="8" y="687"/>
                    <a:pt x="8" y="687"/>
                  </a:cubicBezTo>
                  <a:cubicBezTo>
                    <a:pt x="8" y="687"/>
                    <a:pt x="8" y="689"/>
                    <a:pt x="8" y="691"/>
                  </a:cubicBezTo>
                  <a:cubicBezTo>
                    <a:pt x="8" y="693"/>
                    <a:pt x="8" y="693"/>
                    <a:pt x="7" y="693"/>
                  </a:cubicBezTo>
                  <a:cubicBezTo>
                    <a:pt x="7" y="694"/>
                    <a:pt x="7" y="695"/>
                    <a:pt x="6" y="696"/>
                  </a:cubicBezTo>
                  <a:cubicBezTo>
                    <a:pt x="5" y="698"/>
                    <a:pt x="5" y="698"/>
                    <a:pt x="4" y="699"/>
                  </a:cubicBezTo>
                  <a:cubicBezTo>
                    <a:pt x="3" y="701"/>
                    <a:pt x="3" y="701"/>
                    <a:pt x="3" y="702"/>
                  </a:cubicBezTo>
                  <a:cubicBezTo>
                    <a:pt x="2" y="703"/>
                    <a:pt x="2" y="704"/>
                    <a:pt x="0" y="705"/>
                  </a:cubicBezTo>
                  <a:cubicBezTo>
                    <a:pt x="2" y="707"/>
                    <a:pt x="2" y="707"/>
                    <a:pt x="2" y="710"/>
                  </a:cubicBezTo>
                  <a:cubicBezTo>
                    <a:pt x="3" y="712"/>
                    <a:pt x="5" y="715"/>
                    <a:pt x="6" y="718"/>
                  </a:cubicBezTo>
                  <a:cubicBezTo>
                    <a:pt x="7" y="721"/>
                    <a:pt x="8" y="726"/>
                    <a:pt x="8" y="730"/>
                  </a:cubicBezTo>
                  <a:cubicBezTo>
                    <a:pt x="8" y="731"/>
                    <a:pt x="7" y="733"/>
                    <a:pt x="6" y="734"/>
                  </a:cubicBezTo>
                  <a:cubicBezTo>
                    <a:pt x="6" y="735"/>
                    <a:pt x="6" y="736"/>
                    <a:pt x="6" y="736"/>
                  </a:cubicBezTo>
                  <a:cubicBezTo>
                    <a:pt x="5" y="737"/>
                    <a:pt x="5" y="739"/>
                    <a:pt x="5" y="740"/>
                  </a:cubicBezTo>
                  <a:cubicBezTo>
                    <a:pt x="4" y="741"/>
                    <a:pt x="5" y="742"/>
                    <a:pt x="5" y="742"/>
                  </a:cubicBezTo>
                  <a:cubicBezTo>
                    <a:pt x="5" y="742"/>
                    <a:pt x="7" y="744"/>
                    <a:pt x="8" y="744"/>
                  </a:cubicBezTo>
                  <a:cubicBezTo>
                    <a:pt x="9" y="744"/>
                    <a:pt x="9" y="745"/>
                    <a:pt x="10" y="746"/>
                  </a:cubicBezTo>
                  <a:cubicBezTo>
                    <a:pt x="11" y="746"/>
                    <a:pt x="12" y="747"/>
                    <a:pt x="13" y="748"/>
                  </a:cubicBezTo>
                  <a:cubicBezTo>
                    <a:pt x="14" y="748"/>
                    <a:pt x="14" y="750"/>
                    <a:pt x="15" y="750"/>
                  </a:cubicBezTo>
                  <a:cubicBezTo>
                    <a:pt x="15" y="751"/>
                    <a:pt x="15" y="752"/>
                    <a:pt x="16" y="753"/>
                  </a:cubicBezTo>
                  <a:cubicBezTo>
                    <a:pt x="16" y="753"/>
                    <a:pt x="17" y="755"/>
                    <a:pt x="17" y="755"/>
                  </a:cubicBezTo>
                  <a:cubicBezTo>
                    <a:pt x="17" y="755"/>
                    <a:pt x="18" y="757"/>
                    <a:pt x="19" y="758"/>
                  </a:cubicBezTo>
                  <a:cubicBezTo>
                    <a:pt x="21" y="758"/>
                    <a:pt x="20" y="759"/>
                    <a:pt x="21" y="759"/>
                  </a:cubicBezTo>
                  <a:cubicBezTo>
                    <a:pt x="21" y="760"/>
                    <a:pt x="22" y="762"/>
                    <a:pt x="23" y="763"/>
                  </a:cubicBezTo>
                  <a:cubicBezTo>
                    <a:pt x="24" y="765"/>
                    <a:pt x="25" y="766"/>
                    <a:pt x="25" y="767"/>
                  </a:cubicBezTo>
                  <a:cubicBezTo>
                    <a:pt x="25" y="768"/>
                    <a:pt x="30" y="773"/>
                    <a:pt x="31" y="774"/>
                  </a:cubicBezTo>
                  <a:cubicBezTo>
                    <a:pt x="32" y="775"/>
                    <a:pt x="32" y="776"/>
                    <a:pt x="32" y="776"/>
                  </a:cubicBezTo>
                  <a:cubicBezTo>
                    <a:pt x="32" y="776"/>
                    <a:pt x="32" y="779"/>
                    <a:pt x="32" y="779"/>
                  </a:cubicBezTo>
                  <a:cubicBezTo>
                    <a:pt x="32" y="780"/>
                    <a:pt x="32" y="782"/>
                    <a:pt x="33" y="782"/>
                  </a:cubicBezTo>
                  <a:cubicBezTo>
                    <a:pt x="33" y="783"/>
                    <a:pt x="33" y="784"/>
                    <a:pt x="35" y="785"/>
                  </a:cubicBezTo>
                  <a:cubicBezTo>
                    <a:pt x="36" y="785"/>
                    <a:pt x="35" y="786"/>
                    <a:pt x="36" y="786"/>
                  </a:cubicBezTo>
                  <a:cubicBezTo>
                    <a:pt x="37" y="786"/>
                    <a:pt x="38" y="788"/>
                    <a:pt x="39" y="788"/>
                  </a:cubicBezTo>
                  <a:cubicBezTo>
                    <a:pt x="41" y="788"/>
                    <a:pt x="41" y="790"/>
                    <a:pt x="42" y="791"/>
                  </a:cubicBezTo>
                  <a:cubicBezTo>
                    <a:pt x="42" y="791"/>
                    <a:pt x="43" y="792"/>
                    <a:pt x="43" y="792"/>
                  </a:cubicBezTo>
                  <a:cubicBezTo>
                    <a:pt x="43" y="792"/>
                    <a:pt x="43" y="794"/>
                    <a:pt x="45" y="794"/>
                  </a:cubicBezTo>
                  <a:cubicBezTo>
                    <a:pt x="46" y="794"/>
                    <a:pt x="45" y="796"/>
                    <a:pt x="46" y="796"/>
                  </a:cubicBezTo>
                  <a:cubicBezTo>
                    <a:pt x="47" y="797"/>
                    <a:pt x="48" y="799"/>
                    <a:pt x="49" y="800"/>
                  </a:cubicBezTo>
                  <a:cubicBezTo>
                    <a:pt x="50" y="800"/>
                    <a:pt x="50" y="804"/>
                    <a:pt x="50" y="804"/>
                  </a:cubicBezTo>
                  <a:cubicBezTo>
                    <a:pt x="50" y="804"/>
                    <a:pt x="50" y="810"/>
                    <a:pt x="51" y="812"/>
                  </a:cubicBezTo>
                  <a:cubicBezTo>
                    <a:pt x="51" y="813"/>
                    <a:pt x="51" y="814"/>
                    <a:pt x="51" y="815"/>
                  </a:cubicBezTo>
                  <a:cubicBezTo>
                    <a:pt x="51" y="816"/>
                    <a:pt x="51" y="818"/>
                    <a:pt x="51" y="818"/>
                  </a:cubicBezTo>
                  <a:cubicBezTo>
                    <a:pt x="51" y="818"/>
                    <a:pt x="51" y="820"/>
                    <a:pt x="52" y="821"/>
                  </a:cubicBezTo>
                  <a:cubicBezTo>
                    <a:pt x="52" y="822"/>
                    <a:pt x="53" y="824"/>
                    <a:pt x="53" y="824"/>
                  </a:cubicBezTo>
                  <a:cubicBezTo>
                    <a:pt x="54" y="825"/>
                    <a:pt x="55" y="826"/>
                    <a:pt x="55" y="826"/>
                  </a:cubicBezTo>
                  <a:cubicBezTo>
                    <a:pt x="55" y="826"/>
                    <a:pt x="57" y="827"/>
                    <a:pt x="57" y="827"/>
                  </a:cubicBezTo>
                  <a:cubicBezTo>
                    <a:pt x="58" y="827"/>
                    <a:pt x="58" y="829"/>
                    <a:pt x="60" y="829"/>
                  </a:cubicBezTo>
                  <a:cubicBezTo>
                    <a:pt x="62" y="830"/>
                    <a:pt x="62" y="831"/>
                    <a:pt x="63" y="831"/>
                  </a:cubicBezTo>
                  <a:cubicBezTo>
                    <a:pt x="63" y="832"/>
                    <a:pt x="63" y="833"/>
                    <a:pt x="64" y="833"/>
                  </a:cubicBezTo>
                  <a:cubicBezTo>
                    <a:pt x="65" y="834"/>
                    <a:pt x="64" y="835"/>
                    <a:pt x="65" y="835"/>
                  </a:cubicBezTo>
                  <a:cubicBezTo>
                    <a:pt x="65" y="835"/>
                    <a:pt x="67" y="836"/>
                    <a:pt x="68" y="837"/>
                  </a:cubicBezTo>
                  <a:cubicBezTo>
                    <a:pt x="69" y="838"/>
                    <a:pt x="71" y="840"/>
                    <a:pt x="71" y="840"/>
                  </a:cubicBezTo>
                  <a:cubicBezTo>
                    <a:pt x="71" y="840"/>
                    <a:pt x="73" y="846"/>
                    <a:pt x="74" y="848"/>
                  </a:cubicBezTo>
                  <a:cubicBezTo>
                    <a:pt x="76" y="850"/>
                    <a:pt x="75" y="852"/>
                    <a:pt x="75" y="852"/>
                  </a:cubicBezTo>
                  <a:cubicBezTo>
                    <a:pt x="75" y="852"/>
                    <a:pt x="76" y="854"/>
                    <a:pt x="76" y="855"/>
                  </a:cubicBezTo>
                  <a:cubicBezTo>
                    <a:pt x="77" y="855"/>
                    <a:pt x="77" y="856"/>
                    <a:pt x="78" y="857"/>
                  </a:cubicBezTo>
                  <a:cubicBezTo>
                    <a:pt x="80" y="858"/>
                    <a:pt x="80" y="859"/>
                    <a:pt x="80" y="859"/>
                  </a:cubicBezTo>
                  <a:cubicBezTo>
                    <a:pt x="80" y="859"/>
                    <a:pt x="81" y="860"/>
                    <a:pt x="82" y="860"/>
                  </a:cubicBezTo>
                  <a:cubicBezTo>
                    <a:pt x="83" y="860"/>
                    <a:pt x="82" y="860"/>
                    <a:pt x="83" y="862"/>
                  </a:cubicBezTo>
                  <a:cubicBezTo>
                    <a:pt x="84" y="863"/>
                    <a:pt x="84" y="864"/>
                    <a:pt x="85" y="865"/>
                  </a:cubicBezTo>
                  <a:cubicBezTo>
                    <a:pt x="85" y="865"/>
                    <a:pt x="86" y="867"/>
                    <a:pt x="87" y="867"/>
                  </a:cubicBezTo>
                  <a:cubicBezTo>
                    <a:pt x="88" y="868"/>
                    <a:pt x="87" y="869"/>
                    <a:pt x="87" y="869"/>
                  </a:cubicBezTo>
                  <a:cubicBezTo>
                    <a:pt x="87" y="871"/>
                    <a:pt x="87" y="871"/>
                    <a:pt x="87" y="871"/>
                  </a:cubicBezTo>
                  <a:cubicBezTo>
                    <a:pt x="87" y="871"/>
                    <a:pt x="88" y="874"/>
                    <a:pt x="89" y="875"/>
                  </a:cubicBezTo>
                  <a:cubicBezTo>
                    <a:pt x="89" y="875"/>
                    <a:pt x="89" y="875"/>
                    <a:pt x="89" y="875"/>
                  </a:cubicBezTo>
                  <a:cubicBezTo>
                    <a:pt x="89" y="876"/>
                    <a:pt x="89" y="877"/>
                    <a:pt x="89" y="877"/>
                  </a:cubicBezTo>
                  <a:cubicBezTo>
                    <a:pt x="89" y="878"/>
                    <a:pt x="89" y="878"/>
                    <a:pt x="89" y="878"/>
                  </a:cubicBezTo>
                  <a:cubicBezTo>
                    <a:pt x="88" y="881"/>
                    <a:pt x="88" y="881"/>
                    <a:pt x="88" y="881"/>
                  </a:cubicBezTo>
                  <a:cubicBezTo>
                    <a:pt x="90" y="887"/>
                    <a:pt x="90" y="887"/>
                    <a:pt x="90" y="887"/>
                  </a:cubicBezTo>
                  <a:cubicBezTo>
                    <a:pt x="90" y="887"/>
                    <a:pt x="92" y="898"/>
                    <a:pt x="93" y="900"/>
                  </a:cubicBezTo>
                  <a:cubicBezTo>
                    <a:pt x="94" y="903"/>
                    <a:pt x="94" y="903"/>
                    <a:pt x="94" y="903"/>
                  </a:cubicBezTo>
                  <a:cubicBezTo>
                    <a:pt x="94" y="903"/>
                    <a:pt x="94" y="906"/>
                    <a:pt x="95" y="907"/>
                  </a:cubicBezTo>
                  <a:cubicBezTo>
                    <a:pt x="95" y="908"/>
                    <a:pt x="96" y="910"/>
                    <a:pt x="96" y="910"/>
                  </a:cubicBezTo>
                  <a:cubicBezTo>
                    <a:pt x="96" y="910"/>
                    <a:pt x="97" y="911"/>
                    <a:pt x="98" y="911"/>
                  </a:cubicBezTo>
                  <a:cubicBezTo>
                    <a:pt x="99" y="911"/>
                    <a:pt x="100" y="912"/>
                    <a:pt x="100" y="912"/>
                  </a:cubicBezTo>
                  <a:cubicBezTo>
                    <a:pt x="100" y="912"/>
                    <a:pt x="106" y="912"/>
                    <a:pt x="107" y="911"/>
                  </a:cubicBezTo>
                  <a:cubicBezTo>
                    <a:pt x="107" y="911"/>
                    <a:pt x="109" y="911"/>
                    <a:pt x="110" y="911"/>
                  </a:cubicBezTo>
                  <a:cubicBezTo>
                    <a:pt x="111" y="911"/>
                    <a:pt x="112" y="911"/>
                    <a:pt x="112" y="911"/>
                  </a:cubicBezTo>
                  <a:cubicBezTo>
                    <a:pt x="112" y="911"/>
                    <a:pt x="114" y="910"/>
                    <a:pt x="115" y="909"/>
                  </a:cubicBezTo>
                  <a:cubicBezTo>
                    <a:pt x="116" y="908"/>
                    <a:pt x="118" y="907"/>
                    <a:pt x="118" y="906"/>
                  </a:cubicBezTo>
                  <a:cubicBezTo>
                    <a:pt x="119" y="905"/>
                    <a:pt x="120" y="905"/>
                    <a:pt x="121" y="905"/>
                  </a:cubicBezTo>
                  <a:cubicBezTo>
                    <a:pt x="121" y="905"/>
                    <a:pt x="121" y="905"/>
                    <a:pt x="122" y="905"/>
                  </a:cubicBezTo>
                  <a:cubicBezTo>
                    <a:pt x="122" y="905"/>
                    <a:pt x="123" y="905"/>
                    <a:pt x="124" y="905"/>
                  </a:cubicBezTo>
                  <a:cubicBezTo>
                    <a:pt x="125" y="905"/>
                    <a:pt x="126" y="905"/>
                    <a:pt x="127" y="905"/>
                  </a:cubicBezTo>
                  <a:cubicBezTo>
                    <a:pt x="128" y="904"/>
                    <a:pt x="130" y="903"/>
                    <a:pt x="131" y="902"/>
                  </a:cubicBezTo>
                  <a:cubicBezTo>
                    <a:pt x="131" y="902"/>
                    <a:pt x="132" y="902"/>
                    <a:pt x="132" y="902"/>
                  </a:cubicBezTo>
                  <a:cubicBezTo>
                    <a:pt x="133" y="902"/>
                    <a:pt x="133" y="902"/>
                    <a:pt x="134" y="902"/>
                  </a:cubicBezTo>
                  <a:cubicBezTo>
                    <a:pt x="134" y="902"/>
                    <a:pt x="134" y="902"/>
                    <a:pt x="135" y="902"/>
                  </a:cubicBezTo>
                  <a:cubicBezTo>
                    <a:pt x="135" y="903"/>
                    <a:pt x="135" y="903"/>
                    <a:pt x="136" y="902"/>
                  </a:cubicBezTo>
                  <a:cubicBezTo>
                    <a:pt x="136" y="902"/>
                    <a:pt x="137" y="902"/>
                    <a:pt x="139" y="901"/>
                  </a:cubicBezTo>
                  <a:cubicBezTo>
                    <a:pt x="140" y="900"/>
                    <a:pt x="140" y="900"/>
                    <a:pt x="141" y="899"/>
                  </a:cubicBezTo>
                  <a:cubicBezTo>
                    <a:pt x="142" y="898"/>
                    <a:pt x="143" y="898"/>
                    <a:pt x="143" y="898"/>
                  </a:cubicBezTo>
                  <a:cubicBezTo>
                    <a:pt x="143" y="898"/>
                    <a:pt x="145" y="899"/>
                    <a:pt x="145" y="899"/>
                  </a:cubicBezTo>
                  <a:cubicBezTo>
                    <a:pt x="146" y="898"/>
                    <a:pt x="147" y="899"/>
                    <a:pt x="148" y="899"/>
                  </a:cubicBezTo>
                  <a:cubicBezTo>
                    <a:pt x="149" y="899"/>
                    <a:pt x="150" y="898"/>
                    <a:pt x="150" y="898"/>
                  </a:cubicBezTo>
                  <a:cubicBezTo>
                    <a:pt x="150" y="897"/>
                    <a:pt x="153" y="895"/>
                    <a:pt x="153" y="895"/>
                  </a:cubicBezTo>
                  <a:cubicBezTo>
                    <a:pt x="155" y="893"/>
                    <a:pt x="155" y="893"/>
                    <a:pt x="155" y="893"/>
                  </a:cubicBezTo>
                  <a:cubicBezTo>
                    <a:pt x="157" y="891"/>
                    <a:pt x="157" y="891"/>
                    <a:pt x="157" y="891"/>
                  </a:cubicBezTo>
                  <a:cubicBezTo>
                    <a:pt x="157" y="891"/>
                    <a:pt x="159" y="890"/>
                    <a:pt x="160" y="889"/>
                  </a:cubicBezTo>
                  <a:cubicBezTo>
                    <a:pt x="160" y="889"/>
                    <a:pt x="162" y="889"/>
                    <a:pt x="162" y="889"/>
                  </a:cubicBezTo>
                  <a:cubicBezTo>
                    <a:pt x="162" y="889"/>
                    <a:pt x="163" y="889"/>
                    <a:pt x="164" y="889"/>
                  </a:cubicBezTo>
                  <a:cubicBezTo>
                    <a:pt x="164" y="889"/>
                    <a:pt x="168" y="888"/>
                    <a:pt x="168" y="888"/>
                  </a:cubicBezTo>
                  <a:cubicBezTo>
                    <a:pt x="168" y="888"/>
                    <a:pt x="170" y="888"/>
                    <a:pt x="171" y="887"/>
                  </a:cubicBezTo>
                  <a:cubicBezTo>
                    <a:pt x="171" y="887"/>
                    <a:pt x="175" y="886"/>
                    <a:pt x="175" y="886"/>
                  </a:cubicBezTo>
                  <a:cubicBezTo>
                    <a:pt x="178" y="885"/>
                    <a:pt x="178" y="885"/>
                    <a:pt x="178" y="885"/>
                  </a:cubicBezTo>
                  <a:cubicBezTo>
                    <a:pt x="178" y="885"/>
                    <a:pt x="180" y="884"/>
                    <a:pt x="181" y="884"/>
                  </a:cubicBezTo>
                  <a:cubicBezTo>
                    <a:pt x="181" y="884"/>
                    <a:pt x="183" y="883"/>
                    <a:pt x="185" y="882"/>
                  </a:cubicBezTo>
                  <a:cubicBezTo>
                    <a:pt x="187" y="879"/>
                    <a:pt x="187" y="879"/>
                    <a:pt x="187" y="879"/>
                  </a:cubicBezTo>
                  <a:cubicBezTo>
                    <a:pt x="187" y="879"/>
                    <a:pt x="187" y="875"/>
                    <a:pt x="188" y="874"/>
                  </a:cubicBezTo>
                  <a:cubicBezTo>
                    <a:pt x="189" y="873"/>
                    <a:pt x="190" y="873"/>
                    <a:pt x="190" y="873"/>
                  </a:cubicBezTo>
                  <a:cubicBezTo>
                    <a:pt x="190" y="873"/>
                    <a:pt x="192" y="872"/>
                    <a:pt x="193" y="872"/>
                  </a:cubicBezTo>
                  <a:cubicBezTo>
                    <a:pt x="193" y="871"/>
                    <a:pt x="195" y="869"/>
                    <a:pt x="195" y="869"/>
                  </a:cubicBezTo>
                  <a:cubicBezTo>
                    <a:pt x="197" y="869"/>
                    <a:pt x="197" y="869"/>
                    <a:pt x="197" y="869"/>
                  </a:cubicBezTo>
                  <a:cubicBezTo>
                    <a:pt x="198" y="869"/>
                    <a:pt x="198" y="869"/>
                    <a:pt x="198" y="869"/>
                  </a:cubicBezTo>
                  <a:cubicBezTo>
                    <a:pt x="200" y="869"/>
                    <a:pt x="200" y="869"/>
                    <a:pt x="200" y="869"/>
                  </a:cubicBezTo>
                  <a:cubicBezTo>
                    <a:pt x="200" y="869"/>
                    <a:pt x="203" y="867"/>
                    <a:pt x="203" y="867"/>
                  </a:cubicBezTo>
                  <a:cubicBezTo>
                    <a:pt x="204" y="866"/>
                    <a:pt x="208" y="865"/>
                    <a:pt x="208" y="865"/>
                  </a:cubicBezTo>
                  <a:cubicBezTo>
                    <a:pt x="208" y="865"/>
                    <a:pt x="213" y="865"/>
                    <a:pt x="214" y="865"/>
                  </a:cubicBezTo>
                  <a:cubicBezTo>
                    <a:pt x="214" y="865"/>
                    <a:pt x="215" y="865"/>
                    <a:pt x="215" y="865"/>
                  </a:cubicBezTo>
                  <a:cubicBezTo>
                    <a:pt x="216" y="865"/>
                    <a:pt x="216" y="865"/>
                    <a:pt x="216" y="865"/>
                  </a:cubicBezTo>
                  <a:cubicBezTo>
                    <a:pt x="216" y="864"/>
                    <a:pt x="216" y="865"/>
                    <a:pt x="217" y="863"/>
                  </a:cubicBezTo>
                  <a:cubicBezTo>
                    <a:pt x="218" y="860"/>
                    <a:pt x="219" y="860"/>
                    <a:pt x="221" y="856"/>
                  </a:cubicBezTo>
                  <a:cubicBezTo>
                    <a:pt x="221" y="856"/>
                    <a:pt x="222" y="856"/>
                    <a:pt x="222" y="856"/>
                  </a:cubicBezTo>
                  <a:cubicBezTo>
                    <a:pt x="222" y="856"/>
                    <a:pt x="223" y="856"/>
                    <a:pt x="223" y="856"/>
                  </a:cubicBezTo>
                  <a:cubicBezTo>
                    <a:pt x="223" y="856"/>
                    <a:pt x="228" y="855"/>
                    <a:pt x="228" y="855"/>
                  </a:cubicBezTo>
                  <a:cubicBezTo>
                    <a:pt x="231" y="855"/>
                    <a:pt x="231" y="855"/>
                    <a:pt x="231" y="855"/>
                  </a:cubicBezTo>
                  <a:cubicBezTo>
                    <a:pt x="231" y="855"/>
                    <a:pt x="232" y="853"/>
                    <a:pt x="232" y="852"/>
                  </a:cubicBezTo>
                  <a:cubicBezTo>
                    <a:pt x="231" y="851"/>
                    <a:pt x="233" y="851"/>
                    <a:pt x="234" y="849"/>
                  </a:cubicBezTo>
                  <a:cubicBezTo>
                    <a:pt x="234" y="848"/>
                    <a:pt x="235" y="847"/>
                    <a:pt x="235" y="847"/>
                  </a:cubicBezTo>
                  <a:cubicBezTo>
                    <a:pt x="235" y="846"/>
                    <a:pt x="236" y="845"/>
                    <a:pt x="237" y="844"/>
                  </a:cubicBezTo>
                  <a:cubicBezTo>
                    <a:pt x="237" y="844"/>
                    <a:pt x="242" y="844"/>
                    <a:pt x="242" y="844"/>
                  </a:cubicBezTo>
                  <a:cubicBezTo>
                    <a:pt x="243" y="844"/>
                    <a:pt x="245" y="844"/>
                    <a:pt x="245" y="844"/>
                  </a:cubicBezTo>
                  <a:cubicBezTo>
                    <a:pt x="245" y="844"/>
                    <a:pt x="245" y="837"/>
                    <a:pt x="245" y="834"/>
                  </a:cubicBezTo>
                  <a:cubicBezTo>
                    <a:pt x="245" y="832"/>
                    <a:pt x="245" y="832"/>
                    <a:pt x="245" y="832"/>
                  </a:cubicBezTo>
                  <a:cubicBezTo>
                    <a:pt x="246" y="832"/>
                    <a:pt x="246" y="832"/>
                    <a:pt x="246" y="832"/>
                  </a:cubicBezTo>
                  <a:cubicBezTo>
                    <a:pt x="246" y="831"/>
                    <a:pt x="247" y="829"/>
                    <a:pt x="248" y="828"/>
                  </a:cubicBezTo>
                  <a:cubicBezTo>
                    <a:pt x="248" y="827"/>
                    <a:pt x="250" y="827"/>
                    <a:pt x="250" y="827"/>
                  </a:cubicBezTo>
                  <a:cubicBezTo>
                    <a:pt x="251" y="826"/>
                    <a:pt x="251" y="826"/>
                    <a:pt x="252" y="825"/>
                  </a:cubicBezTo>
                  <a:cubicBezTo>
                    <a:pt x="253" y="824"/>
                    <a:pt x="254" y="823"/>
                    <a:pt x="255" y="822"/>
                  </a:cubicBezTo>
                  <a:cubicBezTo>
                    <a:pt x="257" y="820"/>
                    <a:pt x="258" y="820"/>
                    <a:pt x="258" y="819"/>
                  </a:cubicBezTo>
                  <a:cubicBezTo>
                    <a:pt x="259" y="818"/>
                    <a:pt x="260" y="817"/>
                    <a:pt x="260" y="816"/>
                  </a:cubicBezTo>
                  <a:cubicBezTo>
                    <a:pt x="261" y="815"/>
                    <a:pt x="264" y="813"/>
                    <a:pt x="264" y="813"/>
                  </a:cubicBezTo>
                  <a:cubicBezTo>
                    <a:pt x="264" y="812"/>
                    <a:pt x="267" y="807"/>
                    <a:pt x="267" y="807"/>
                  </a:cubicBezTo>
                  <a:cubicBezTo>
                    <a:pt x="264" y="806"/>
                    <a:pt x="264" y="806"/>
                    <a:pt x="264" y="806"/>
                  </a:cubicBezTo>
                  <a:cubicBezTo>
                    <a:pt x="263" y="804"/>
                    <a:pt x="263" y="804"/>
                    <a:pt x="263" y="804"/>
                  </a:cubicBezTo>
                  <a:cubicBezTo>
                    <a:pt x="261" y="802"/>
                    <a:pt x="261" y="802"/>
                    <a:pt x="261" y="802"/>
                  </a:cubicBezTo>
                  <a:cubicBezTo>
                    <a:pt x="261" y="802"/>
                    <a:pt x="258" y="800"/>
                    <a:pt x="258" y="799"/>
                  </a:cubicBezTo>
                  <a:cubicBezTo>
                    <a:pt x="258" y="799"/>
                    <a:pt x="256" y="796"/>
                    <a:pt x="256" y="796"/>
                  </a:cubicBezTo>
                  <a:cubicBezTo>
                    <a:pt x="256" y="796"/>
                    <a:pt x="253" y="794"/>
                    <a:pt x="253" y="794"/>
                  </a:cubicBezTo>
                  <a:cubicBezTo>
                    <a:pt x="253" y="793"/>
                    <a:pt x="251" y="792"/>
                    <a:pt x="250" y="791"/>
                  </a:cubicBezTo>
                  <a:cubicBezTo>
                    <a:pt x="250" y="791"/>
                    <a:pt x="249" y="792"/>
                    <a:pt x="248" y="792"/>
                  </a:cubicBezTo>
                  <a:cubicBezTo>
                    <a:pt x="247" y="792"/>
                    <a:pt x="246" y="792"/>
                    <a:pt x="246" y="792"/>
                  </a:cubicBezTo>
                  <a:cubicBezTo>
                    <a:pt x="246" y="791"/>
                    <a:pt x="245" y="791"/>
                    <a:pt x="245" y="791"/>
                  </a:cubicBezTo>
                  <a:cubicBezTo>
                    <a:pt x="244" y="790"/>
                    <a:pt x="244" y="790"/>
                    <a:pt x="243" y="790"/>
                  </a:cubicBezTo>
                  <a:cubicBezTo>
                    <a:pt x="243" y="790"/>
                    <a:pt x="242" y="790"/>
                    <a:pt x="242" y="790"/>
                  </a:cubicBezTo>
                  <a:cubicBezTo>
                    <a:pt x="241" y="790"/>
                    <a:pt x="239" y="789"/>
                    <a:pt x="238" y="789"/>
                  </a:cubicBezTo>
                  <a:cubicBezTo>
                    <a:pt x="238" y="789"/>
                    <a:pt x="238" y="788"/>
                    <a:pt x="238" y="787"/>
                  </a:cubicBezTo>
                  <a:cubicBezTo>
                    <a:pt x="237" y="786"/>
                    <a:pt x="235" y="786"/>
                    <a:pt x="234" y="785"/>
                  </a:cubicBezTo>
                  <a:cubicBezTo>
                    <a:pt x="233" y="784"/>
                    <a:pt x="233" y="784"/>
                    <a:pt x="232" y="783"/>
                  </a:cubicBezTo>
                  <a:cubicBezTo>
                    <a:pt x="232" y="783"/>
                    <a:pt x="230" y="776"/>
                    <a:pt x="230" y="776"/>
                  </a:cubicBezTo>
                  <a:cubicBezTo>
                    <a:pt x="229" y="776"/>
                    <a:pt x="230" y="773"/>
                    <a:pt x="230" y="773"/>
                  </a:cubicBezTo>
                  <a:cubicBezTo>
                    <a:pt x="230" y="772"/>
                    <a:pt x="231" y="770"/>
                    <a:pt x="230" y="769"/>
                  </a:cubicBezTo>
                  <a:cubicBezTo>
                    <a:pt x="230" y="768"/>
                    <a:pt x="230" y="763"/>
                    <a:pt x="230" y="763"/>
                  </a:cubicBezTo>
                  <a:cubicBezTo>
                    <a:pt x="229" y="763"/>
                    <a:pt x="228" y="764"/>
                    <a:pt x="228" y="765"/>
                  </a:cubicBezTo>
                  <a:cubicBezTo>
                    <a:pt x="228" y="766"/>
                    <a:pt x="226" y="767"/>
                    <a:pt x="225" y="768"/>
                  </a:cubicBezTo>
                  <a:cubicBezTo>
                    <a:pt x="224" y="770"/>
                    <a:pt x="223" y="770"/>
                    <a:pt x="223" y="770"/>
                  </a:cubicBezTo>
                  <a:cubicBezTo>
                    <a:pt x="221" y="772"/>
                    <a:pt x="221" y="772"/>
                    <a:pt x="221" y="772"/>
                  </a:cubicBezTo>
                  <a:cubicBezTo>
                    <a:pt x="219" y="776"/>
                    <a:pt x="219" y="776"/>
                    <a:pt x="219" y="776"/>
                  </a:cubicBezTo>
                  <a:cubicBezTo>
                    <a:pt x="219" y="776"/>
                    <a:pt x="217" y="777"/>
                    <a:pt x="216" y="778"/>
                  </a:cubicBezTo>
                  <a:cubicBezTo>
                    <a:pt x="216" y="778"/>
                    <a:pt x="213" y="780"/>
                    <a:pt x="213" y="780"/>
                  </a:cubicBezTo>
                  <a:cubicBezTo>
                    <a:pt x="213" y="780"/>
                    <a:pt x="210" y="783"/>
                    <a:pt x="210" y="783"/>
                  </a:cubicBezTo>
                  <a:cubicBezTo>
                    <a:pt x="209" y="784"/>
                    <a:pt x="204" y="786"/>
                    <a:pt x="203" y="787"/>
                  </a:cubicBezTo>
                  <a:cubicBezTo>
                    <a:pt x="201" y="787"/>
                    <a:pt x="200" y="788"/>
                    <a:pt x="199" y="788"/>
                  </a:cubicBezTo>
                  <a:cubicBezTo>
                    <a:pt x="199" y="787"/>
                    <a:pt x="196" y="787"/>
                    <a:pt x="195" y="787"/>
                  </a:cubicBezTo>
                  <a:cubicBezTo>
                    <a:pt x="194" y="787"/>
                    <a:pt x="192" y="787"/>
                    <a:pt x="192" y="787"/>
                  </a:cubicBezTo>
                  <a:cubicBezTo>
                    <a:pt x="192" y="787"/>
                    <a:pt x="190" y="788"/>
                    <a:pt x="189" y="788"/>
                  </a:cubicBezTo>
                  <a:cubicBezTo>
                    <a:pt x="188" y="789"/>
                    <a:pt x="186" y="789"/>
                    <a:pt x="186" y="789"/>
                  </a:cubicBezTo>
                  <a:cubicBezTo>
                    <a:pt x="186" y="789"/>
                    <a:pt x="185" y="787"/>
                    <a:pt x="184" y="787"/>
                  </a:cubicBezTo>
                  <a:cubicBezTo>
                    <a:pt x="183" y="787"/>
                    <a:pt x="182" y="787"/>
                    <a:pt x="182" y="787"/>
                  </a:cubicBezTo>
                  <a:cubicBezTo>
                    <a:pt x="181" y="787"/>
                    <a:pt x="181" y="787"/>
                    <a:pt x="180" y="787"/>
                  </a:cubicBezTo>
                  <a:cubicBezTo>
                    <a:pt x="179" y="786"/>
                    <a:pt x="178" y="784"/>
                    <a:pt x="177" y="783"/>
                  </a:cubicBezTo>
                  <a:cubicBezTo>
                    <a:pt x="177" y="783"/>
                    <a:pt x="178" y="783"/>
                    <a:pt x="178" y="782"/>
                  </a:cubicBezTo>
                  <a:cubicBezTo>
                    <a:pt x="179" y="781"/>
                    <a:pt x="179" y="781"/>
                    <a:pt x="178" y="779"/>
                  </a:cubicBezTo>
                  <a:cubicBezTo>
                    <a:pt x="178" y="777"/>
                    <a:pt x="180" y="776"/>
                    <a:pt x="181" y="776"/>
                  </a:cubicBezTo>
                  <a:cubicBezTo>
                    <a:pt x="182" y="775"/>
                    <a:pt x="182" y="771"/>
                    <a:pt x="181" y="770"/>
                  </a:cubicBezTo>
                  <a:cubicBezTo>
                    <a:pt x="181" y="769"/>
                    <a:pt x="179" y="768"/>
                    <a:pt x="179" y="767"/>
                  </a:cubicBezTo>
                  <a:cubicBezTo>
                    <a:pt x="178" y="766"/>
                    <a:pt x="177" y="766"/>
                    <a:pt x="177" y="766"/>
                  </a:cubicBezTo>
                  <a:cubicBezTo>
                    <a:pt x="177" y="765"/>
                    <a:pt x="175" y="767"/>
                    <a:pt x="174" y="768"/>
                  </a:cubicBezTo>
                  <a:cubicBezTo>
                    <a:pt x="174" y="768"/>
                    <a:pt x="172" y="772"/>
                    <a:pt x="172" y="772"/>
                  </a:cubicBezTo>
                  <a:cubicBezTo>
                    <a:pt x="172" y="772"/>
                    <a:pt x="172" y="777"/>
                    <a:pt x="171" y="776"/>
                  </a:cubicBezTo>
                  <a:cubicBezTo>
                    <a:pt x="171" y="776"/>
                    <a:pt x="170" y="775"/>
                    <a:pt x="170" y="775"/>
                  </a:cubicBezTo>
                  <a:cubicBezTo>
                    <a:pt x="169" y="773"/>
                    <a:pt x="168" y="771"/>
                    <a:pt x="167" y="771"/>
                  </a:cubicBezTo>
                  <a:cubicBezTo>
                    <a:pt x="166" y="770"/>
                    <a:pt x="166" y="769"/>
                    <a:pt x="165" y="769"/>
                  </a:cubicBezTo>
                  <a:cubicBezTo>
                    <a:pt x="164" y="768"/>
                    <a:pt x="165" y="767"/>
                    <a:pt x="165" y="766"/>
                  </a:cubicBezTo>
                  <a:cubicBezTo>
                    <a:pt x="165" y="765"/>
                    <a:pt x="167" y="763"/>
                    <a:pt x="167" y="761"/>
                  </a:cubicBezTo>
                  <a:cubicBezTo>
                    <a:pt x="167" y="760"/>
                    <a:pt x="166" y="760"/>
                    <a:pt x="165" y="760"/>
                  </a:cubicBezTo>
                  <a:cubicBezTo>
                    <a:pt x="164" y="760"/>
                    <a:pt x="164" y="759"/>
                    <a:pt x="163" y="757"/>
                  </a:cubicBezTo>
                  <a:cubicBezTo>
                    <a:pt x="163" y="756"/>
                    <a:pt x="160" y="755"/>
                    <a:pt x="160" y="755"/>
                  </a:cubicBezTo>
                  <a:cubicBezTo>
                    <a:pt x="160" y="755"/>
                    <a:pt x="156" y="753"/>
                    <a:pt x="155" y="753"/>
                  </a:cubicBezTo>
                  <a:cubicBezTo>
                    <a:pt x="155" y="753"/>
                    <a:pt x="155" y="751"/>
                    <a:pt x="154" y="747"/>
                  </a:cubicBezTo>
                  <a:cubicBezTo>
                    <a:pt x="154" y="745"/>
                    <a:pt x="153" y="745"/>
                    <a:pt x="153" y="745"/>
                  </a:cubicBezTo>
                  <a:cubicBezTo>
                    <a:pt x="153" y="746"/>
                    <a:pt x="152" y="746"/>
                    <a:pt x="152" y="745"/>
                  </a:cubicBezTo>
                  <a:cubicBezTo>
                    <a:pt x="150" y="744"/>
                    <a:pt x="150" y="743"/>
                    <a:pt x="149" y="742"/>
                  </a:cubicBezTo>
                  <a:cubicBezTo>
                    <a:pt x="149" y="742"/>
                    <a:pt x="149" y="741"/>
                    <a:pt x="149" y="741"/>
                  </a:cubicBezTo>
                  <a:cubicBezTo>
                    <a:pt x="149" y="740"/>
                    <a:pt x="149" y="739"/>
                    <a:pt x="149" y="738"/>
                  </a:cubicBezTo>
                  <a:cubicBezTo>
                    <a:pt x="148" y="737"/>
                    <a:pt x="148" y="736"/>
                    <a:pt x="146" y="734"/>
                  </a:cubicBezTo>
                  <a:cubicBezTo>
                    <a:pt x="145" y="732"/>
                    <a:pt x="145" y="732"/>
                    <a:pt x="144" y="731"/>
                  </a:cubicBezTo>
                  <a:cubicBezTo>
                    <a:pt x="143" y="730"/>
                    <a:pt x="144" y="729"/>
                    <a:pt x="144" y="727"/>
                  </a:cubicBezTo>
                  <a:cubicBezTo>
                    <a:pt x="144" y="725"/>
                    <a:pt x="145" y="726"/>
                    <a:pt x="145" y="726"/>
                  </a:cubicBezTo>
                  <a:cubicBezTo>
                    <a:pt x="146" y="726"/>
                    <a:pt x="147" y="726"/>
                    <a:pt x="146" y="724"/>
                  </a:cubicBezTo>
                  <a:cubicBezTo>
                    <a:pt x="146" y="723"/>
                    <a:pt x="146" y="723"/>
                    <a:pt x="147" y="722"/>
                  </a:cubicBezTo>
                  <a:cubicBezTo>
                    <a:pt x="147" y="722"/>
                    <a:pt x="148" y="722"/>
                    <a:pt x="148" y="722"/>
                  </a:cubicBezTo>
                  <a:cubicBezTo>
                    <a:pt x="148" y="721"/>
                    <a:pt x="148" y="721"/>
                    <a:pt x="148" y="721"/>
                  </a:cubicBezTo>
                  <a:cubicBezTo>
                    <a:pt x="149" y="721"/>
                    <a:pt x="151" y="721"/>
                    <a:pt x="151" y="719"/>
                  </a:cubicBezTo>
                  <a:cubicBezTo>
                    <a:pt x="152" y="718"/>
                    <a:pt x="153" y="718"/>
                    <a:pt x="154" y="718"/>
                  </a:cubicBezTo>
                  <a:cubicBezTo>
                    <a:pt x="155" y="718"/>
                    <a:pt x="157" y="720"/>
                    <a:pt x="157" y="720"/>
                  </a:cubicBezTo>
                  <a:cubicBezTo>
                    <a:pt x="158" y="720"/>
                    <a:pt x="160" y="721"/>
                    <a:pt x="160" y="721"/>
                  </a:cubicBezTo>
                  <a:cubicBezTo>
                    <a:pt x="160" y="721"/>
                    <a:pt x="163" y="721"/>
                    <a:pt x="165" y="721"/>
                  </a:cubicBezTo>
                  <a:cubicBezTo>
                    <a:pt x="167" y="721"/>
                    <a:pt x="165" y="722"/>
                    <a:pt x="165" y="723"/>
                  </a:cubicBezTo>
                  <a:cubicBezTo>
                    <a:pt x="165" y="724"/>
                    <a:pt x="167" y="725"/>
                    <a:pt x="167" y="725"/>
                  </a:cubicBezTo>
                  <a:cubicBezTo>
                    <a:pt x="168" y="726"/>
                    <a:pt x="170" y="728"/>
                    <a:pt x="171" y="728"/>
                  </a:cubicBezTo>
                  <a:cubicBezTo>
                    <a:pt x="172" y="729"/>
                    <a:pt x="173" y="733"/>
                    <a:pt x="174" y="733"/>
                  </a:cubicBezTo>
                  <a:cubicBezTo>
                    <a:pt x="174" y="733"/>
                    <a:pt x="175" y="738"/>
                    <a:pt x="175" y="738"/>
                  </a:cubicBezTo>
                  <a:cubicBezTo>
                    <a:pt x="176" y="740"/>
                    <a:pt x="176" y="740"/>
                    <a:pt x="176" y="740"/>
                  </a:cubicBezTo>
                  <a:cubicBezTo>
                    <a:pt x="177" y="743"/>
                    <a:pt x="177" y="743"/>
                    <a:pt x="177" y="743"/>
                  </a:cubicBezTo>
                  <a:cubicBezTo>
                    <a:pt x="177" y="743"/>
                    <a:pt x="178" y="745"/>
                    <a:pt x="178" y="745"/>
                  </a:cubicBezTo>
                  <a:cubicBezTo>
                    <a:pt x="179" y="745"/>
                    <a:pt x="181" y="745"/>
                    <a:pt x="182" y="746"/>
                  </a:cubicBezTo>
                  <a:cubicBezTo>
                    <a:pt x="183" y="746"/>
                    <a:pt x="183" y="747"/>
                    <a:pt x="185" y="749"/>
                  </a:cubicBezTo>
                  <a:cubicBezTo>
                    <a:pt x="185" y="749"/>
                    <a:pt x="185" y="751"/>
                    <a:pt x="184" y="751"/>
                  </a:cubicBezTo>
                  <a:cubicBezTo>
                    <a:pt x="184" y="751"/>
                    <a:pt x="185" y="753"/>
                    <a:pt x="185" y="753"/>
                  </a:cubicBezTo>
                  <a:cubicBezTo>
                    <a:pt x="186" y="753"/>
                    <a:pt x="186" y="752"/>
                    <a:pt x="186" y="752"/>
                  </a:cubicBezTo>
                  <a:cubicBezTo>
                    <a:pt x="186" y="751"/>
                    <a:pt x="187" y="750"/>
                    <a:pt x="188" y="750"/>
                  </a:cubicBezTo>
                  <a:cubicBezTo>
                    <a:pt x="189" y="749"/>
                    <a:pt x="190" y="751"/>
                    <a:pt x="191" y="752"/>
                  </a:cubicBezTo>
                  <a:cubicBezTo>
                    <a:pt x="192" y="752"/>
                    <a:pt x="193" y="752"/>
                    <a:pt x="194" y="752"/>
                  </a:cubicBezTo>
                  <a:cubicBezTo>
                    <a:pt x="194" y="752"/>
                    <a:pt x="195" y="754"/>
                    <a:pt x="197" y="755"/>
                  </a:cubicBezTo>
                  <a:cubicBezTo>
                    <a:pt x="198" y="755"/>
                    <a:pt x="200" y="757"/>
                    <a:pt x="200" y="757"/>
                  </a:cubicBezTo>
                  <a:cubicBezTo>
                    <a:pt x="201" y="758"/>
                    <a:pt x="205" y="759"/>
                    <a:pt x="207" y="759"/>
                  </a:cubicBezTo>
                  <a:cubicBezTo>
                    <a:pt x="209" y="760"/>
                    <a:pt x="209" y="761"/>
                    <a:pt x="209" y="761"/>
                  </a:cubicBezTo>
                  <a:cubicBezTo>
                    <a:pt x="209" y="761"/>
                    <a:pt x="212" y="761"/>
                    <a:pt x="213" y="761"/>
                  </a:cubicBezTo>
                  <a:cubicBezTo>
                    <a:pt x="213" y="760"/>
                    <a:pt x="214" y="760"/>
                    <a:pt x="214" y="760"/>
                  </a:cubicBezTo>
                  <a:cubicBezTo>
                    <a:pt x="215" y="759"/>
                    <a:pt x="215" y="759"/>
                    <a:pt x="217" y="758"/>
                  </a:cubicBezTo>
                  <a:cubicBezTo>
                    <a:pt x="218" y="758"/>
                    <a:pt x="218" y="760"/>
                    <a:pt x="219" y="760"/>
                  </a:cubicBezTo>
                  <a:cubicBezTo>
                    <a:pt x="220" y="760"/>
                    <a:pt x="221" y="760"/>
                    <a:pt x="221" y="759"/>
                  </a:cubicBezTo>
                  <a:cubicBezTo>
                    <a:pt x="222" y="759"/>
                    <a:pt x="224" y="759"/>
                    <a:pt x="225" y="758"/>
                  </a:cubicBezTo>
                  <a:cubicBezTo>
                    <a:pt x="226" y="757"/>
                    <a:pt x="225" y="758"/>
                    <a:pt x="226" y="757"/>
                  </a:cubicBezTo>
                  <a:cubicBezTo>
                    <a:pt x="227" y="756"/>
                    <a:pt x="227" y="755"/>
                    <a:pt x="229" y="754"/>
                  </a:cubicBezTo>
                  <a:cubicBezTo>
                    <a:pt x="230" y="753"/>
                    <a:pt x="232" y="754"/>
                    <a:pt x="233" y="754"/>
                  </a:cubicBezTo>
                  <a:cubicBezTo>
                    <a:pt x="233" y="754"/>
                    <a:pt x="235" y="756"/>
                    <a:pt x="236" y="756"/>
                  </a:cubicBezTo>
                  <a:cubicBezTo>
                    <a:pt x="236" y="756"/>
                    <a:pt x="237" y="758"/>
                    <a:pt x="237" y="760"/>
                  </a:cubicBezTo>
                  <a:cubicBezTo>
                    <a:pt x="237" y="761"/>
                    <a:pt x="238" y="763"/>
                    <a:pt x="238" y="764"/>
                  </a:cubicBezTo>
                  <a:cubicBezTo>
                    <a:pt x="239" y="766"/>
                    <a:pt x="241" y="768"/>
                    <a:pt x="241" y="768"/>
                  </a:cubicBezTo>
                  <a:cubicBezTo>
                    <a:pt x="241" y="768"/>
                    <a:pt x="242" y="770"/>
                    <a:pt x="243" y="770"/>
                  </a:cubicBezTo>
                  <a:cubicBezTo>
                    <a:pt x="243" y="770"/>
                    <a:pt x="244" y="770"/>
                    <a:pt x="245" y="770"/>
                  </a:cubicBezTo>
                  <a:cubicBezTo>
                    <a:pt x="246" y="770"/>
                    <a:pt x="247" y="770"/>
                    <a:pt x="247" y="770"/>
                  </a:cubicBezTo>
                  <a:cubicBezTo>
                    <a:pt x="248" y="769"/>
                    <a:pt x="251" y="770"/>
                    <a:pt x="251" y="769"/>
                  </a:cubicBezTo>
                  <a:cubicBezTo>
                    <a:pt x="251" y="769"/>
                    <a:pt x="253" y="771"/>
                    <a:pt x="253" y="771"/>
                  </a:cubicBezTo>
                  <a:cubicBezTo>
                    <a:pt x="254" y="772"/>
                    <a:pt x="258" y="773"/>
                    <a:pt x="259" y="773"/>
                  </a:cubicBezTo>
                  <a:cubicBezTo>
                    <a:pt x="261" y="773"/>
                    <a:pt x="265" y="773"/>
                    <a:pt x="265" y="773"/>
                  </a:cubicBezTo>
                  <a:cubicBezTo>
                    <a:pt x="266" y="773"/>
                    <a:pt x="272" y="774"/>
                    <a:pt x="273" y="774"/>
                  </a:cubicBezTo>
                  <a:cubicBezTo>
                    <a:pt x="274" y="774"/>
                    <a:pt x="276" y="775"/>
                    <a:pt x="277" y="775"/>
                  </a:cubicBezTo>
                  <a:cubicBezTo>
                    <a:pt x="278" y="775"/>
                    <a:pt x="278" y="775"/>
                    <a:pt x="279" y="776"/>
                  </a:cubicBezTo>
                  <a:cubicBezTo>
                    <a:pt x="279" y="777"/>
                    <a:pt x="280" y="777"/>
                    <a:pt x="280" y="777"/>
                  </a:cubicBezTo>
                  <a:cubicBezTo>
                    <a:pt x="280" y="777"/>
                    <a:pt x="281" y="777"/>
                    <a:pt x="281" y="777"/>
                  </a:cubicBezTo>
                  <a:cubicBezTo>
                    <a:pt x="282" y="777"/>
                    <a:pt x="283" y="777"/>
                    <a:pt x="284" y="777"/>
                  </a:cubicBezTo>
                  <a:cubicBezTo>
                    <a:pt x="284" y="777"/>
                    <a:pt x="284" y="777"/>
                    <a:pt x="284" y="777"/>
                  </a:cubicBezTo>
                  <a:cubicBezTo>
                    <a:pt x="285" y="777"/>
                    <a:pt x="288" y="777"/>
                    <a:pt x="289" y="777"/>
                  </a:cubicBezTo>
                  <a:cubicBezTo>
                    <a:pt x="290" y="777"/>
                    <a:pt x="292" y="777"/>
                    <a:pt x="293" y="776"/>
                  </a:cubicBezTo>
                  <a:cubicBezTo>
                    <a:pt x="294" y="775"/>
                    <a:pt x="296" y="775"/>
                    <a:pt x="296" y="775"/>
                  </a:cubicBezTo>
                  <a:cubicBezTo>
                    <a:pt x="296" y="775"/>
                    <a:pt x="301" y="777"/>
                    <a:pt x="301" y="776"/>
                  </a:cubicBezTo>
                  <a:cubicBezTo>
                    <a:pt x="302" y="776"/>
                    <a:pt x="303" y="776"/>
                    <a:pt x="303" y="775"/>
                  </a:cubicBezTo>
                  <a:cubicBezTo>
                    <a:pt x="304" y="775"/>
                    <a:pt x="304" y="775"/>
                    <a:pt x="305" y="775"/>
                  </a:cubicBezTo>
                  <a:cubicBezTo>
                    <a:pt x="305" y="775"/>
                    <a:pt x="306" y="775"/>
                    <a:pt x="306" y="775"/>
                  </a:cubicBezTo>
                  <a:cubicBezTo>
                    <a:pt x="307" y="775"/>
                    <a:pt x="309" y="775"/>
                    <a:pt x="311" y="774"/>
                  </a:cubicBezTo>
                  <a:cubicBezTo>
                    <a:pt x="312" y="774"/>
                    <a:pt x="312" y="775"/>
                    <a:pt x="313" y="775"/>
                  </a:cubicBezTo>
                  <a:cubicBezTo>
                    <a:pt x="314" y="775"/>
                    <a:pt x="315" y="775"/>
                    <a:pt x="316" y="775"/>
                  </a:cubicBezTo>
                  <a:cubicBezTo>
                    <a:pt x="317" y="775"/>
                    <a:pt x="319" y="775"/>
                    <a:pt x="320" y="775"/>
                  </a:cubicBezTo>
                  <a:cubicBezTo>
                    <a:pt x="320" y="775"/>
                    <a:pt x="323" y="775"/>
                    <a:pt x="323" y="775"/>
                  </a:cubicBezTo>
                  <a:cubicBezTo>
                    <a:pt x="324" y="775"/>
                    <a:pt x="327" y="775"/>
                    <a:pt x="327" y="775"/>
                  </a:cubicBezTo>
                  <a:cubicBezTo>
                    <a:pt x="333" y="773"/>
                    <a:pt x="333" y="773"/>
                    <a:pt x="333" y="773"/>
                  </a:cubicBezTo>
                  <a:cubicBezTo>
                    <a:pt x="333" y="773"/>
                    <a:pt x="335" y="773"/>
                    <a:pt x="335" y="774"/>
                  </a:cubicBezTo>
                  <a:cubicBezTo>
                    <a:pt x="335" y="775"/>
                    <a:pt x="335" y="775"/>
                    <a:pt x="335" y="776"/>
                  </a:cubicBezTo>
                  <a:cubicBezTo>
                    <a:pt x="336" y="777"/>
                    <a:pt x="336" y="778"/>
                    <a:pt x="337" y="779"/>
                  </a:cubicBezTo>
                  <a:cubicBezTo>
                    <a:pt x="337" y="780"/>
                    <a:pt x="339" y="780"/>
                    <a:pt x="339" y="780"/>
                  </a:cubicBezTo>
                  <a:cubicBezTo>
                    <a:pt x="340" y="780"/>
                    <a:pt x="340" y="782"/>
                    <a:pt x="341" y="782"/>
                  </a:cubicBezTo>
                  <a:cubicBezTo>
                    <a:pt x="341" y="782"/>
                    <a:pt x="341" y="784"/>
                    <a:pt x="342" y="784"/>
                  </a:cubicBezTo>
                  <a:cubicBezTo>
                    <a:pt x="343" y="784"/>
                    <a:pt x="343" y="786"/>
                    <a:pt x="344" y="787"/>
                  </a:cubicBezTo>
                  <a:cubicBezTo>
                    <a:pt x="344" y="788"/>
                    <a:pt x="345" y="789"/>
                    <a:pt x="345" y="790"/>
                  </a:cubicBezTo>
                  <a:cubicBezTo>
                    <a:pt x="345" y="791"/>
                    <a:pt x="347" y="791"/>
                    <a:pt x="347" y="792"/>
                  </a:cubicBezTo>
                  <a:cubicBezTo>
                    <a:pt x="348" y="792"/>
                    <a:pt x="350" y="793"/>
                    <a:pt x="351" y="792"/>
                  </a:cubicBezTo>
                  <a:cubicBezTo>
                    <a:pt x="352" y="792"/>
                    <a:pt x="352" y="793"/>
                    <a:pt x="353" y="793"/>
                  </a:cubicBezTo>
                  <a:cubicBezTo>
                    <a:pt x="353" y="794"/>
                    <a:pt x="353" y="794"/>
                    <a:pt x="353" y="794"/>
                  </a:cubicBezTo>
                  <a:cubicBezTo>
                    <a:pt x="354" y="794"/>
                    <a:pt x="355" y="796"/>
                    <a:pt x="355" y="796"/>
                  </a:cubicBezTo>
                  <a:cubicBezTo>
                    <a:pt x="356" y="797"/>
                    <a:pt x="357" y="798"/>
                    <a:pt x="357" y="798"/>
                  </a:cubicBezTo>
                  <a:cubicBezTo>
                    <a:pt x="357" y="798"/>
                    <a:pt x="360" y="800"/>
                    <a:pt x="361" y="800"/>
                  </a:cubicBezTo>
                  <a:cubicBezTo>
                    <a:pt x="361" y="801"/>
                    <a:pt x="362" y="801"/>
                    <a:pt x="363" y="801"/>
                  </a:cubicBezTo>
                  <a:cubicBezTo>
                    <a:pt x="363" y="801"/>
                    <a:pt x="368" y="803"/>
                    <a:pt x="369" y="802"/>
                  </a:cubicBezTo>
                  <a:cubicBezTo>
                    <a:pt x="371" y="802"/>
                    <a:pt x="374" y="802"/>
                    <a:pt x="372" y="804"/>
                  </a:cubicBezTo>
                  <a:cubicBezTo>
                    <a:pt x="371" y="804"/>
                    <a:pt x="371" y="804"/>
                    <a:pt x="369" y="805"/>
                  </a:cubicBezTo>
                  <a:cubicBezTo>
                    <a:pt x="368" y="806"/>
                    <a:pt x="369" y="806"/>
                    <a:pt x="368" y="806"/>
                  </a:cubicBezTo>
                  <a:cubicBezTo>
                    <a:pt x="367" y="807"/>
                    <a:pt x="366" y="807"/>
                    <a:pt x="365" y="807"/>
                  </a:cubicBezTo>
                  <a:cubicBezTo>
                    <a:pt x="363" y="808"/>
                    <a:pt x="361" y="807"/>
                    <a:pt x="361" y="808"/>
                  </a:cubicBezTo>
                  <a:cubicBezTo>
                    <a:pt x="361" y="809"/>
                    <a:pt x="362" y="810"/>
                    <a:pt x="362" y="810"/>
                  </a:cubicBezTo>
                  <a:cubicBezTo>
                    <a:pt x="362" y="810"/>
                    <a:pt x="363" y="812"/>
                    <a:pt x="364" y="812"/>
                  </a:cubicBezTo>
                  <a:cubicBezTo>
                    <a:pt x="364" y="813"/>
                    <a:pt x="364" y="814"/>
                    <a:pt x="365" y="814"/>
                  </a:cubicBezTo>
                  <a:cubicBezTo>
                    <a:pt x="366" y="814"/>
                    <a:pt x="367" y="816"/>
                    <a:pt x="368" y="816"/>
                  </a:cubicBezTo>
                  <a:cubicBezTo>
                    <a:pt x="369" y="817"/>
                    <a:pt x="370" y="819"/>
                    <a:pt x="371" y="819"/>
                  </a:cubicBezTo>
                  <a:cubicBezTo>
                    <a:pt x="371" y="820"/>
                    <a:pt x="372" y="821"/>
                    <a:pt x="373" y="822"/>
                  </a:cubicBezTo>
                  <a:cubicBezTo>
                    <a:pt x="374" y="822"/>
                    <a:pt x="375" y="823"/>
                    <a:pt x="376" y="823"/>
                  </a:cubicBezTo>
                  <a:cubicBezTo>
                    <a:pt x="377" y="824"/>
                    <a:pt x="378" y="825"/>
                    <a:pt x="380" y="825"/>
                  </a:cubicBezTo>
                  <a:cubicBezTo>
                    <a:pt x="382" y="825"/>
                    <a:pt x="382" y="825"/>
                    <a:pt x="383" y="825"/>
                  </a:cubicBezTo>
                  <a:cubicBezTo>
                    <a:pt x="384" y="824"/>
                    <a:pt x="385" y="823"/>
                    <a:pt x="387" y="822"/>
                  </a:cubicBezTo>
                  <a:cubicBezTo>
                    <a:pt x="389" y="820"/>
                    <a:pt x="390" y="821"/>
                    <a:pt x="391" y="820"/>
                  </a:cubicBezTo>
                  <a:cubicBezTo>
                    <a:pt x="393" y="819"/>
                    <a:pt x="393" y="818"/>
                    <a:pt x="394" y="817"/>
                  </a:cubicBezTo>
                  <a:cubicBezTo>
                    <a:pt x="395" y="817"/>
                    <a:pt x="394" y="816"/>
                    <a:pt x="394" y="815"/>
                  </a:cubicBezTo>
                  <a:cubicBezTo>
                    <a:pt x="393" y="815"/>
                    <a:pt x="394" y="811"/>
                    <a:pt x="394" y="810"/>
                  </a:cubicBezTo>
                  <a:cubicBezTo>
                    <a:pt x="394" y="809"/>
                    <a:pt x="396" y="808"/>
                    <a:pt x="397" y="808"/>
                  </a:cubicBezTo>
                  <a:cubicBezTo>
                    <a:pt x="398" y="807"/>
                    <a:pt x="398" y="809"/>
                    <a:pt x="397" y="810"/>
                  </a:cubicBezTo>
                  <a:cubicBezTo>
                    <a:pt x="397" y="811"/>
                    <a:pt x="398" y="811"/>
                    <a:pt x="398" y="812"/>
                  </a:cubicBezTo>
                  <a:cubicBezTo>
                    <a:pt x="398" y="813"/>
                    <a:pt x="399" y="813"/>
                    <a:pt x="400" y="814"/>
                  </a:cubicBezTo>
                  <a:cubicBezTo>
                    <a:pt x="400" y="814"/>
                    <a:pt x="400" y="815"/>
                    <a:pt x="399" y="816"/>
                  </a:cubicBezTo>
                  <a:cubicBezTo>
                    <a:pt x="398" y="817"/>
                    <a:pt x="399" y="817"/>
                    <a:pt x="399" y="819"/>
                  </a:cubicBezTo>
                  <a:cubicBezTo>
                    <a:pt x="399" y="820"/>
                    <a:pt x="399" y="821"/>
                    <a:pt x="400" y="822"/>
                  </a:cubicBezTo>
                  <a:cubicBezTo>
                    <a:pt x="400" y="822"/>
                    <a:pt x="400" y="825"/>
                    <a:pt x="400" y="827"/>
                  </a:cubicBezTo>
                  <a:cubicBezTo>
                    <a:pt x="400" y="828"/>
                    <a:pt x="399" y="831"/>
                    <a:pt x="399" y="831"/>
                  </a:cubicBezTo>
                  <a:cubicBezTo>
                    <a:pt x="399" y="831"/>
                    <a:pt x="400" y="834"/>
                    <a:pt x="400" y="836"/>
                  </a:cubicBezTo>
                  <a:cubicBezTo>
                    <a:pt x="400" y="837"/>
                    <a:pt x="401" y="838"/>
                    <a:pt x="401" y="840"/>
                  </a:cubicBezTo>
                  <a:cubicBezTo>
                    <a:pt x="400" y="841"/>
                    <a:pt x="402" y="844"/>
                    <a:pt x="402" y="845"/>
                  </a:cubicBezTo>
                  <a:cubicBezTo>
                    <a:pt x="401" y="845"/>
                    <a:pt x="401" y="854"/>
                    <a:pt x="401" y="855"/>
                  </a:cubicBezTo>
                  <a:cubicBezTo>
                    <a:pt x="402" y="856"/>
                    <a:pt x="403" y="858"/>
                    <a:pt x="403" y="859"/>
                  </a:cubicBezTo>
                  <a:cubicBezTo>
                    <a:pt x="403" y="860"/>
                    <a:pt x="403" y="862"/>
                    <a:pt x="403" y="863"/>
                  </a:cubicBezTo>
                  <a:cubicBezTo>
                    <a:pt x="403" y="863"/>
                    <a:pt x="404" y="866"/>
                    <a:pt x="404" y="866"/>
                  </a:cubicBezTo>
                  <a:cubicBezTo>
                    <a:pt x="405" y="867"/>
                    <a:pt x="405" y="869"/>
                    <a:pt x="405" y="870"/>
                  </a:cubicBezTo>
                  <a:cubicBezTo>
                    <a:pt x="405" y="871"/>
                    <a:pt x="405" y="872"/>
                    <a:pt x="405" y="873"/>
                  </a:cubicBezTo>
                  <a:cubicBezTo>
                    <a:pt x="405" y="874"/>
                    <a:pt x="407" y="876"/>
                    <a:pt x="407" y="877"/>
                  </a:cubicBezTo>
                  <a:cubicBezTo>
                    <a:pt x="408" y="879"/>
                    <a:pt x="410" y="881"/>
                    <a:pt x="410" y="882"/>
                  </a:cubicBezTo>
                  <a:cubicBezTo>
                    <a:pt x="410" y="884"/>
                    <a:pt x="411" y="885"/>
                    <a:pt x="412" y="886"/>
                  </a:cubicBezTo>
                  <a:cubicBezTo>
                    <a:pt x="412" y="887"/>
                    <a:pt x="413" y="888"/>
                    <a:pt x="414" y="889"/>
                  </a:cubicBezTo>
                  <a:cubicBezTo>
                    <a:pt x="415" y="891"/>
                    <a:pt x="415" y="894"/>
                    <a:pt x="415" y="894"/>
                  </a:cubicBezTo>
                  <a:cubicBezTo>
                    <a:pt x="415" y="895"/>
                    <a:pt x="416" y="898"/>
                    <a:pt x="416" y="898"/>
                  </a:cubicBezTo>
                  <a:cubicBezTo>
                    <a:pt x="416" y="898"/>
                    <a:pt x="417" y="899"/>
                    <a:pt x="418" y="903"/>
                  </a:cubicBezTo>
                  <a:cubicBezTo>
                    <a:pt x="420" y="907"/>
                    <a:pt x="420" y="907"/>
                    <a:pt x="420" y="909"/>
                  </a:cubicBezTo>
                  <a:cubicBezTo>
                    <a:pt x="420" y="911"/>
                    <a:pt x="421" y="911"/>
                    <a:pt x="422" y="913"/>
                  </a:cubicBezTo>
                  <a:cubicBezTo>
                    <a:pt x="423" y="914"/>
                    <a:pt x="424" y="916"/>
                    <a:pt x="424" y="917"/>
                  </a:cubicBezTo>
                  <a:cubicBezTo>
                    <a:pt x="424" y="918"/>
                    <a:pt x="428" y="920"/>
                    <a:pt x="428" y="920"/>
                  </a:cubicBezTo>
                  <a:cubicBezTo>
                    <a:pt x="429" y="921"/>
                    <a:pt x="431" y="929"/>
                    <a:pt x="432" y="930"/>
                  </a:cubicBezTo>
                  <a:cubicBezTo>
                    <a:pt x="433" y="932"/>
                    <a:pt x="433" y="933"/>
                    <a:pt x="433" y="934"/>
                  </a:cubicBezTo>
                  <a:cubicBezTo>
                    <a:pt x="433" y="935"/>
                    <a:pt x="435" y="937"/>
                    <a:pt x="435" y="937"/>
                  </a:cubicBezTo>
                  <a:cubicBezTo>
                    <a:pt x="435" y="937"/>
                    <a:pt x="435" y="941"/>
                    <a:pt x="435" y="942"/>
                  </a:cubicBezTo>
                  <a:cubicBezTo>
                    <a:pt x="435" y="943"/>
                    <a:pt x="435" y="945"/>
                    <a:pt x="435" y="946"/>
                  </a:cubicBezTo>
                  <a:cubicBezTo>
                    <a:pt x="434" y="946"/>
                    <a:pt x="437" y="947"/>
                    <a:pt x="438" y="948"/>
                  </a:cubicBezTo>
                  <a:cubicBezTo>
                    <a:pt x="439" y="949"/>
                    <a:pt x="440" y="951"/>
                    <a:pt x="439" y="953"/>
                  </a:cubicBezTo>
                  <a:cubicBezTo>
                    <a:pt x="439" y="955"/>
                    <a:pt x="441" y="955"/>
                    <a:pt x="441" y="956"/>
                  </a:cubicBezTo>
                  <a:cubicBezTo>
                    <a:pt x="442" y="957"/>
                    <a:pt x="443" y="957"/>
                    <a:pt x="445" y="958"/>
                  </a:cubicBezTo>
                  <a:cubicBezTo>
                    <a:pt x="447" y="959"/>
                    <a:pt x="447" y="960"/>
                    <a:pt x="447" y="960"/>
                  </a:cubicBezTo>
                  <a:cubicBezTo>
                    <a:pt x="447" y="960"/>
                    <a:pt x="450" y="960"/>
                    <a:pt x="451" y="959"/>
                  </a:cubicBezTo>
                  <a:cubicBezTo>
                    <a:pt x="452" y="959"/>
                    <a:pt x="454" y="958"/>
                    <a:pt x="454" y="957"/>
                  </a:cubicBezTo>
                  <a:cubicBezTo>
                    <a:pt x="455" y="956"/>
                    <a:pt x="456" y="955"/>
                    <a:pt x="457" y="952"/>
                  </a:cubicBezTo>
                  <a:cubicBezTo>
                    <a:pt x="457" y="950"/>
                    <a:pt x="458" y="951"/>
                    <a:pt x="458" y="950"/>
                  </a:cubicBezTo>
                  <a:cubicBezTo>
                    <a:pt x="459" y="949"/>
                    <a:pt x="459" y="950"/>
                    <a:pt x="460" y="950"/>
                  </a:cubicBezTo>
                  <a:cubicBezTo>
                    <a:pt x="461" y="950"/>
                    <a:pt x="462" y="950"/>
                    <a:pt x="462" y="949"/>
                  </a:cubicBezTo>
                  <a:cubicBezTo>
                    <a:pt x="462" y="948"/>
                    <a:pt x="463" y="948"/>
                    <a:pt x="464" y="948"/>
                  </a:cubicBezTo>
                  <a:cubicBezTo>
                    <a:pt x="464" y="948"/>
                    <a:pt x="464" y="948"/>
                    <a:pt x="464" y="948"/>
                  </a:cubicBezTo>
                  <a:cubicBezTo>
                    <a:pt x="465" y="947"/>
                    <a:pt x="468" y="948"/>
                    <a:pt x="469" y="947"/>
                  </a:cubicBezTo>
                  <a:cubicBezTo>
                    <a:pt x="470" y="947"/>
                    <a:pt x="468" y="947"/>
                    <a:pt x="466" y="946"/>
                  </a:cubicBezTo>
                  <a:cubicBezTo>
                    <a:pt x="465" y="946"/>
                    <a:pt x="465" y="946"/>
                    <a:pt x="464" y="945"/>
                  </a:cubicBezTo>
                  <a:cubicBezTo>
                    <a:pt x="462" y="945"/>
                    <a:pt x="464" y="945"/>
                    <a:pt x="464" y="942"/>
                  </a:cubicBezTo>
                  <a:cubicBezTo>
                    <a:pt x="463" y="940"/>
                    <a:pt x="464" y="941"/>
                    <a:pt x="465" y="941"/>
                  </a:cubicBezTo>
                  <a:cubicBezTo>
                    <a:pt x="465" y="941"/>
                    <a:pt x="465" y="941"/>
                    <a:pt x="466" y="940"/>
                  </a:cubicBezTo>
                  <a:cubicBezTo>
                    <a:pt x="466" y="939"/>
                    <a:pt x="467" y="939"/>
                    <a:pt x="469" y="938"/>
                  </a:cubicBezTo>
                  <a:cubicBezTo>
                    <a:pt x="470" y="936"/>
                    <a:pt x="471" y="936"/>
                    <a:pt x="471" y="935"/>
                  </a:cubicBezTo>
                  <a:cubicBezTo>
                    <a:pt x="472" y="933"/>
                    <a:pt x="473" y="932"/>
                    <a:pt x="473" y="932"/>
                  </a:cubicBezTo>
                  <a:cubicBezTo>
                    <a:pt x="473" y="931"/>
                    <a:pt x="474" y="930"/>
                    <a:pt x="473" y="929"/>
                  </a:cubicBezTo>
                  <a:cubicBezTo>
                    <a:pt x="473" y="927"/>
                    <a:pt x="473" y="928"/>
                    <a:pt x="472" y="926"/>
                  </a:cubicBezTo>
                  <a:cubicBezTo>
                    <a:pt x="471" y="924"/>
                    <a:pt x="472" y="924"/>
                    <a:pt x="472" y="923"/>
                  </a:cubicBezTo>
                  <a:cubicBezTo>
                    <a:pt x="472" y="921"/>
                    <a:pt x="472" y="920"/>
                    <a:pt x="472" y="919"/>
                  </a:cubicBezTo>
                  <a:cubicBezTo>
                    <a:pt x="472" y="918"/>
                    <a:pt x="474" y="917"/>
                    <a:pt x="476" y="915"/>
                  </a:cubicBezTo>
                  <a:cubicBezTo>
                    <a:pt x="478" y="913"/>
                    <a:pt x="477" y="913"/>
                    <a:pt x="477" y="910"/>
                  </a:cubicBezTo>
                  <a:cubicBezTo>
                    <a:pt x="477" y="908"/>
                    <a:pt x="478" y="909"/>
                    <a:pt x="478" y="906"/>
                  </a:cubicBezTo>
                  <a:cubicBezTo>
                    <a:pt x="478" y="904"/>
                    <a:pt x="478" y="904"/>
                    <a:pt x="478" y="902"/>
                  </a:cubicBezTo>
                  <a:cubicBezTo>
                    <a:pt x="478" y="900"/>
                    <a:pt x="477" y="898"/>
                    <a:pt x="477" y="897"/>
                  </a:cubicBezTo>
                  <a:cubicBezTo>
                    <a:pt x="477" y="895"/>
                    <a:pt x="476" y="893"/>
                    <a:pt x="475" y="891"/>
                  </a:cubicBezTo>
                  <a:cubicBezTo>
                    <a:pt x="475" y="889"/>
                    <a:pt x="475" y="889"/>
                    <a:pt x="475" y="887"/>
                  </a:cubicBezTo>
                  <a:cubicBezTo>
                    <a:pt x="476" y="886"/>
                    <a:pt x="476" y="884"/>
                    <a:pt x="477" y="882"/>
                  </a:cubicBezTo>
                  <a:cubicBezTo>
                    <a:pt x="478" y="880"/>
                    <a:pt x="480" y="878"/>
                    <a:pt x="481" y="877"/>
                  </a:cubicBezTo>
                  <a:cubicBezTo>
                    <a:pt x="482" y="877"/>
                    <a:pt x="483" y="878"/>
                    <a:pt x="484" y="878"/>
                  </a:cubicBezTo>
                  <a:cubicBezTo>
                    <a:pt x="484" y="878"/>
                    <a:pt x="484" y="878"/>
                    <a:pt x="486" y="877"/>
                  </a:cubicBezTo>
                  <a:cubicBezTo>
                    <a:pt x="487" y="876"/>
                    <a:pt x="487" y="876"/>
                    <a:pt x="487" y="874"/>
                  </a:cubicBezTo>
                  <a:cubicBezTo>
                    <a:pt x="487" y="873"/>
                    <a:pt x="488" y="873"/>
                    <a:pt x="489" y="872"/>
                  </a:cubicBezTo>
                  <a:cubicBezTo>
                    <a:pt x="490" y="871"/>
                    <a:pt x="491" y="872"/>
                    <a:pt x="492" y="872"/>
                  </a:cubicBezTo>
                  <a:cubicBezTo>
                    <a:pt x="492" y="872"/>
                    <a:pt x="493" y="872"/>
                    <a:pt x="493" y="872"/>
                  </a:cubicBezTo>
                  <a:cubicBezTo>
                    <a:pt x="495" y="872"/>
                    <a:pt x="496" y="872"/>
                    <a:pt x="497" y="870"/>
                  </a:cubicBezTo>
                  <a:cubicBezTo>
                    <a:pt x="498" y="869"/>
                    <a:pt x="498" y="870"/>
                    <a:pt x="498" y="868"/>
                  </a:cubicBezTo>
                  <a:cubicBezTo>
                    <a:pt x="498" y="866"/>
                    <a:pt x="499" y="866"/>
                    <a:pt x="499" y="865"/>
                  </a:cubicBezTo>
                  <a:cubicBezTo>
                    <a:pt x="498" y="864"/>
                    <a:pt x="500" y="865"/>
                    <a:pt x="503" y="863"/>
                  </a:cubicBezTo>
                  <a:cubicBezTo>
                    <a:pt x="505" y="862"/>
                    <a:pt x="504" y="862"/>
                    <a:pt x="505" y="860"/>
                  </a:cubicBezTo>
                  <a:cubicBezTo>
                    <a:pt x="507" y="858"/>
                    <a:pt x="508" y="858"/>
                    <a:pt x="508" y="858"/>
                  </a:cubicBezTo>
                  <a:cubicBezTo>
                    <a:pt x="509" y="857"/>
                    <a:pt x="512" y="856"/>
                    <a:pt x="512" y="855"/>
                  </a:cubicBezTo>
                  <a:cubicBezTo>
                    <a:pt x="513" y="854"/>
                    <a:pt x="515" y="854"/>
                    <a:pt x="515" y="853"/>
                  </a:cubicBezTo>
                  <a:cubicBezTo>
                    <a:pt x="515" y="853"/>
                    <a:pt x="517" y="851"/>
                    <a:pt x="518" y="850"/>
                  </a:cubicBezTo>
                  <a:cubicBezTo>
                    <a:pt x="519" y="849"/>
                    <a:pt x="521" y="849"/>
                    <a:pt x="521" y="847"/>
                  </a:cubicBezTo>
                  <a:cubicBezTo>
                    <a:pt x="522" y="846"/>
                    <a:pt x="523" y="845"/>
                    <a:pt x="524" y="844"/>
                  </a:cubicBezTo>
                  <a:cubicBezTo>
                    <a:pt x="524" y="843"/>
                    <a:pt x="526" y="843"/>
                    <a:pt x="527" y="841"/>
                  </a:cubicBezTo>
                  <a:cubicBezTo>
                    <a:pt x="528" y="840"/>
                    <a:pt x="529" y="838"/>
                    <a:pt x="531" y="836"/>
                  </a:cubicBezTo>
                  <a:cubicBezTo>
                    <a:pt x="531" y="836"/>
                    <a:pt x="531" y="836"/>
                    <a:pt x="532" y="836"/>
                  </a:cubicBezTo>
                  <a:cubicBezTo>
                    <a:pt x="532" y="837"/>
                    <a:pt x="533" y="837"/>
                    <a:pt x="534" y="836"/>
                  </a:cubicBezTo>
                  <a:cubicBezTo>
                    <a:pt x="534" y="836"/>
                    <a:pt x="535" y="836"/>
                    <a:pt x="536" y="835"/>
                  </a:cubicBezTo>
                  <a:cubicBezTo>
                    <a:pt x="537" y="834"/>
                    <a:pt x="537" y="835"/>
                    <a:pt x="538" y="834"/>
                  </a:cubicBezTo>
                  <a:cubicBezTo>
                    <a:pt x="539" y="834"/>
                    <a:pt x="540" y="834"/>
                    <a:pt x="541" y="833"/>
                  </a:cubicBezTo>
                  <a:cubicBezTo>
                    <a:pt x="541" y="833"/>
                    <a:pt x="542" y="832"/>
                    <a:pt x="542" y="832"/>
                  </a:cubicBezTo>
                  <a:cubicBezTo>
                    <a:pt x="542" y="831"/>
                    <a:pt x="543" y="830"/>
                    <a:pt x="545" y="829"/>
                  </a:cubicBezTo>
                  <a:cubicBezTo>
                    <a:pt x="546" y="827"/>
                    <a:pt x="546" y="828"/>
                    <a:pt x="547" y="826"/>
                  </a:cubicBezTo>
                  <a:cubicBezTo>
                    <a:pt x="547" y="825"/>
                    <a:pt x="547" y="825"/>
                    <a:pt x="546" y="823"/>
                  </a:cubicBezTo>
                  <a:cubicBezTo>
                    <a:pt x="546" y="822"/>
                    <a:pt x="547" y="821"/>
                    <a:pt x="546" y="820"/>
                  </a:cubicBezTo>
                  <a:cubicBezTo>
                    <a:pt x="546" y="818"/>
                    <a:pt x="548" y="818"/>
                    <a:pt x="549" y="817"/>
                  </a:cubicBezTo>
                  <a:cubicBezTo>
                    <a:pt x="550" y="816"/>
                    <a:pt x="552" y="817"/>
                    <a:pt x="552" y="817"/>
                  </a:cubicBezTo>
                  <a:cubicBezTo>
                    <a:pt x="552" y="817"/>
                    <a:pt x="555" y="815"/>
                    <a:pt x="557" y="815"/>
                  </a:cubicBezTo>
                  <a:cubicBezTo>
                    <a:pt x="558" y="816"/>
                    <a:pt x="558" y="816"/>
                    <a:pt x="558" y="816"/>
                  </a:cubicBezTo>
                  <a:cubicBezTo>
                    <a:pt x="558" y="816"/>
                    <a:pt x="560" y="815"/>
                    <a:pt x="561" y="814"/>
                  </a:cubicBezTo>
                  <a:cubicBezTo>
                    <a:pt x="562" y="814"/>
                    <a:pt x="563" y="815"/>
                    <a:pt x="563" y="815"/>
                  </a:cubicBezTo>
                  <a:cubicBezTo>
                    <a:pt x="566" y="815"/>
                    <a:pt x="566" y="815"/>
                    <a:pt x="566" y="815"/>
                  </a:cubicBezTo>
                  <a:cubicBezTo>
                    <a:pt x="566" y="815"/>
                    <a:pt x="567" y="816"/>
                    <a:pt x="568" y="816"/>
                  </a:cubicBezTo>
                  <a:cubicBezTo>
                    <a:pt x="568" y="816"/>
                    <a:pt x="570" y="816"/>
                    <a:pt x="571" y="816"/>
                  </a:cubicBezTo>
                  <a:cubicBezTo>
                    <a:pt x="571" y="816"/>
                    <a:pt x="573" y="814"/>
                    <a:pt x="574" y="812"/>
                  </a:cubicBezTo>
                  <a:cubicBezTo>
                    <a:pt x="575" y="812"/>
                    <a:pt x="578" y="809"/>
                    <a:pt x="578" y="809"/>
                  </a:cubicBezTo>
                  <a:cubicBezTo>
                    <a:pt x="578" y="809"/>
                    <a:pt x="578" y="810"/>
                    <a:pt x="578" y="812"/>
                  </a:cubicBezTo>
                  <a:cubicBezTo>
                    <a:pt x="579" y="813"/>
                    <a:pt x="580" y="813"/>
                    <a:pt x="581" y="812"/>
                  </a:cubicBezTo>
                  <a:cubicBezTo>
                    <a:pt x="581" y="812"/>
                    <a:pt x="582" y="812"/>
                    <a:pt x="582" y="812"/>
                  </a:cubicBezTo>
                  <a:cubicBezTo>
                    <a:pt x="582" y="812"/>
                    <a:pt x="583" y="812"/>
                    <a:pt x="583" y="812"/>
                  </a:cubicBezTo>
                  <a:cubicBezTo>
                    <a:pt x="583" y="812"/>
                    <a:pt x="585" y="810"/>
                    <a:pt x="586" y="810"/>
                  </a:cubicBezTo>
                  <a:cubicBezTo>
                    <a:pt x="586" y="809"/>
                    <a:pt x="587" y="810"/>
                    <a:pt x="587" y="810"/>
                  </a:cubicBezTo>
                  <a:cubicBezTo>
                    <a:pt x="588" y="810"/>
                    <a:pt x="588" y="810"/>
                    <a:pt x="588" y="810"/>
                  </a:cubicBezTo>
                  <a:cubicBezTo>
                    <a:pt x="589" y="809"/>
                    <a:pt x="590" y="808"/>
                    <a:pt x="591" y="807"/>
                  </a:cubicBezTo>
                  <a:cubicBezTo>
                    <a:pt x="592" y="805"/>
                    <a:pt x="593" y="806"/>
                    <a:pt x="593" y="806"/>
                  </a:cubicBezTo>
                  <a:cubicBezTo>
                    <a:pt x="594" y="805"/>
                    <a:pt x="596" y="806"/>
                    <a:pt x="596" y="807"/>
                  </a:cubicBezTo>
                  <a:cubicBezTo>
                    <a:pt x="597" y="807"/>
                    <a:pt x="597" y="809"/>
                    <a:pt x="597" y="810"/>
                  </a:cubicBezTo>
                  <a:cubicBezTo>
                    <a:pt x="598" y="811"/>
                    <a:pt x="598" y="813"/>
                    <a:pt x="598" y="815"/>
                  </a:cubicBezTo>
                  <a:cubicBezTo>
                    <a:pt x="598" y="816"/>
                    <a:pt x="599" y="817"/>
                    <a:pt x="599" y="819"/>
                  </a:cubicBezTo>
                  <a:cubicBezTo>
                    <a:pt x="599" y="819"/>
                    <a:pt x="599" y="819"/>
                    <a:pt x="599" y="820"/>
                  </a:cubicBezTo>
                  <a:cubicBezTo>
                    <a:pt x="599" y="820"/>
                    <a:pt x="600" y="820"/>
                    <a:pt x="600" y="820"/>
                  </a:cubicBezTo>
                  <a:cubicBezTo>
                    <a:pt x="600" y="820"/>
                    <a:pt x="601" y="820"/>
                    <a:pt x="601" y="820"/>
                  </a:cubicBezTo>
                  <a:cubicBezTo>
                    <a:pt x="602" y="819"/>
                    <a:pt x="602" y="819"/>
                    <a:pt x="602" y="819"/>
                  </a:cubicBezTo>
                  <a:cubicBezTo>
                    <a:pt x="603" y="818"/>
                    <a:pt x="604" y="818"/>
                    <a:pt x="604" y="818"/>
                  </a:cubicBezTo>
                  <a:cubicBezTo>
                    <a:pt x="605" y="818"/>
                    <a:pt x="605" y="818"/>
                    <a:pt x="605" y="818"/>
                  </a:cubicBezTo>
                  <a:cubicBezTo>
                    <a:pt x="604" y="820"/>
                    <a:pt x="602" y="820"/>
                    <a:pt x="600" y="821"/>
                  </a:cubicBezTo>
                  <a:cubicBezTo>
                    <a:pt x="600" y="822"/>
                    <a:pt x="601" y="824"/>
                    <a:pt x="601" y="824"/>
                  </a:cubicBezTo>
                  <a:cubicBezTo>
                    <a:pt x="602" y="826"/>
                    <a:pt x="602" y="826"/>
                    <a:pt x="602" y="826"/>
                  </a:cubicBezTo>
                  <a:cubicBezTo>
                    <a:pt x="602" y="826"/>
                    <a:pt x="604" y="826"/>
                    <a:pt x="604" y="826"/>
                  </a:cubicBezTo>
                  <a:cubicBezTo>
                    <a:pt x="605" y="826"/>
                    <a:pt x="606" y="828"/>
                    <a:pt x="606" y="829"/>
                  </a:cubicBezTo>
                  <a:cubicBezTo>
                    <a:pt x="606" y="830"/>
                    <a:pt x="607" y="832"/>
                    <a:pt x="607" y="832"/>
                  </a:cubicBezTo>
                  <a:cubicBezTo>
                    <a:pt x="607" y="832"/>
                    <a:pt x="609" y="833"/>
                    <a:pt x="610" y="833"/>
                  </a:cubicBezTo>
                  <a:cubicBezTo>
                    <a:pt x="611" y="833"/>
                    <a:pt x="611" y="833"/>
                    <a:pt x="612" y="833"/>
                  </a:cubicBezTo>
                  <a:cubicBezTo>
                    <a:pt x="612" y="834"/>
                    <a:pt x="613" y="834"/>
                    <a:pt x="613" y="834"/>
                  </a:cubicBezTo>
                  <a:cubicBezTo>
                    <a:pt x="614" y="834"/>
                    <a:pt x="615" y="836"/>
                    <a:pt x="615" y="837"/>
                  </a:cubicBezTo>
                  <a:cubicBezTo>
                    <a:pt x="616" y="837"/>
                    <a:pt x="616" y="838"/>
                    <a:pt x="616" y="838"/>
                  </a:cubicBezTo>
                  <a:cubicBezTo>
                    <a:pt x="616" y="838"/>
                    <a:pt x="617" y="841"/>
                    <a:pt x="616" y="842"/>
                  </a:cubicBezTo>
                  <a:cubicBezTo>
                    <a:pt x="615" y="843"/>
                    <a:pt x="615" y="846"/>
                    <a:pt x="615" y="846"/>
                  </a:cubicBezTo>
                  <a:cubicBezTo>
                    <a:pt x="615" y="846"/>
                    <a:pt x="615" y="847"/>
                    <a:pt x="616" y="847"/>
                  </a:cubicBezTo>
                  <a:cubicBezTo>
                    <a:pt x="617" y="846"/>
                    <a:pt x="617" y="846"/>
                    <a:pt x="618" y="845"/>
                  </a:cubicBezTo>
                  <a:cubicBezTo>
                    <a:pt x="619" y="844"/>
                    <a:pt x="619" y="844"/>
                    <a:pt x="619" y="844"/>
                  </a:cubicBezTo>
                  <a:cubicBezTo>
                    <a:pt x="619" y="845"/>
                    <a:pt x="619" y="845"/>
                    <a:pt x="620" y="844"/>
                  </a:cubicBezTo>
                  <a:cubicBezTo>
                    <a:pt x="622" y="844"/>
                    <a:pt x="621" y="845"/>
                    <a:pt x="621" y="846"/>
                  </a:cubicBezTo>
                  <a:cubicBezTo>
                    <a:pt x="621" y="846"/>
                    <a:pt x="623" y="853"/>
                    <a:pt x="624" y="856"/>
                  </a:cubicBezTo>
                  <a:cubicBezTo>
                    <a:pt x="626" y="860"/>
                    <a:pt x="625" y="858"/>
                    <a:pt x="625" y="859"/>
                  </a:cubicBezTo>
                  <a:cubicBezTo>
                    <a:pt x="624" y="861"/>
                    <a:pt x="624" y="862"/>
                    <a:pt x="625" y="862"/>
                  </a:cubicBezTo>
                  <a:cubicBezTo>
                    <a:pt x="625" y="863"/>
                    <a:pt x="625" y="869"/>
                    <a:pt x="625" y="869"/>
                  </a:cubicBezTo>
                  <a:cubicBezTo>
                    <a:pt x="625" y="870"/>
                    <a:pt x="624" y="873"/>
                    <a:pt x="624" y="874"/>
                  </a:cubicBezTo>
                  <a:cubicBezTo>
                    <a:pt x="623" y="875"/>
                    <a:pt x="624" y="876"/>
                    <a:pt x="625" y="876"/>
                  </a:cubicBezTo>
                  <a:cubicBezTo>
                    <a:pt x="625" y="876"/>
                    <a:pt x="626" y="876"/>
                    <a:pt x="627" y="876"/>
                  </a:cubicBezTo>
                  <a:cubicBezTo>
                    <a:pt x="628" y="876"/>
                    <a:pt x="629" y="876"/>
                    <a:pt x="629" y="876"/>
                  </a:cubicBezTo>
                  <a:cubicBezTo>
                    <a:pt x="629" y="876"/>
                    <a:pt x="630" y="877"/>
                    <a:pt x="631" y="877"/>
                  </a:cubicBezTo>
                  <a:cubicBezTo>
                    <a:pt x="632" y="878"/>
                    <a:pt x="633" y="878"/>
                    <a:pt x="634" y="878"/>
                  </a:cubicBezTo>
                  <a:cubicBezTo>
                    <a:pt x="635" y="878"/>
                    <a:pt x="636" y="878"/>
                    <a:pt x="636" y="877"/>
                  </a:cubicBezTo>
                  <a:cubicBezTo>
                    <a:pt x="637" y="876"/>
                    <a:pt x="638" y="875"/>
                    <a:pt x="639" y="874"/>
                  </a:cubicBezTo>
                  <a:cubicBezTo>
                    <a:pt x="639" y="874"/>
                    <a:pt x="642" y="874"/>
                    <a:pt x="643" y="873"/>
                  </a:cubicBezTo>
                  <a:cubicBezTo>
                    <a:pt x="644" y="872"/>
                    <a:pt x="644" y="869"/>
                    <a:pt x="645" y="868"/>
                  </a:cubicBezTo>
                  <a:cubicBezTo>
                    <a:pt x="645" y="866"/>
                    <a:pt x="647" y="866"/>
                    <a:pt x="648" y="865"/>
                  </a:cubicBezTo>
                  <a:cubicBezTo>
                    <a:pt x="649" y="865"/>
                    <a:pt x="650" y="862"/>
                    <a:pt x="651" y="863"/>
                  </a:cubicBezTo>
                  <a:cubicBezTo>
                    <a:pt x="652" y="863"/>
                    <a:pt x="652" y="865"/>
                    <a:pt x="652" y="866"/>
                  </a:cubicBezTo>
                  <a:cubicBezTo>
                    <a:pt x="652" y="867"/>
                    <a:pt x="654" y="869"/>
                    <a:pt x="654" y="870"/>
                  </a:cubicBezTo>
                  <a:cubicBezTo>
                    <a:pt x="654" y="871"/>
                    <a:pt x="656" y="871"/>
                    <a:pt x="657" y="873"/>
                  </a:cubicBezTo>
                  <a:cubicBezTo>
                    <a:pt x="658" y="875"/>
                    <a:pt x="657" y="876"/>
                    <a:pt x="657" y="877"/>
                  </a:cubicBezTo>
                  <a:cubicBezTo>
                    <a:pt x="657" y="878"/>
                    <a:pt x="658" y="881"/>
                    <a:pt x="658" y="882"/>
                  </a:cubicBezTo>
                  <a:cubicBezTo>
                    <a:pt x="658" y="882"/>
                    <a:pt x="659" y="885"/>
                    <a:pt x="660" y="886"/>
                  </a:cubicBezTo>
                  <a:cubicBezTo>
                    <a:pt x="660" y="887"/>
                    <a:pt x="659" y="889"/>
                    <a:pt x="658" y="890"/>
                  </a:cubicBezTo>
                  <a:cubicBezTo>
                    <a:pt x="658" y="891"/>
                    <a:pt x="659" y="893"/>
                    <a:pt x="659" y="893"/>
                  </a:cubicBezTo>
                  <a:cubicBezTo>
                    <a:pt x="659" y="893"/>
                    <a:pt x="661" y="894"/>
                    <a:pt x="661" y="895"/>
                  </a:cubicBezTo>
                  <a:cubicBezTo>
                    <a:pt x="662" y="895"/>
                    <a:pt x="663" y="898"/>
                    <a:pt x="663" y="902"/>
                  </a:cubicBezTo>
                  <a:cubicBezTo>
                    <a:pt x="663" y="906"/>
                    <a:pt x="664" y="904"/>
                    <a:pt x="664" y="904"/>
                  </a:cubicBezTo>
                  <a:cubicBezTo>
                    <a:pt x="664" y="904"/>
                    <a:pt x="665" y="905"/>
                    <a:pt x="666" y="906"/>
                  </a:cubicBezTo>
                  <a:cubicBezTo>
                    <a:pt x="667" y="907"/>
                    <a:pt x="667" y="908"/>
                    <a:pt x="667" y="909"/>
                  </a:cubicBezTo>
                  <a:cubicBezTo>
                    <a:pt x="667" y="909"/>
                    <a:pt x="668" y="912"/>
                    <a:pt x="668" y="913"/>
                  </a:cubicBezTo>
                  <a:cubicBezTo>
                    <a:pt x="668" y="914"/>
                    <a:pt x="668" y="915"/>
                    <a:pt x="667" y="916"/>
                  </a:cubicBezTo>
                  <a:cubicBezTo>
                    <a:pt x="666" y="917"/>
                    <a:pt x="667" y="917"/>
                    <a:pt x="666" y="917"/>
                  </a:cubicBezTo>
                  <a:cubicBezTo>
                    <a:pt x="665" y="917"/>
                    <a:pt x="666" y="920"/>
                    <a:pt x="667" y="921"/>
                  </a:cubicBezTo>
                  <a:cubicBezTo>
                    <a:pt x="667" y="922"/>
                    <a:pt x="667" y="921"/>
                    <a:pt x="668" y="921"/>
                  </a:cubicBezTo>
                  <a:cubicBezTo>
                    <a:pt x="668" y="920"/>
                    <a:pt x="668" y="920"/>
                    <a:pt x="669" y="920"/>
                  </a:cubicBezTo>
                  <a:cubicBezTo>
                    <a:pt x="669" y="920"/>
                    <a:pt x="669" y="927"/>
                    <a:pt x="669" y="929"/>
                  </a:cubicBezTo>
                  <a:cubicBezTo>
                    <a:pt x="668" y="931"/>
                    <a:pt x="669" y="930"/>
                    <a:pt x="668" y="931"/>
                  </a:cubicBezTo>
                  <a:cubicBezTo>
                    <a:pt x="668" y="932"/>
                    <a:pt x="667" y="933"/>
                    <a:pt x="667" y="933"/>
                  </a:cubicBezTo>
                  <a:cubicBezTo>
                    <a:pt x="667" y="933"/>
                    <a:pt x="668" y="933"/>
                    <a:pt x="668" y="934"/>
                  </a:cubicBezTo>
                  <a:cubicBezTo>
                    <a:pt x="669" y="934"/>
                    <a:pt x="669" y="934"/>
                    <a:pt x="669" y="934"/>
                  </a:cubicBezTo>
                  <a:cubicBezTo>
                    <a:pt x="670" y="935"/>
                    <a:pt x="669" y="937"/>
                    <a:pt x="669" y="937"/>
                  </a:cubicBezTo>
                  <a:cubicBezTo>
                    <a:pt x="669" y="937"/>
                    <a:pt x="668" y="940"/>
                    <a:pt x="667" y="940"/>
                  </a:cubicBezTo>
                  <a:cubicBezTo>
                    <a:pt x="666" y="941"/>
                    <a:pt x="666" y="943"/>
                    <a:pt x="666" y="944"/>
                  </a:cubicBezTo>
                  <a:cubicBezTo>
                    <a:pt x="665" y="945"/>
                    <a:pt x="665" y="946"/>
                    <a:pt x="665" y="947"/>
                  </a:cubicBezTo>
                  <a:cubicBezTo>
                    <a:pt x="664" y="947"/>
                    <a:pt x="665" y="949"/>
                    <a:pt x="664" y="951"/>
                  </a:cubicBezTo>
                  <a:cubicBezTo>
                    <a:pt x="664" y="952"/>
                    <a:pt x="663" y="955"/>
                    <a:pt x="663" y="957"/>
                  </a:cubicBezTo>
                  <a:cubicBezTo>
                    <a:pt x="663" y="957"/>
                    <a:pt x="664" y="958"/>
                    <a:pt x="664" y="957"/>
                  </a:cubicBezTo>
                  <a:cubicBezTo>
                    <a:pt x="665" y="956"/>
                    <a:pt x="667" y="957"/>
                    <a:pt x="668" y="958"/>
                  </a:cubicBezTo>
                  <a:cubicBezTo>
                    <a:pt x="669" y="958"/>
                    <a:pt x="669" y="959"/>
                    <a:pt x="669" y="959"/>
                  </a:cubicBezTo>
                  <a:cubicBezTo>
                    <a:pt x="669" y="959"/>
                    <a:pt x="671" y="962"/>
                    <a:pt x="672" y="962"/>
                  </a:cubicBezTo>
                  <a:cubicBezTo>
                    <a:pt x="673" y="963"/>
                    <a:pt x="675" y="966"/>
                    <a:pt x="675" y="966"/>
                  </a:cubicBezTo>
                  <a:cubicBezTo>
                    <a:pt x="675" y="967"/>
                    <a:pt x="675" y="968"/>
                    <a:pt x="676" y="969"/>
                  </a:cubicBezTo>
                  <a:cubicBezTo>
                    <a:pt x="676" y="970"/>
                    <a:pt x="678" y="971"/>
                    <a:pt x="678" y="972"/>
                  </a:cubicBezTo>
                  <a:cubicBezTo>
                    <a:pt x="679" y="972"/>
                    <a:pt x="680" y="974"/>
                    <a:pt x="680" y="975"/>
                  </a:cubicBezTo>
                  <a:cubicBezTo>
                    <a:pt x="680" y="975"/>
                    <a:pt x="680" y="975"/>
                    <a:pt x="679" y="975"/>
                  </a:cubicBezTo>
                  <a:cubicBezTo>
                    <a:pt x="678" y="976"/>
                    <a:pt x="677" y="976"/>
                    <a:pt x="676" y="976"/>
                  </a:cubicBezTo>
                  <a:cubicBezTo>
                    <a:pt x="676" y="976"/>
                    <a:pt x="678" y="977"/>
                    <a:pt x="679" y="978"/>
                  </a:cubicBezTo>
                  <a:cubicBezTo>
                    <a:pt x="679" y="978"/>
                    <a:pt x="682" y="978"/>
                    <a:pt x="682" y="978"/>
                  </a:cubicBezTo>
                  <a:cubicBezTo>
                    <a:pt x="682" y="978"/>
                    <a:pt x="683" y="978"/>
                    <a:pt x="684" y="979"/>
                  </a:cubicBezTo>
                  <a:cubicBezTo>
                    <a:pt x="684" y="980"/>
                    <a:pt x="685" y="981"/>
                    <a:pt x="685" y="982"/>
                  </a:cubicBezTo>
                  <a:cubicBezTo>
                    <a:pt x="685" y="984"/>
                    <a:pt x="685" y="986"/>
                    <a:pt x="685" y="987"/>
                  </a:cubicBezTo>
                  <a:cubicBezTo>
                    <a:pt x="685" y="989"/>
                    <a:pt x="686" y="990"/>
                    <a:pt x="686" y="991"/>
                  </a:cubicBezTo>
                  <a:cubicBezTo>
                    <a:pt x="687" y="992"/>
                    <a:pt x="687" y="994"/>
                    <a:pt x="687" y="996"/>
                  </a:cubicBezTo>
                  <a:cubicBezTo>
                    <a:pt x="687" y="998"/>
                    <a:pt x="687" y="998"/>
                    <a:pt x="687" y="999"/>
                  </a:cubicBezTo>
                  <a:cubicBezTo>
                    <a:pt x="687" y="999"/>
                    <a:pt x="689" y="1002"/>
                    <a:pt x="690" y="1002"/>
                  </a:cubicBezTo>
                  <a:cubicBezTo>
                    <a:pt x="690" y="1003"/>
                    <a:pt x="693" y="1008"/>
                    <a:pt x="693" y="1009"/>
                  </a:cubicBezTo>
                  <a:cubicBezTo>
                    <a:pt x="693" y="1010"/>
                    <a:pt x="695" y="1012"/>
                    <a:pt x="695" y="1013"/>
                  </a:cubicBezTo>
                  <a:cubicBezTo>
                    <a:pt x="695" y="1013"/>
                    <a:pt x="698" y="1016"/>
                    <a:pt x="699" y="1016"/>
                  </a:cubicBezTo>
                  <a:cubicBezTo>
                    <a:pt x="700" y="1017"/>
                    <a:pt x="703" y="1020"/>
                    <a:pt x="703" y="1020"/>
                  </a:cubicBezTo>
                  <a:cubicBezTo>
                    <a:pt x="704" y="1020"/>
                    <a:pt x="708" y="1025"/>
                    <a:pt x="708" y="1025"/>
                  </a:cubicBezTo>
                  <a:cubicBezTo>
                    <a:pt x="709" y="1026"/>
                    <a:pt x="713" y="1028"/>
                    <a:pt x="713" y="1028"/>
                  </a:cubicBezTo>
                  <a:cubicBezTo>
                    <a:pt x="719" y="1030"/>
                    <a:pt x="719" y="1030"/>
                    <a:pt x="719" y="1030"/>
                  </a:cubicBezTo>
                  <a:cubicBezTo>
                    <a:pt x="724" y="1032"/>
                    <a:pt x="724" y="1032"/>
                    <a:pt x="724" y="1032"/>
                  </a:cubicBezTo>
                  <a:cubicBezTo>
                    <a:pt x="724" y="1032"/>
                    <a:pt x="726" y="1031"/>
                    <a:pt x="726" y="1029"/>
                  </a:cubicBezTo>
                  <a:cubicBezTo>
                    <a:pt x="726" y="1027"/>
                    <a:pt x="726" y="1028"/>
                    <a:pt x="726" y="1026"/>
                  </a:cubicBezTo>
                  <a:cubicBezTo>
                    <a:pt x="725" y="1025"/>
                    <a:pt x="725" y="1024"/>
                    <a:pt x="724" y="1023"/>
                  </a:cubicBezTo>
                  <a:cubicBezTo>
                    <a:pt x="723" y="1022"/>
                    <a:pt x="722" y="1021"/>
                    <a:pt x="722" y="1020"/>
                  </a:cubicBezTo>
                  <a:cubicBezTo>
                    <a:pt x="721" y="1020"/>
                    <a:pt x="721" y="1017"/>
                    <a:pt x="720" y="1015"/>
                  </a:cubicBezTo>
                  <a:cubicBezTo>
                    <a:pt x="720" y="1013"/>
                    <a:pt x="719" y="1013"/>
                    <a:pt x="717" y="1011"/>
                  </a:cubicBezTo>
                  <a:cubicBezTo>
                    <a:pt x="715" y="1009"/>
                    <a:pt x="717" y="1009"/>
                    <a:pt x="717" y="1005"/>
                  </a:cubicBezTo>
                  <a:cubicBezTo>
                    <a:pt x="716" y="1001"/>
                    <a:pt x="717" y="1002"/>
                    <a:pt x="717" y="999"/>
                  </a:cubicBezTo>
                  <a:cubicBezTo>
                    <a:pt x="717" y="996"/>
                    <a:pt x="718" y="996"/>
                    <a:pt x="718" y="994"/>
                  </a:cubicBezTo>
                  <a:cubicBezTo>
                    <a:pt x="717" y="992"/>
                    <a:pt x="715" y="991"/>
                    <a:pt x="715" y="990"/>
                  </a:cubicBezTo>
                  <a:cubicBezTo>
                    <a:pt x="715" y="989"/>
                    <a:pt x="713" y="986"/>
                    <a:pt x="712" y="985"/>
                  </a:cubicBezTo>
                  <a:cubicBezTo>
                    <a:pt x="711" y="984"/>
                    <a:pt x="710" y="984"/>
                    <a:pt x="709" y="983"/>
                  </a:cubicBezTo>
                  <a:cubicBezTo>
                    <a:pt x="708" y="982"/>
                    <a:pt x="707" y="981"/>
                    <a:pt x="706" y="980"/>
                  </a:cubicBezTo>
                  <a:cubicBezTo>
                    <a:pt x="705" y="980"/>
                    <a:pt x="704" y="980"/>
                    <a:pt x="703" y="980"/>
                  </a:cubicBezTo>
                  <a:cubicBezTo>
                    <a:pt x="703" y="980"/>
                    <a:pt x="703" y="980"/>
                    <a:pt x="703" y="980"/>
                  </a:cubicBezTo>
                  <a:cubicBezTo>
                    <a:pt x="702" y="979"/>
                    <a:pt x="702" y="979"/>
                    <a:pt x="702" y="977"/>
                  </a:cubicBezTo>
                  <a:cubicBezTo>
                    <a:pt x="702" y="975"/>
                    <a:pt x="700" y="975"/>
                    <a:pt x="700" y="975"/>
                  </a:cubicBezTo>
                  <a:cubicBezTo>
                    <a:pt x="699" y="975"/>
                    <a:pt x="697" y="973"/>
                    <a:pt x="697" y="973"/>
                  </a:cubicBezTo>
                  <a:cubicBezTo>
                    <a:pt x="697" y="973"/>
                    <a:pt x="696" y="973"/>
                    <a:pt x="695" y="972"/>
                  </a:cubicBezTo>
                  <a:cubicBezTo>
                    <a:pt x="694" y="971"/>
                    <a:pt x="693" y="972"/>
                    <a:pt x="693" y="971"/>
                  </a:cubicBezTo>
                  <a:cubicBezTo>
                    <a:pt x="692" y="971"/>
                    <a:pt x="692" y="971"/>
                    <a:pt x="692" y="971"/>
                  </a:cubicBezTo>
                  <a:cubicBezTo>
                    <a:pt x="691" y="971"/>
                    <a:pt x="691" y="971"/>
                    <a:pt x="691" y="971"/>
                  </a:cubicBezTo>
                  <a:cubicBezTo>
                    <a:pt x="690" y="970"/>
                    <a:pt x="690" y="970"/>
                    <a:pt x="690" y="970"/>
                  </a:cubicBezTo>
                  <a:cubicBezTo>
                    <a:pt x="690" y="970"/>
                    <a:pt x="689" y="970"/>
                    <a:pt x="689" y="970"/>
                  </a:cubicBezTo>
                  <a:cubicBezTo>
                    <a:pt x="689" y="970"/>
                    <a:pt x="687" y="969"/>
                    <a:pt x="687" y="968"/>
                  </a:cubicBezTo>
                  <a:cubicBezTo>
                    <a:pt x="686" y="968"/>
                    <a:pt x="686" y="967"/>
                    <a:pt x="685" y="966"/>
                  </a:cubicBezTo>
                  <a:cubicBezTo>
                    <a:pt x="685" y="965"/>
                    <a:pt x="685" y="965"/>
                    <a:pt x="685" y="964"/>
                  </a:cubicBezTo>
                  <a:cubicBezTo>
                    <a:pt x="685" y="963"/>
                    <a:pt x="685" y="961"/>
                    <a:pt x="684" y="960"/>
                  </a:cubicBezTo>
                  <a:cubicBezTo>
                    <a:pt x="684" y="959"/>
                    <a:pt x="685" y="960"/>
                    <a:pt x="685" y="958"/>
                  </a:cubicBezTo>
                  <a:cubicBezTo>
                    <a:pt x="684" y="956"/>
                    <a:pt x="683" y="956"/>
                    <a:pt x="683" y="956"/>
                  </a:cubicBezTo>
                  <a:cubicBezTo>
                    <a:pt x="682" y="955"/>
                    <a:pt x="683" y="955"/>
                    <a:pt x="682" y="954"/>
                  </a:cubicBezTo>
                  <a:cubicBezTo>
                    <a:pt x="682" y="953"/>
                    <a:pt x="681" y="952"/>
                    <a:pt x="680" y="951"/>
                  </a:cubicBezTo>
                  <a:cubicBezTo>
                    <a:pt x="678" y="949"/>
                    <a:pt x="680" y="950"/>
                    <a:pt x="680" y="949"/>
                  </a:cubicBezTo>
                  <a:cubicBezTo>
                    <a:pt x="680" y="947"/>
                    <a:pt x="680" y="947"/>
                    <a:pt x="679" y="947"/>
                  </a:cubicBezTo>
                  <a:cubicBezTo>
                    <a:pt x="678" y="946"/>
                    <a:pt x="679" y="947"/>
                    <a:pt x="677" y="947"/>
                  </a:cubicBezTo>
                  <a:cubicBezTo>
                    <a:pt x="676" y="947"/>
                    <a:pt x="676" y="947"/>
                    <a:pt x="675" y="946"/>
                  </a:cubicBezTo>
                  <a:cubicBezTo>
                    <a:pt x="674" y="945"/>
                    <a:pt x="674" y="944"/>
                    <a:pt x="674" y="943"/>
                  </a:cubicBezTo>
                  <a:cubicBezTo>
                    <a:pt x="673" y="942"/>
                    <a:pt x="674" y="941"/>
                    <a:pt x="674" y="940"/>
                  </a:cubicBezTo>
                  <a:cubicBezTo>
                    <a:pt x="674" y="938"/>
                    <a:pt x="674" y="935"/>
                    <a:pt x="674" y="934"/>
                  </a:cubicBezTo>
                  <a:cubicBezTo>
                    <a:pt x="675" y="933"/>
                    <a:pt x="679" y="922"/>
                    <a:pt x="679" y="921"/>
                  </a:cubicBezTo>
                  <a:cubicBezTo>
                    <a:pt x="679" y="919"/>
                    <a:pt x="681" y="919"/>
                    <a:pt x="681" y="918"/>
                  </a:cubicBezTo>
                  <a:cubicBezTo>
                    <a:pt x="682" y="917"/>
                    <a:pt x="682" y="916"/>
                    <a:pt x="682" y="915"/>
                  </a:cubicBezTo>
                  <a:cubicBezTo>
                    <a:pt x="682" y="913"/>
                    <a:pt x="682" y="911"/>
                    <a:pt x="682" y="908"/>
                  </a:cubicBezTo>
                  <a:cubicBezTo>
                    <a:pt x="682" y="905"/>
                    <a:pt x="682" y="905"/>
                    <a:pt x="683" y="903"/>
                  </a:cubicBezTo>
                  <a:cubicBezTo>
                    <a:pt x="683" y="902"/>
                    <a:pt x="684" y="902"/>
                    <a:pt x="685" y="902"/>
                  </a:cubicBezTo>
                  <a:cubicBezTo>
                    <a:pt x="685" y="902"/>
                    <a:pt x="685" y="902"/>
                    <a:pt x="686" y="902"/>
                  </a:cubicBezTo>
                  <a:cubicBezTo>
                    <a:pt x="687" y="901"/>
                    <a:pt x="689" y="901"/>
                    <a:pt x="689" y="902"/>
                  </a:cubicBezTo>
                  <a:cubicBezTo>
                    <a:pt x="690" y="902"/>
                    <a:pt x="691" y="903"/>
                    <a:pt x="691" y="904"/>
                  </a:cubicBezTo>
                  <a:cubicBezTo>
                    <a:pt x="690" y="905"/>
                    <a:pt x="691" y="907"/>
                    <a:pt x="691" y="908"/>
                  </a:cubicBezTo>
                  <a:cubicBezTo>
                    <a:pt x="690" y="909"/>
                    <a:pt x="691" y="910"/>
                    <a:pt x="691" y="911"/>
                  </a:cubicBezTo>
                  <a:cubicBezTo>
                    <a:pt x="691" y="912"/>
                    <a:pt x="697" y="912"/>
                    <a:pt x="698" y="911"/>
                  </a:cubicBezTo>
                  <a:cubicBezTo>
                    <a:pt x="700" y="911"/>
                    <a:pt x="701" y="912"/>
                    <a:pt x="702" y="913"/>
                  </a:cubicBezTo>
                  <a:cubicBezTo>
                    <a:pt x="703" y="913"/>
                    <a:pt x="704" y="914"/>
                    <a:pt x="705" y="915"/>
                  </a:cubicBezTo>
                  <a:cubicBezTo>
                    <a:pt x="705" y="915"/>
                    <a:pt x="707" y="919"/>
                    <a:pt x="709" y="919"/>
                  </a:cubicBezTo>
                  <a:cubicBezTo>
                    <a:pt x="710" y="919"/>
                    <a:pt x="710" y="919"/>
                    <a:pt x="711" y="920"/>
                  </a:cubicBezTo>
                  <a:cubicBezTo>
                    <a:pt x="711" y="920"/>
                    <a:pt x="712" y="922"/>
                    <a:pt x="712" y="922"/>
                  </a:cubicBezTo>
                  <a:cubicBezTo>
                    <a:pt x="712" y="922"/>
                    <a:pt x="714" y="925"/>
                    <a:pt x="715" y="926"/>
                  </a:cubicBezTo>
                  <a:cubicBezTo>
                    <a:pt x="716" y="927"/>
                    <a:pt x="716" y="929"/>
                    <a:pt x="717" y="929"/>
                  </a:cubicBezTo>
                  <a:cubicBezTo>
                    <a:pt x="717" y="930"/>
                    <a:pt x="719" y="932"/>
                    <a:pt x="720" y="932"/>
                  </a:cubicBezTo>
                  <a:cubicBezTo>
                    <a:pt x="721" y="932"/>
                    <a:pt x="723" y="935"/>
                    <a:pt x="722" y="935"/>
                  </a:cubicBezTo>
                  <a:cubicBezTo>
                    <a:pt x="722" y="936"/>
                    <a:pt x="723" y="938"/>
                    <a:pt x="723" y="938"/>
                  </a:cubicBezTo>
                  <a:cubicBezTo>
                    <a:pt x="723" y="938"/>
                    <a:pt x="725" y="937"/>
                    <a:pt x="725" y="936"/>
                  </a:cubicBezTo>
                  <a:cubicBezTo>
                    <a:pt x="726" y="934"/>
                    <a:pt x="726" y="936"/>
                    <a:pt x="727" y="936"/>
                  </a:cubicBezTo>
                  <a:cubicBezTo>
                    <a:pt x="728" y="936"/>
                    <a:pt x="728" y="937"/>
                    <a:pt x="729" y="937"/>
                  </a:cubicBezTo>
                  <a:cubicBezTo>
                    <a:pt x="730" y="937"/>
                    <a:pt x="730" y="938"/>
                    <a:pt x="731" y="938"/>
                  </a:cubicBezTo>
                  <a:cubicBezTo>
                    <a:pt x="732" y="938"/>
                    <a:pt x="732" y="940"/>
                    <a:pt x="733" y="940"/>
                  </a:cubicBezTo>
                  <a:cubicBezTo>
                    <a:pt x="733" y="940"/>
                    <a:pt x="734" y="941"/>
                    <a:pt x="734" y="942"/>
                  </a:cubicBezTo>
                  <a:cubicBezTo>
                    <a:pt x="735" y="943"/>
                    <a:pt x="734" y="943"/>
                    <a:pt x="733" y="944"/>
                  </a:cubicBezTo>
                  <a:cubicBezTo>
                    <a:pt x="733" y="945"/>
                    <a:pt x="732" y="946"/>
                    <a:pt x="731" y="948"/>
                  </a:cubicBezTo>
                  <a:cubicBezTo>
                    <a:pt x="730" y="950"/>
                    <a:pt x="731" y="953"/>
                    <a:pt x="731" y="954"/>
                  </a:cubicBezTo>
                  <a:cubicBezTo>
                    <a:pt x="731" y="954"/>
                    <a:pt x="732" y="954"/>
                    <a:pt x="733" y="954"/>
                  </a:cubicBezTo>
                  <a:cubicBezTo>
                    <a:pt x="733" y="954"/>
                    <a:pt x="735" y="953"/>
                    <a:pt x="736" y="952"/>
                  </a:cubicBezTo>
                  <a:cubicBezTo>
                    <a:pt x="737" y="951"/>
                    <a:pt x="738" y="950"/>
                    <a:pt x="739" y="949"/>
                  </a:cubicBezTo>
                  <a:cubicBezTo>
                    <a:pt x="740" y="949"/>
                    <a:pt x="742" y="950"/>
                    <a:pt x="744" y="947"/>
                  </a:cubicBezTo>
                  <a:cubicBezTo>
                    <a:pt x="747" y="945"/>
                    <a:pt x="746" y="945"/>
                    <a:pt x="746" y="945"/>
                  </a:cubicBezTo>
                  <a:cubicBezTo>
                    <a:pt x="746" y="945"/>
                    <a:pt x="747" y="945"/>
                    <a:pt x="749" y="945"/>
                  </a:cubicBezTo>
                  <a:cubicBezTo>
                    <a:pt x="751" y="945"/>
                    <a:pt x="750" y="944"/>
                    <a:pt x="750" y="942"/>
                  </a:cubicBezTo>
                  <a:cubicBezTo>
                    <a:pt x="750" y="940"/>
                    <a:pt x="748" y="940"/>
                    <a:pt x="747" y="939"/>
                  </a:cubicBezTo>
                  <a:cubicBezTo>
                    <a:pt x="746" y="937"/>
                    <a:pt x="747" y="938"/>
                    <a:pt x="747" y="938"/>
                  </a:cubicBezTo>
                  <a:cubicBezTo>
                    <a:pt x="747" y="938"/>
                    <a:pt x="749" y="937"/>
                    <a:pt x="750" y="935"/>
                  </a:cubicBezTo>
                  <a:cubicBezTo>
                    <a:pt x="751" y="933"/>
                    <a:pt x="751" y="934"/>
                    <a:pt x="753" y="932"/>
                  </a:cubicBezTo>
                  <a:cubicBezTo>
                    <a:pt x="754" y="930"/>
                    <a:pt x="754" y="933"/>
                    <a:pt x="754" y="934"/>
                  </a:cubicBezTo>
                  <a:cubicBezTo>
                    <a:pt x="754" y="934"/>
                    <a:pt x="755" y="934"/>
                    <a:pt x="757" y="934"/>
                  </a:cubicBezTo>
                  <a:cubicBezTo>
                    <a:pt x="758" y="935"/>
                    <a:pt x="760" y="933"/>
                    <a:pt x="761" y="933"/>
                  </a:cubicBezTo>
                  <a:cubicBezTo>
                    <a:pt x="763" y="932"/>
                    <a:pt x="766" y="931"/>
                    <a:pt x="767" y="929"/>
                  </a:cubicBezTo>
                  <a:cubicBezTo>
                    <a:pt x="768" y="927"/>
                    <a:pt x="769" y="929"/>
                    <a:pt x="771" y="927"/>
                  </a:cubicBezTo>
                  <a:cubicBezTo>
                    <a:pt x="774" y="925"/>
                    <a:pt x="775" y="924"/>
                    <a:pt x="776" y="922"/>
                  </a:cubicBezTo>
                  <a:cubicBezTo>
                    <a:pt x="777" y="919"/>
                    <a:pt x="777" y="919"/>
                    <a:pt x="776" y="918"/>
                  </a:cubicBezTo>
                  <a:cubicBezTo>
                    <a:pt x="776" y="917"/>
                    <a:pt x="777" y="915"/>
                    <a:pt x="777" y="914"/>
                  </a:cubicBezTo>
                  <a:cubicBezTo>
                    <a:pt x="778" y="914"/>
                    <a:pt x="779" y="912"/>
                    <a:pt x="779" y="910"/>
                  </a:cubicBezTo>
                  <a:cubicBezTo>
                    <a:pt x="780" y="907"/>
                    <a:pt x="780" y="908"/>
                    <a:pt x="780" y="907"/>
                  </a:cubicBezTo>
                  <a:cubicBezTo>
                    <a:pt x="779" y="906"/>
                    <a:pt x="778" y="905"/>
                    <a:pt x="777" y="904"/>
                  </a:cubicBezTo>
                  <a:cubicBezTo>
                    <a:pt x="775" y="902"/>
                    <a:pt x="777" y="903"/>
                    <a:pt x="777" y="899"/>
                  </a:cubicBezTo>
                  <a:cubicBezTo>
                    <a:pt x="776" y="896"/>
                    <a:pt x="776" y="895"/>
                    <a:pt x="776" y="893"/>
                  </a:cubicBezTo>
                  <a:cubicBezTo>
                    <a:pt x="777" y="890"/>
                    <a:pt x="776" y="890"/>
                    <a:pt x="775" y="888"/>
                  </a:cubicBezTo>
                  <a:cubicBezTo>
                    <a:pt x="773" y="885"/>
                    <a:pt x="774" y="885"/>
                    <a:pt x="773" y="884"/>
                  </a:cubicBezTo>
                  <a:cubicBezTo>
                    <a:pt x="773" y="882"/>
                    <a:pt x="771" y="880"/>
                    <a:pt x="769" y="878"/>
                  </a:cubicBezTo>
                  <a:cubicBezTo>
                    <a:pt x="768" y="877"/>
                    <a:pt x="761" y="869"/>
                    <a:pt x="760" y="868"/>
                  </a:cubicBezTo>
                  <a:cubicBezTo>
                    <a:pt x="759" y="866"/>
                    <a:pt x="757" y="866"/>
                    <a:pt x="757" y="866"/>
                  </a:cubicBezTo>
                  <a:cubicBezTo>
                    <a:pt x="757" y="866"/>
                    <a:pt x="755" y="865"/>
                    <a:pt x="754" y="864"/>
                  </a:cubicBezTo>
                  <a:cubicBezTo>
                    <a:pt x="753" y="863"/>
                    <a:pt x="753" y="864"/>
                    <a:pt x="753" y="862"/>
                  </a:cubicBezTo>
                  <a:cubicBezTo>
                    <a:pt x="753" y="860"/>
                    <a:pt x="752" y="861"/>
                    <a:pt x="750" y="859"/>
                  </a:cubicBezTo>
                  <a:cubicBezTo>
                    <a:pt x="748" y="857"/>
                    <a:pt x="749" y="857"/>
                    <a:pt x="749" y="856"/>
                  </a:cubicBezTo>
                  <a:cubicBezTo>
                    <a:pt x="749" y="854"/>
                    <a:pt x="749" y="855"/>
                    <a:pt x="748" y="853"/>
                  </a:cubicBezTo>
                  <a:cubicBezTo>
                    <a:pt x="747" y="852"/>
                    <a:pt x="746" y="852"/>
                    <a:pt x="745" y="851"/>
                  </a:cubicBezTo>
                  <a:cubicBezTo>
                    <a:pt x="744" y="849"/>
                    <a:pt x="744" y="850"/>
                    <a:pt x="744" y="849"/>
                  </a:cubicBezTo>
                  <a:cubicBezTo>
                    <a:pt x="743" y="849"/>
                    <a:pt x="743" y="848"/>
                    <a:pt x="742" y="847"/>
                  </a:cubicBezTo>
                  <a:cubicBezTo>
                    <a:pt x="741" y="845"/>
                    <a:pt x="741" y="845"/>
                    <a:pt x="740" y="844"/>
                  </a:cubicBezTo>
                  <a:cubicBezTo>
                    <a:pt x="740" y="843"/>
                    <a:pt x="742" y="843"/>
                    <a:pt x="742" y="842"/>
                  </a:cubicBezTo>
                  <a:cubicBezTo>
                    <a:pt x="742" y="841"/>
                    <a:pt x="742" y="841"/>
                    <a:pt x="741" y="840"/>
                  </a:cubicBezTo>
                  <a:cubicBezTo>
                    <a:pt x="741" y="839"/>
                    <a:pt x="742" y="837"/>
                    <a:pt x="743" y="835"/>
                  </a:cubicBezTo>
                  <a:cubicBezTo>
                    <a:pt x="743" y="833"/>
                    <a:pt x="745" y="833"/>
                    <a:pt x="745" y="833"/>
                  </a:cubicBezTo>
                  <a:cubicBezTo>
                    <a:pt x="746" y="833"/>
                    <a:pt x="749" y="831"/>
                    <a:pt x="750" y="830"/>
                  </a:cubicBezTo>
                  <a:cubicBezTo>
                    <a:pt x="750" y="828"/>
                    <a:pt x="750" y="826"/>
                    <a:pt x="750" y="826"/>
                  </a:cubicBezTo>
                  <a:cubicBezTo>
                    <a:pt x="749" y="825"/>
                    <a:pt x="750" y="825"/>
                    <a:pt x="750" y="824"/>
                  </a:cubicBezTo>
                  <a:cubicBezTo>
                    <a:pt x="750" y="823"/>
                    <a:pt x="752" y="823"/>
                    <a:pt x="752" y="822"/>
                  </a:cubicBezTo>
                  <a:cubicBezTo>
                    <a:pt x="753" y="822"/>
                    <a:pt x="754" y="822"/>
                    <a:pt x="756" y="821"/>
                  </a:cubicBezTo>
                  <a:cubicBezTo>
                    <a:pt x="758" y="821"/>
                    <a:pt x="758" y="821"/>
                    <a:pt x="759" y="821"/>
                  </a:cubicBezTo>
                  <a:cubicBezTo>
                    <a:pt x="759" y="820"/>
                    <a:pt x="760" y="819"/>
                    <a:pt x="761" y="818"/>
                  </a:cubicBezTo>
                  <a:cubicBezTo>
                    <a:pt x="761" y="817"/>
                    <a:pt x="762" y="817"/>
                    <a:pt x="764" y="817"/>
                  </a:cubicBezTo>
                  <a:cubicBezTo>
                    <a:pt x="764" y="817"/>
                    <a:pt x="764" y="817"/>
                    <a:pt x="764" y="817"/>
                  </a:cubicBezTo>
                  <a:cubicBezTo>
                    <a:pt x="766" y="816"/>
                    <a:pt x="767" y="816"/>
                    <a:pt x="767" y="815"/>
                  </a:cubicBezTo>
                  <a:cubicBezTo>
                    <a:pt x="768" y="814"/>
                    <a:pt x="770" y="812"/>
                    <a:pt x="770" y="812"/>
                  </a:cubicBezTo>
                  <a:cubicBezTo>
                    <a:pt x="771" y="815"/>
                    <a:pt x="771" y="815"/>
                    <a:pt x="771" y="815"/>
                  </a:cubicBezTo>
                  <a:cubicBezTo>
                    <a:pt x="773" y="816"/>
                    <a:pt x="773" y="816"/>
                    <a:pt x="773" y="816"/>
                  </a:cubicBezTo>
                  <a:cubicBezTo>
                    <a:pt x="773" y="816"/>
                    <a:pt x="776" y="818"/>
                    <a:pt x="776" y="817"/>
                  </a:cubicBezTo>
                  <a:cubicBezTo>
                    <a:pt x="777" y="817"/>
                    <a:pt x="779" y="817"/>
                    <a:pt x="779" y="816"/>
                  </a:cubicBezTo>
                  <a:cubicBezTo>
                    <a:pt x="779" y="816"/>
                    <a:pt x="780" y="815"/>
                    <a:pt x="781" y="815"/>
                  </a:cubicBezTo>
                  <a:cubicBezTo>
                    <a:pt x="782" y="815"/>
                    <a:pt x="784" y="817"/>
                    <a:pt x="784" y="817"/>
                  </a:cubicBezTo>
                  <a:cubicBezTo>
                    <a:pt x="784" y="818"/>
                    <a:pt x="783" y="822"/>
                    <a:pt x="782" y="823"/>
                  </a:cubicBezTo>
                  <a:cubicBezTo>
                    <a:pt x="782" y="824"/>
                    <a:pt x="784" y="826"/>
                    <a:pt x="784" y="826"/>
                  </a:cubicBezTo>
                  <a:cubicBezTo>
                    <a:pt x="787" y="829"/>
                    <a:pt x="787" y="829"/>
                    <a:pt x="787" y="829"/>
                  </a:cubicBezTo>
                  <a:cubicBezTo>
                    <a:pt x="787" y="829"/>
                    <a:pt x="790" y="829"/>
                    <a:pt x="790" y="829"/>
                  </a:cubicBezTo>
                  <a:cubicBezTo>
                    <a:pt x="791" y="828"/>
                    <a:pt x="791" y="828"/>
                    <a:pt x="790" y="826"/>
                  </a:cubicBezTo>
                  <a:cubicBezTo>
                    <a:pt x="789" y="825"/>
                    <a:pt x="789" y="825"/>
                    <a:pt x="788" y="823"/>
                  </a:cubicBezTo>
                  <a:cubicBezTo>
                    <a:pt x="787" y="820"/>
                    <a:pt x="789" y="822"/>
                    <a:pt x="790" y="820"/>
                  </a:cubicBezTo>
                  <a:cubicBezTo>
                    <a:pt x="790" y="819"/>
                    <a:pt x="791" y="818"/>
                    <a:pt x="792" y="817"/>
                  </a:cubicBezTo>
                  <a:cubicBezTo>
                    <a:pt x="793" y="817"/>
                    <a:pt x="793" y="818"/>
                    <a:pt x="794" y="818"/>
                  </a:cubicBezTo>
                  <a:cubicBezTo>
                    <a:pt x="796" y="818"/>
                    <a:pt x="797" y="818"/>
                    <a:pt x="797" y="818"/>
                  </a:cubicBezTo>
                  <a:cubicBezTo>
                    <a:pt x="798" y="817"/>
                    <a:pt x="800" y="816"/>
                    <a:pt x="801" y="815"/>
                  </a:cubicBezTo>
                  <a:cubicBezTo>
                    <a:pt x="802" y="813"/>
                    <a:pt x="803" y="815"/>
                    <a:pt x="804" y="815"/>
                  </a:cubicBezTo>
                  <a:cubicBezTo>
                    <a:pt x="805" y="816"/>
                    <a:pt x="806" y="815"/>
                    <a:pt x="808" y="815"/>
                  </a:cubicBezTo>
                  <a:cubicBezTo>
                    <a:pt x="809" y="815"/>
                    <a:pt x="809" y="815"/>
                    <a:pt x="810" y="815"/>
                  </a:cubicBezTo>
                  <a:cubicBezTo>
                    <a:pt x="811" y="814"/>
                    <a:pt x="811" y="814"/>
                    <a:pt x="812" y="814"/>
                  </a:cubicBezTo>
                  <a:cubicBezTo>
                    <a:pt x="813" y="813"/>
                    <a:pt x="814" y="813"/>
                    <a:pt x="815" y="812"/>
                  </a:cubicBezTo>
                  <a:cubicBezTo>
                    <a:pt x="816" y="811"/>
                    <a:pt x="816" y="811"/>
                    <a:pt x="817" y="810"/>
                  </a:cubicBezTo>
                  <a:cubicBezTo>
                    <a:pt x="818" y="810"/>
                    <a:pt x="818" y="810"/>
                    <a:pt x="819" y="811"/>
                  </a:cubicBezTo>
                  <a:cubicBezTo>
                    <a:pt x="820" y="811"/>
                    <a:pt x="822" y="811"/>
                    <a:pt x="824" y="810"/>
                  </a:cubicBezTo>
                  <a:cubicBezTo>
                    <a:pt x="827" y="809"/>
                    <a:pt x="826" y="807"/>
                    <a:pt x="826" y="805"/>
                  </a:cubicBezTo>
                  <a:cubicBezTo>
                    <a:pt x="827" y="804"/>
                    <a:pt x="829" y="806"/>
                    <a:pt x="830" y="806"/>
                  </a:cubicBezTo>
                  <a:cubicBezTo>
                    <a:pt x="832" y="807"/>
                    <a:pt x="833" y="807"/>
                    <a:pt x="834" y="805"/>
                  </a:cubicBezTo>
                  <a:cubicBezTo>
                    <a:pt x="834" y="804"/>
                    <a:pt x="837" y="804"/>
                    <a:pt x="837" y="804"/>
                  </a:cubicBezTo>
                  <a:cubicBezTo>
                    <a:pt x="838" y="803"/>
                    <a:pt x="841" y="803"/>
                    <a:pt x="843" y="803"/>
                  </a:cubicBezTo>
                  <a:cubicBezTo>
                    <a:pt x="845" y="803"/>
                    <a:pt x="847" y="802"/>
                    <a:pt x="849" y="802"/>
                  </a:cubicBezTo>
                  <a:cubicBezTo>
                    <a:pt x="851" y="801"/>
                    <a:pt x="851" y="801"/>
                    <a:pt x="853" y="799"/>
                  </a:cubicBezTo>
                  <a:cubicBezTo>
                    <a:pt x="855" y="797"/>
                    <a:pt x="855" y="797"/>
                    <a:pt x="857" y="794"/>
                  </a:cubicBezTo>
                  <a:cubicBezTo>
                    <a:pt x="859" y="791"/>
                    <a:pt x="860" y="792"/>
                    <a:pt x="862" y="791"/>
                  </a:cubicBezTo>
                  <a:cubicBezTo>
                    <a:pt x="864" y="791"/>
                    <a:pt x="865" y="790"/>
                    <a:pt x="866" y="789"/>
                  </a:cubicBezTo>
                  <a:cubicBezTo>
                    <a:pt x="867" y="789"/>
                    <a:pt x="868" y="788"/>
                    <a:pt x="869" y="788"/>
                  </a:cubicBezTo>
                  <a:cubicBezTo>
                    <a:pt x="870" y="787"/>
                    <a:pt x="869" y="786"/>
                    <a:pt x="869" y="785"/>
                  </a:cubicBezTo>
                  <a:cubicBezTo>
                    <a:pt x="868" y="784"/>
                    <a:pt x="868" y="784"/>
                    <a:pt x="869" y="783"/>
                  </a:cubicBezTo>
                  <a:cubicBezTo>
                    <a:pt x="870" y="782"/>
                    <a:pt x="871" y="783"/>
                    <a:pt x="872" y="782"/>
                  </a:cubicBezTo>
                  <a:cubicBezTo>
                    <a:pt x="874" y="780"/>
                    <a:pt x="874" y="780"/>
                    <a:pt x="875" y="780"/>
                  </a:cubicBezTo>
                  <a:cubicBezTo>
                    <a:pt x="876" y="780"/>
                    <a:pt x="877" y="779"/>
                    <a:pt x="878" y="779"/>
                  </a:cubicBezTo>
                  <a:cubicBezTo>
                    <a:pt x="879" y="778"/>
                    <a:pt x="880" y="777"/>
                    <a:pt x="882" y="774"/>
                  </a:cubicBezTo>
                  <a:cubicBezTo>
                    <a:pt x="883" y="774"/>
                    <a:pt x="885" y="774"/>
                    <a:pt x="885" y="773"/>
                  </a:cubicBezTo>
                  <a:cubicBezTo>
                    <a:pt x="886" y="773"/>
                    <a:pt x="886" y="772"/>
                    <a:pt x="886" y="771"/>
                  </a:cubicBezTo>
                  <a:cubicBezTo>
                    <a:pt x="885" y="770"/>
                    <a:pt x="884" y="769"/>
                    <a:pt x="884" y="767"/>
                  </a:cubicBezTo>
                  <a:cubicBezTo>
                    <a:pt x="883" y="767"/>
                    <a:pt x="884" y="767"/>
                    <a:pt x="884" y="767"/>
                  </a:cubicBezTo>
                  <a:cubicBezTo>
                    <a:pt x="885" y="767"/>
                    <a:pt x="885" y="767"/>
                    <a:pt x="886" y="767"/>
                  </a:cubicBezTo>
                  <a:cubicBezTo>
                    <a:pt x="887" y="767"/>
                    <a:pt x="888" y="766"/>
                    <a:pt x="888" y="765"/>
                  </a:cubicBezTo>
                  <a:cubicBezTo>
                    <a:pt x="888" y="763"/>
                    <a:pt x="887" y="764"/>
                    <a:pt x="888" y="760"/>
                  </a:cubicBezTo>
                  <a:cubicBezTo>
                    <a:pt x="888" y="760"/>
                    <a:pt x="889" y="761"/>
                    <a:pt x="890" y="760"/>
                  </a:cubicBezTo>
                  <a:cubicBezTo>
                    <a:pt x="890" y="760"/>
                    <a:pt x="890" y="758"/>
                    <a:pt x="890" y="756"/>
                  </a:cubicBezTo>
                  <a:cubicBezTo>
                    <a:pt x="891" y="755"/>
                    <a:pt x="892" y="754"/>
                    <a:pt x="894" y="754"/>
                  </a:cubicBezTo>
                  <a:cubicBezTo>
                    <a:pt x="895" y="753"/>
                    <a:pt x="895" y="753"/>
                    <a:pt x="896" y="752"/>
                  </a:cubicBezTo>
                  <a:cubicBezTo>
                    <a:pt x="897" y="751"/>
                    <a:pt x="897" y="749"/>
                    <a:pt x="897" y="747"/>
                  </a:cubicBezTo>
                  <a:cubicBezTo>
                    <a:pt x="897" y="746"/>
                    <a:pt x="898" y="745"/>
                    <a:pt x="899" y="744"/>
                  </a:cubicBezTo>
                  <a:cubicBezTo>
                    <a:pt x="899" y="744"/>
                    <a:pt x="901" y="743"/>
                    <a:pt x="903" y="743"/>
                  </a:cubicBezTo>
                  <a:cubicBezTo>
                    <a:pt x="905" y="742"/>
                    <a:pt x="904" y="741"/>
                    <a:pt x="905" y="740"/>
                  </a:cubicBezTo>
                  <a:cubicBezTo>
                    <a:pt x="906" y="739"/>
                    <a:pt x="907" y="735"/>
                    <a:pt x="907" y="734"/>
                  </a:cubicBezTo>
                  <a:cubicBezTo>
                    <a:pt x="906" y="732"/>
                    <a:pt x="906" y="731"/>
                    <a:pt x="907" y="730"/>
                  </a:cubicBezTo>
                  <a:cubicBezTo>
                    <a:pt x="908" y="729"/>
                    <a:pt x="911" y="722"/>
                    <a:pt x="911" y="722"/>
                  </a:cubicBezTo>
                  <a:cubicBezTo>
                    <a:pt x="910" y="722"/>
                    <a:pt x="909" y="722"/>
                    <a:pt x="908" y="723"/>
                  </a:cubicBezTo>
                  <a:cubicBezTo>
                    <a:pt x="907" y="723"/>
                    <a:pt x="907" y="723"/>
                    <a:pt x="906" y="722"/>
                  </a:cubicBezTo>
                  <a:cubicBezTo>
                    <a:pt x="905" y="720"/>
                    <a:pt x="905" y="719"/>
                    <a:pt x="904" y="719"/>
                  </a:cubicBezTo>
                  <a:cubicBezTo>
                    <a:pt x="904" y="718"/>
                    <a:pt x="903" y="718"/>
                    <a:pt x="900" y="718"/>
                  </a:cubicBezTo>
                  <a:cubicBezTo>
                    <a:pt x="897" y="718"/>
                    <a:pt x="898" y="718"/>
                    <a:pt x="899" y="717"/>
                  </a:cubicBezTo>
                  <a:cubicBezTo>
                    <a:pt x="899" y="715"/>
                    <a:pt x="900" y="716"/>
                    <a:pt x="901" y="715"/>
                  </a:cubicBezTo>
                  <a:cubicBezTo>
                    <a:pt x="902" y="714"/>
                    <a:pt x="904" y="713"/>
                    <a:pt x="905" y="713"/>
                  </a:cubicBezTo>
                  <a:cubicBezTo>
                    <a:pt x="906" y="713"/>
                    <a:pt x="908" y="713"/>
                    <a:pt x="909" y="711"/>
                  </a:cubicBezTo>
                  <a:cubicBezTo>
                    <a:pt x="910" y="710"/>
                    <a:pt x="908" y="710"/>
                    <a:pt x="907" y="709"/>
                  </a:cubicBezTo>
                  <a:cubicBezTo>
                    <a:pt x="906" y="708"/>
                    <a:pt x="906" y="706"/>
                    <a:pt x="906" y="704"/>
                  </a:cubicBezTo>
                  <a:cubicBezTo>
                    <a:pt x="905" y="703"/>
                    <a:pt x="906" y="703"/>
                    <a:pt x="907" y="703"/>
                  </a:cubicBezTo>
                  <a:cubicBezTo>
                    <a:pt x="908" y="703"/>
                    <a:pt x="908" y="703"/>
                    <a:pt x="908" y="703"/>
                  </a:cubicBezTo>
                  <a:cubicBezTo>
                    <a:pt x="909" y="703"/>
                    <a:pt x="909" y="701"/>
                    <a:pt x="909" y="701"/>
                  </a:cubicBezTo>
                  <a:cubicBezTo>
                    <a:pt x="909" y="700"/>
                    <a:pt x="907" y="699"/>
                    <a:pt x="906" y="698"/>
                  </a:cubicBezTo>
                  <a:cubicBezTo>
                    <a:pt x="906" y="697"/>
                    <a:pt x="904" y="696"/>
                    <a:pt x="904" y="695"/>
                  </a:cubicBezTo>
                  <a:cubicBezTo>
                    <a:pt x="903" y="694"/>
                    <a:pt x="901" y="694"/>
                    <a:pt x="900" y="692"/>
                  </a:cubicBezTo>
                  <a:cubicBezTo>
                    <a:pt x="900" y="690"/>
                    <a:pt x="899" y="689"/>
                    <a:pt x="899" y="688"/>
                  </a:cubicBezTo>
                  <a:cubicBezTo>
                    <a:pt x="898" y="686"/>
                    <a:pt x="896" y="685"/>
                    <a:pt x="895" y="684"/>
                  </a:cubicBezTo>
                  <a:cubicBezTo>
                    <a:pt x="894" y="682"/>
                    <a:pt x="894" y="681"/>
                    <a:pt x="894" y="680"/>
                  </a:cubicBezTo>
                  <a:cubicBezTo>
                    <a:pt x="894" y="678"/>
                    <a:pt x="893" y="674"/>
                    <a:pt x="892" y="673"/>
                  </a:cubicBezTo>
                  <a:cubicBezTo>
                    <a:pt x="891" y="672"/>
                    <a:pt x="888" y="669"/>
                    <a:pt x="886" y="668"/>
                  </a:cubicBezTo>
                  <a:cubicBezTo>
                    <a:pt x="885" y="667"/>
                    <a:pt x="885" y="668"/>
                    <a:pt x="883" y="667"/>
                  </a:cubicBezTo>
                  <a:cubicBezTo>
                    <a:pt x="881" y="666"/>
                    <a:pt x="882" y="665"/>
                    <a:pt x="882" y="664"/>
                  </a:cubicBezTo>
                  <a:cubicBezTo>
                    <a:pt x="881" y="662"/>
                    <a:pt x="882" y="663"/>
                    <a:pt x="883" y="662"/>
                  </a:cubicBezTo>
                  <a:cubicBezTo>
                    <a:pt x="883" y="662"/>
                    <a:pt x="885" y="660"/>
                    <a:pt x="886" y="659"/>
                  </a:cubicBezTo>
                  <a:cubicBezTo>
                    <a:pt x="887" y="658"/>
                    <a:pt x="888" y="656"/>
                    <a:pt x="889" y="654"/>
                  </a:cubicBezTo>
                  <a:cubicBezTo>
                    <a:pt x="890" y="653"/>
                    <a:pt x="892" y="652"/>
                    <a:pt x="893" y="652"/>
                  </a:cubicBezTo>
                  <a:cubicBezTo>
                    <a:pt x="893" y="651"/>
                    <a:pt x="895" y="650"/>
                    <a:pt x="897" y="648"/>
                  </a:cubicBezTo>
                  <a:cubicBezTo>
                    <a:pt x="899" y="646"/>
                    <a:pt x="898" y="647"/>
                    <a:pt x="900" y="645"/>
                  </a:cubicBezTo>
                  <a:cubicBezTo>
                    <a:pt x="901" y="644"/>
                    <a:pt x="904" y="643"/>
                    <a:pt x="906" y="642"/>
                  </a:cubicBezTo>
                  <a:cubicBezTo>
                    <a:pt x="908" y="641"/>
                    <a:pt x="909" y="642"/>
                    <a:pt x="911" y="642"/>
                  </a:cubicBezTo>
                  <a:cubicBezTo>
                    <a:pt x="913" y="642"/>
                    <a:pt x="914" y="641"/>
                    <a:pt x="915" y="640"/>
                  </a:cubicBezTo>
                  <a:cubicBezTo>
                    <a:pt x="917" y="639"/>
                    <a:pt x="916" y="637"/>
                    <a:pt x="915" y="636"/>
                  </a:cubicBezTo>
                  <a:cubicBezTo>
                    <a:pt x="915" y="636"/>
                    <a:pt x="914" y="635"/>
                    <a:pt x="912" y="635"/>
                  </a:cubicBezTo>
                  <a:cubicBezTo>
                    <a:pt x="911" y="635"/>
                    <a:pt x="910" y="635"/>
                    <a:pt x="908" y="635"/>
                  </a:cubicBezTo>
                  <a:cubicBezTo>
                    <a:pt x="906" y="635"/>
                    <a:pt x="906" y="635"/>
                    <a:pt x="905" y="635"/>
                  </a:cubicBezTo>
                  <a:cubicBezTo>
                    <a:pt x="904" y="636"/>
                    <a:pt x="901" y="633"/>
                    <a:pt x="901" y="632"/>
                  </a:cubicBezTo>
                  <a:cubicBezTo>
                    <a:pt x="900" y="631"/>
                    <a:pt x="899" y="630"/>
                    <a:pt x="899" y="630"/>
                  </a:cubicBezTo>
                  <a:cubicBezTo>
                    <a:pt x="898" y="630"/>
                    <a:pt x="896" y="630"/>
                    <a:pt x="895" y="630"/>
                  </a:cubicBezTo>
                  <a:cubicBezTo>
                    <a:pt x="894" y="630"/>
                    <a:pt x="893" y="631"/>
                    <a:pt x="892" y="632"/>
                  </a:cubicBezTo>
                  <a:cubicBezTo>
                    <a:pt x="891" y="633"/>
                    <a:pt x="887" y="635"/>
                    <a:pt x="886" y="636"/>
                  </a:cubicBezTo>
                  <a:cubicBezTo>
                    <a:pt x="885" y="638"/>
                    <a:pt x="881" y="638"/>
                    <a:pt x="881" y="638"/>
                  </a:cubicBezTo>
                  <a:cubicBezTo>
                    <a:pt x="881" y="638"/>
                    <a:pt x="879" y="637"/>
                    <a:pt x="879" y="635"/>
                  </a:cubicBezTo>
                  <a:cubicBezTo>
                    <a:pt x="879" y="634"/>
                    <a:pt x="879" y="632"/>
                    <a:pt x="879" y="631"/>
                  </a:cubicBezTo>
                  <a:cubicBezTo>
                    <a:pt x="879" y="629"/>
                    <a:pt x="879" y="629"/>
                    <a:pt x="879" y="628"/>
                  </a:cubicBezTo>
                  <a:cubicBezTo>
                    <a:pt x="879" y="627"/>
                    <a:pt x="878" y="627"/>
                    <a:pt x="877" y="626"/>
                  </a:cubicBezTo>
                  <a:cubicBezTo>
                    <a:pt x="876" y="626"/>
                    <a:pt x="873" y="627"/>
                    <a:pt x="873" y="626"/>
                  </a:cubicBezTo>
                  <a:cubicBezTo>
                    <a:pt x="872" y="625"/>
                    <a:pt x="872" y="625"/>
                    <a:pt x="871" y="625"/>
                  </a:cubicBezTo>
                  <a:cubicBezTo>
                    <a:pt x="870" y="625"/>
                    <a:pt x="868" y="624"/>
                    <a:pt x="867" y="623"/>
                  </a:cubicBezTo>
                  <a:cubicBezTo>
                    <a:pt x="867" y="622"/>
                    <a:pt x="865" y="621"/>
                    <a:pt x="865" y="619"/>
                  </a:cubicBezTo>
                  <a:cubicBezTo>
                    <a:pt x="865" y="616"/>
                    <a:pt x="866" y="616"/>
                    <a:pt x="866" y="615"/>
                  </a:cubicBezTo>
                  <a:cubicBezTo>
                    <a:pt x="867" y="614"/>
                    <a:pt x="869" y="614"/>
                    <a:pt x="871" y="614"/>
                  </a:cubicBezTo>
                  <a:cubicBezTo>
                    <a:pt x="872" y="614"/>
                    <a:pt x="876" y="614"/>
                    <a:pt x="877" y="614"/>
                  </a:cubicBezTo>
                  <a:cubicBezTo>
                    <a:pt x="878" y="615"/>
                    <a:pt x="880" y="613"/>
                    <a:pt x="881" y="611"/>
                  </a:cubicBezTo>
                  <a:cubicBezTo>
                    <a:pt x="882" y="609"/>
                    <a:pt x="882" y="609"/>
                    <a:pt x="883" y="608"/>
                  </a:cubicBezTo>
                  <a:cubicBezTo>
                    <a:pt x="884" y="607"/>
                    <a:pt x="885" y="606"/>
                    <a:pt x="886" y="605"/>
                  </a:cubicBezTo>
                  <a:cubicBezTo>
                    <a:pt x="886" y="604"/>
                    <a:pt x="888" y="603"/>
                    <a:pt x="890" y="603"/>
                  </a:cubicBezTo>
                  <a:cubicBezTo>
                    <a:pt x="891" y="602"/>
                    <a:pt x="892" y="602"/>
                    <a:pt x="892" y="601"/>
                  </a:cubicBezTo>
                  <a:cubicBezTo>
                    <a:pt x="892" y="601"/>
                    <a:pt x="894" y="600"/>
                    <a:pt x="895" y="597"/>
                  </a:cubicBezTo>
                  <a:cubicBezTo>
                    <a:pt x="896" y="595"/>
                    <a:pt x="899" y="594"/>
                    <a:pt x="900" y="594"/>
                  </a:cubicBezTo>
                  <a:cubicBezTo>
                    <a:pt x="901" y="593"/>
                    <a:pt x="905" y="592"/>
                    <a:pt x="907" y="593"/>
                  </a:cubicBezTo>
                  <a:cubicBezTo>
                    <a:pt x="909" y="593"/>
                    <a:pt x="908" y="593"/>
                    <a:pt x="910" y="593"/>
                  </a:cubicBezTo>
                  <a:cubicBezTo>
                    <a:pt x="911" y="594"/>
                    <a:pt x="912" y="596"/>
                    <a:pt x="912" y="597"/>
                  </a:cubicBezTo>
                  <a:cubicBezTo>
                    <a:pt x="912" y="597"/>
                    <a:pt x="911" y="598"/>
                    <a:pt x="911" y="599"/>
                  </a:cubicBezTo>
                  <a:cubicBezTo>
                    <a:pt x="910" y="600"/>
                    <a:pt x="909" y="601"/>
                    <a:pt x="908" y="602"/>
                  </a:cubicBezTo>
                  <a:cubicBezTo>
                    <a:pt x="907" y="603"/>
                    <a:pt x="906" y="605"/>
                    <a:pt x="905" y="606"/>
                  </a:cubicBezTo>
                  <a:cubicBezTo>
                    <a:pt x="904" y="606"/>
                    <a:pt x="903" y="609"/>
                    <a:pt x="903" y="609"/>
                  </a:cubicBezTo>
                  <a:cubicBezTo>
                    <a:pt x="903" y="609"/>
                    <a:pt x="905" y="611"/>
                    <a:pt x="906" y="611"/>
                  </a:cubicBezTo>
                  <a:cubicBezTo>
                    <a:pt x="906" y="611"/>
                    <a:pt x="907" y="611"/>
                    <a:pt x="906" y="612"/>
                  </a:cubicBezTo>
                  <a:cubicBezTo>
                    <a:pt x="906" y="612"/>
                    <a:pt x="904" y="615"/>
                    <a:pt x="903" y="615"/>
                  </a:cubicBezTo>
                  <a:cubicBezTo>
                    <a:pt x="903" y="615"/>
                    <a:pt x="900" y="618"/>
                    <a:pt x="900" y="618"/>
                  </a:cubicBezTo>
                  <a:cubicBezTo>
                    <a:pt x="900" y="618"/>
                    <a:pt x="903" y="619"/>
                    <a:pt x="905" y="617"/>
                  </a:cubicBezTo>
                  <a:cubicBezTo>
                    <a:pt x="907" y="615"/>
                    <a:pt x="907" y="615"/>
                    <a:pt x="908" y="615"/>
                  </a:cubicBezTo>
                  <a:cubicBezTo>
                    <a:pt x="909" y="614"/>
                    <a:pt x="911" y="613"/>
                    <a:pt x="914" y="611"/>
                  </a:cubicBezTo>
                  <a:cubicBezTo>
                    <a:pt x="917" y="609"/>
                    <a:pt x="919" y="608"/>
                    <a:pt x="920" y="607"/>
                  </a:cubicBezTo>
                  <a:cubicBezTo>
                    <a:pt x="921" y="607"/>
                    <a:pt x="922" y="607"/>
                    <a:pt x="923" y="607"/>
                  </a:cubicBezTo>
                  <a:cubicBezTo>
                    <a:pt x="924" y="607"/>
                    <a:pt x="924" y="607"/>
                    <a:pt x="924" y="607"/>
                  </a:cubicBezTo>
                  <a:cubicBezTo>
                    <a:pt x="925" y="607"/>
                    <a:pt x="931" y="605"/>
                    <a:pt x="932" y="605"/>
                  </a:cubicBezTo>
                  <a:cubicBezTo>
                    <a:pt x="933" y="606"/>
                    <a:pt x="933" y="606"/>
                    <a:pt x="934" y="606"/>
                  </a:cubicBezTo>
                  <a:cubicBezTo>
                    <a:pt x="935" y="607"/>
                    <a:pt x="935" y="607"/>
                    <a:pt x="936" y="607"/>
                  </a:cubicBezTo>
                  <a:cubicBezTo>
                    <a:pt x="938" y="607"/>
                    <a:pt x="942" y="608"/>
                    <a:pt x="943" y="608"/>
                  </a:cubicBezTo>
                  <a:cubicBezTo>
                    <a:pt x="944" y="609"/>
                    <a:pt x="945" y="610"/>
                    <a:pt x="945" y="611"/>
                  </a:cubicBezTo>
                  <a:cubicBezTo>
                    <a:pt x="944" y="613"/>
                    <a:pt x="944" y="616"/>
                    <a:pt x="943" y="617"/>
                  </a:cubicBezTo>
                  <a:cubicBezTo>
                    <a:pt x="942" y="618"/>
                    <a:pt x="942" y="619"/>
                    <a:pt x="941" y="620"/>
                  </a:cubicBezTo>
                  <a:cubicBezTo>
                    <a:pt x="940" y="621"/>
                    <a:pt x="940" y="625"/>
                    <a:pt x="940" y="627"/>
                  </a:cubicBezTo>
                  <a:cubicBezTo>
                    <a:pt x="940" y="629"/>
                    <a:pt x="944" y="631"/>
                    <a:pt x="945" y="631"/>
                  </a:cubicBezTo>
                  <a:cubicBezTo>
                    <a:pt x="947" y="632"/>
                    <a:pt x="947" y="632"/>
                    <a:pt x="947" y="631"/>
                  </a:cubicBezTo>
                  <a:cubicBezTo>
                    <a:pt x="948" y="631"/>
                    <a:pt x="949" y="630"/>
                    <a:pt x="951" y="629"/>
                  </a:cubicBezTo>
                  <a:cubicBezTo>
                    <a:pt x="952" y="629"/>
                    <a:pt x="955" y="630"/>
                    <a:pt x="956" y="630"/>
                  </a:cubicBezTo>
                  <a:cubicBezTo>
                    <a:pt x="957" y="631"/>
                    <a:pt x="957" y="632"/>
                    <a:pt x="956" y="633"/>
                  </a:cubicBezTo>
                  <a:cubicBezTo>
                    <a:pt x="956" y="633"/>
                    <a:pt x="956" y="633"/>
                    <a:pt x="956" y="633"/>
                  </a:cubicBezTo>
                  <a:cubicBezTo>
                    <a:pt x="956" y="634"/>
                    <a:pt x="958" y="636"/>
                    <a:pt x="959" y="636"/>
                  </a:cubicBezTo>
                  <a:cubicBezTo>
                    <a:pt x="960" y="637"/>
                    <a:pt x="959" y="641"/>
                    <a:pt x="959" y="641"/>
                  </a:cubicBezTo>
                  <a:cubicBezTo>
                    <a:pt x="958" y="641"/>
                    <a:pt x="953" y="641"/>
                    <a:pt x="953" y="641"/>
                  </a:cubicBezTo>
                  <a:cubicBezTo>
                    <a:pt x="953" y="641"/>
                    <a:pt x="957" y="647"/>
                    <a:pt x="956" y="648"/>
                  </a:cubicBezTo>
                  <a:cubicBezTo>
                    <a:pt x="954" y="648"/>
                    <a:pt x="957" y="648"/>
                    <a:pt x="957" y="648"/>
                  </a:cubicBezTo>
                  <a:cubicBezTo>
                    <a:pt x="959" y="654"/>
                    <a:pt x="959" y="654"/>
                    <a:pt x="959" y="654"/>
                  </a:cubicBezTo>
                  <a:cubicBezTo>
                    <a:pt x="959" y="654"/>
                    <a:pt x="958" y="660"/>
                    <a:pt x="957" y="661"/>
                  </a:cubicBezTo>
                  <a:cubicBezTo>
                    <a:pt x="956" y="662"/>
                    <a:pt x="952" y="666"/>
                    <a:pt x="951" y="667"/>
                  </a:cubicBezTo>
                  <a:cubicBezTo>
                    <a:pt x="950" y="668"/>
                    <a:pt x="951" y="671"/>
                    <a:pt x="951" y="672"/>
                  </a:cubicBezTo>
                  <a:cubicBezTo>
                    <a:pt x="951" y="672"/>
                    <a:pt x="953" y="673"/>
                    <a:pt x="954" y="673"/>
                  </a:cubicBezTo>
                  <a:cubicBezTo>
                    <a:pt x="954" y="672"/>
                    <a:pt x="958" y="667"/>
                    <a:pt x="958" y="667"/>
                  </a:cubicBezTo>
                  <a:cubicBezTo>
                    <a:pt x="958" y="672"/>
                    <a:pt x="958" y="672"/>
                    <a:pt x="958" y="672"/>
                  </a:cubicBezTo>
                  <a:cubicBezTo>
                    <a:pt x="963" y="669"/>
                    <a:pt x="963" y="669"/>
                    <a:pt x="963" y="669"/>
                  </a:cubicBezTo>
                  <a:cubicBezTo>
                    <a:pt x="967" y="669"/>
                    <a:pt x="967" y="669"/>
                    <a:pt x="967" y="669"/>
                  </a:cubicBezTo>
                  <a:cubicBezTo>
                    <a:pt x="967" y="669"/>
                    <a:pt x="969" y="669"/>
                    <a:pt x="969" y="669"/>
                  </a:cubicBezTo>
                  <a:cubicBezTo>
                    <a:pt x="969" y="668"/>
                    <a:pt x="972" y="665"/>
                    <a:pt x="973" y="665"/>
                  </a:cubicBezTo>
                  <a:cubicBezTo>
                    <a:pt x="973" y="665"/>
                    <a:pt x="975" y="664"/>
                    <a:pt x="976" y="665"/>
                  </a:cubicBezTo>
                  <a:cubicBezTo>
                    <a:pt x="978" y="666"/>
                    <a:pt x="978" y="666"/>
                    <a:pt x="979" y="666"/>
                  </a:cubicBezTo>
                  <a:cubicBezTo>
                    <a:pt x="979" y="666"/>
                    <a:pt x="982" y="665"/>
                    <a:pt x="983" y="663"/>
                  </a:cubicBezTo>
                  <a:cubicBezTo>
                    <a:pt x="984" y="661"/>
                    <a:pt x="987" y="661"/>
                    <a:pt x="988" y="661"/>
                  </a:cubicBezTo>
                  <a:cubicBezTo>
                    <a:pt x="989" y="661"/>
                    <a:pt x="992" y="662"/>
                    <a:pt x="992" y="662"/>
                  </a:cubicBezTo>
                  <a:cubicBezTo>
                    <a:pt x="991" y="660"/>
                    <a:pt x="991" y="660"/>
                    <a:pt x="991" y="660"/>
                  </a:cubicBezTo>
                  <a:cubicBezTo>
                    <a:pt x="991" y="660"/>
                    <a:pt x="990" y="658"/>
                    <a:pt x="990" y="657"/>
                  </a:cubicBezTo>
                  <a:cubicBezTo>
                    <a:pt x="990" y="656"/>
                    <a:pt x="988" y="654"/>
                    <a:pt x="987" y="653"/>
                  </a:cubicBezTo>
                  <a:cubicBezTo>
                    <a:pt x="987" y="652"/>
                    <a:pt x="988" y="649"/>
                    <a:pt x="988" y="649"/>
                  </a:cubicBezTo>
                  <a:cubicBezTo>
                    <a:pt x="989" y="648"/>
                    <a:pt x="986" y="638"/>
                    <a:pt x="986" y="637"/>
                  </a:cubicBezTo>
                  <a:cubicBezTo>
                    <a:pt x="986" y="636"/>
                    <a:pt x="985" y="634"/>
                    <a:pt x="985" y="634"/>
                  </a:cubicBezTo>
                  <a:cubicBezTo>
                    <a:pt x="985" y="633"/>
                    <a:pt x="983" y="631"/>
                    <a:pt x="982" y="630"/>
                  </a:cubicBezTo>
                  <a:cubicBezTo>
                    <a:pt x="982" y="630"/>
                    <a:pt x="978" y="626"/>
                    <a:pt x="977" y="626"/>
                  </a:cubicBezTo>
                  <a:cubicBezTo>
                    <a:pt x="977" y="626"/>
                    <a:pt x="977" y="624"/>
                    <a:pt x="977" y="623"/>
                  </a:cubicBezTo>
                  <a:cubicBezTo>
                    <a:pt x="977" y="622"/>
                    <a:pt x="977" y="622"/>
                    <a:pt x="977" y="621"/>
                  </a:cubicBezTo>
                  <a:cubicBezTo>
                    <a:pt x="976" y="621"/>
                    <a:pt x="975" y="620"/>
                    <a:pt x="975" y="620"/>
                  </a:cubicBezTo>
                  <a:cubicBezTo>
                    <a:pt x="975" y="620"/>
                    <a:pt x="972" y="617"/>
                    <a:pt x="971" y="617"/>
                  </a:cubicBezTo>
                  <a:cubicBezTo>
                    <a:pt x="970" y="616"/>
                    <a:pt x="967" y="612"/>
                    <a:pt x="967" y="611"/>
                  </a:cubicBezTo>
                  <a:cubicBezTo>
                    <a:pt x="967" y="610"/>
                    <a:pt x="968" y="609"/>
                    <a:pt x="969" y="608"/>
                  </a:cubicBezTo>
                  <a:cubicBezTo>
                    <a:pt x="969" y="607"/>
                    <a:pt x="970" y="605"/>
                    <a:pt x="971" y="603"/>
                  </a:cubicBezTo>
                  <a:cubicBezTo>
                    <a:pt x="972" y="600"/>
                    <a:pt x="974" y="601"/>
                    <a:pt x="976" y="600"/>
                  </a:cubicBezTo>
                  <a:cubicBezTo>
                    <a:pt x="977" y="599"/>
                    <a:pt x="980" y="597"/>
                    <a:pt x="982" y="598"/>
                  </a:cubicBezTo>
                  <a:cubicBezTo>
                    <a:pt x="984" y="599"/>
                    <a:pt x="987" y="595"/>
                    <a:pt x="987" y="594"/>
                  </a:cubicBezTo>
                  <a:cubicBezTo>
                    <a:pt x="987" y="593"/>
                    <a:pt x="990" y="583"/>
                    <a:pt x="991" y="583"/>
                  </a:cubicBezTo>
                  <a:cubicBezTo>
                    <a:pt x="992" y="582"/>
                    <a:pt x="992" y="581"/>
                    <a:pt x="993" y="579"/>
                  </a:cubicBezTo>
                  <a:cubicBezTo>
                    <a:pt x="994" y="577"/>
                    <a:pt x="997" y="575"/>
                    <a:pt x="998" y="574"/>
                  </a:cubicBezTo>
                  <a:cubicBezTo>
                    <a:pt x="999" y="574"/>
                    <a:pt x="1000" y="573"/>
                    <a:pt x="1001" y="573"/>
                  </a:cubicBezTo>
                  <a:cubicBezTo>
                    <a:pt x="1002" y="572"/>
                    <a:pt x="1003" y="572"/>
                    <a:pt x="1003" y="572"/>
                  </a:cubicBezTo>
                  <a:cubicBezTo>
                    <a:pt x="1004" y="572"/>
                    <a:pt x="1007" y="568"/>
                    <a:pt x="1007" y="568"/>
                  </a:cubicBezTo>
                  <a:cubicBezTo>
                    <a:pt x="1007" y="567"/>
                    <a:pt x="1012" y="562"/>
                    <a:pt x="1012" y="562"/>
                  </a:cubicBezTo>
                  <a:cubicBezTo>
                    <a:pt x="1014" y="562"/>
                    <a:pt x="1013" y="565"/>
                    <a:pt x="1014" y="565"/>
                  </a:cubicBezTo>
                  <a:cubicBezTo>
                    <a:pt x="1016" y="565"/>
                    <a:pt x="1016" y="564"/>
                    <a:pt x="1016" y="564"/>
                  </a:cubicBezTo>
                  <a:cubicBezTo>
                    <a:pt x="1017" y="563"/>
                    <a:pt x="1017" y="565"/>
                    <a:pt x="1021" y="567"/>
                  </a:cubicBezTo>
                  <a:cubicBezTo>
                    <a:pt x="1024" y="569"/>
                    <a:pt x="1026" y="570"/>
                    <a:pt x="1028" y="571"/>
                  </a:cubicBezTo>
                  <a:cubicBezTo>
                    <a:pt x="1029" y="571"/>
                    <a:pt x="1032" y="567"/>
                    <a:pt x="1032" y="567"/>
                  </a:cubicBezTo>
                  <a:cubicBezTo>
                    <a:pt x="1032" y="567"/>
                    <a:pt x="1036" y="567"/>
                    <a:pt x="1037" y="566"/>
                  </a:cubicBezTo>
                  <a:cubicBezTo>
                    <a:pt x="1038" y="565"/>
                    <a:pt x="1042" y="561"/>
                    <a:pt x="1043" y="560"/>
                  </a:cubicBezTo>
                  <a:cubicBezTo>
                    <a:pt x="1044" y="558"/>
                    <a:pt x="1047" y="556"/>
                    <a:pt x="1048" y="555"/>
                  </a:cubicBezTo>
                  <a:cubicBezTo>
                    <a:pt x="1050" y="553"/>
                    <a:pt x="1052" y="551"/>
                    <a:pt x="1054" y="549"/>
                  </a:cubicBezTo>
                  <a:cubicBezTo>
                    <a:pt x="1056" y="547"/>
                    <a:pt x="1061" y="541"/>
                    <a:pt x="1061" y="541"/>
                  </a:cubicBezTo>
                  <a:cubicBezTo>
                    <a:pt x="1061" y="541"/>
                    <a:pt x="1064" y="538"/>
                    <a:pt x="1066" y="537"/>
                  </a:cubicBezTo>
                  <a:cubicBezTo>
                    <a:pt x="1067" y="535"/>
                    <a:pt x="1074" y="528"/>
                    <a:pt x="1075" y="527"/>
                  </a:cubicBezTo>
                  <a:cubicBezTo>
                    <a:pt x="1076" y="526"/>
                    <a:pt x="1076" y="525"/>
                    <a:pt x="1077" y="523"/>
                  </a:cubicBezTo>
                  <a:cubicBezTo>
                    <a:pt x="1078" y="522"/>
                    <a:pt x="1079" y="520"/>
                    <a:pt x="1080" y="518"/>
                  </a:cubicBezTo>
                  <a:cubicBezTo>
                    <a:pt x="1081" y="517"/>
                    <a:pt x="1082" y="515"/>
                    <a:pt x="1083" y="511"/>
                  </a:cubicBezTo>
                  <a:cubicBezTo>
                    <a:pt x="1085" y="507"/>
                    <a:pt x="1085" y="509"/>
                    <a:pt x="1086" y="508"/>
                  </a:cubicBezTo>
                  <a:cubicBezTo>
                    <a:pt x="1087" y="506"/>
                    <a:pt x="1090" y="505"/>
                    <a:pt x="1090" y="505"/>
                  </a:cubicBezTo>
                  <a:cubicBezTo>
                    <a:pt x="1090" y="505"/>
                    <a:pt x="1094" y="501"/>
                    <a:pt x="1095" y="499"/>
                  </a:cubicBezTo>
                  <a:cubicBezTo>
                    <a:pt x="1096" y="498"/>
                    <a:pt x="1099" y="494"/>
                    <a:pt x="1099" y="494"/>
                  </a:cubicBezTo>
                  <a:cubicBezTo>
                    <a:pt x="1099" y="494"/>
                    <a:pt x="1100" y="488"/>
                    <a:pt x="1101" y="487"/>
                  </a:cubicBezTo>
                  <a:cubicBezTo>
                    <a:pt x="1101" y="485"/>
                    <a:pt x="1100" y="483"/>
                    <a:pt x="1101" y="483"/>
                  </a:cubicBezTo>
                  <a:cubicBezTo>
                    <a:pt x="1101" y="482"/>
                    <a:pt x="1101" y="479"/>
                    <a:pt x="1102" y="478"/>
                  </a:cubicBezTo>
                  <a:cubicBezTo>
                    <a:pt x="1102" y="476"/>
                    <a:pt x="1102" y="474"/>
                    <a:pt x="1102" y="472"/>
                  </a:cubicBezTo>
                  <a:cubicBezTo>
                    <a:pt x="1103" y="471"/>
                    <a:pt x="1101" y="467"/>
                    <a:pt x="1101" y="466"/>
                  </a:cubicBezTo>
                  <a:cubicBezTo>
                    <a:pt x="1101" y="465"/>
                    <a:pt x="1103" y="461"/>
                    <a:pt x="1103" y="460"/>
                  </a:cubicBezTo>
                  <a:cubicBezTo>
                    <a:pt x="1104" y="459"/>
                    <a:pt x="1109" y="445"/>
                    <a:pt x="1109" y="444"/>
                  </a:cubicBezTo>
                  <a:cubicBezTo>
                    <a:pt x="1109" y="444"/>
                    <a:pt x="1111" y="442"/>
                    <a:pt x="1111" y="442"/>
                  </a:cubicBezTo>
                  <a:cubicBezTo>
                    <a:pt x="1111" y="442"/>
                    <a:pt x="1111" y="437"/>
                    <a:pt x="1110" y="436"/>
                  </a:cubicBezTo>
                  <a:cubicBezTo>
                    <a:pt x="1109" y="435"/>
                    <a:pt x="1109" y="432"/>
                    <a:pt x="1109" y="431"/>
                  </a:cubicBezTo>
                  <a:cubicBezTo>
                    <a:pt x="1109" y="430"/>
                    <a:pt x="1111" y="429"/>
                    <a:pt x="1111" y="428"/>
                  </a:cubicBezTo>
                  <a:cubicBezTo>
                    <a:pt x="1110" y="428"/>
                    <a:pt x="1108" y="426"/>
                    <a:pt x="1108" y="426"/>
                  </a:cubicBezTo>
                  <a:cubicBezTo>
                    <a:pt x="1105" y="423"/>
                    <a:pt x="1105" y="423"/>
                    <a:pt x="1105" y="423"/>
                  </a:cubicBezTo>
                  <a:cubicBezTo>
                    <a:pt x="1105" y="423"/>
                    <a:pt x="1098" y="420"/>
                    <a:pt x="1098" y="420"/>
                  </a:cubicBezTo>
                  <a:cubicBezTo>
                    <a:pt x="1097" y="420"/>
                    <a:pt x="1096" y="415"/>
                    <a:pt x="1095" y="414"/>
                  </a:cubicBezTo>
                  <a:cubicBezTo>
                    <a:pt x="1094" y="413"/>
                    <a:pt x="1092" y="413"/>
                    <a:pt x="1091" y="413"/>
                  </a:cubicBezTo>
                  <a:cubicBezTo>
                    <a:pt x="1091" y="413"/>
                    <a:pt x="1087" y="413"/>
                    <a:pt x="1087" y="413"/>
                  </a:cubicBezTo>
                  <a:cubicBezTo>
                    <a:pt x="1084" y="415"/>
                    <a:pt x="1084" y="415"/>
                    <a:pt x="1084" y="415"/>
                  </a:cubicBezTo>
                  <a:cubicBezTo>
                    <a:pt x="1083" y="417"/>
                    <a:pt x="1083" y="417"/>
                    <a:pt x="1083" y="417"/>
                  </a:cubicBezTo>
                  <a:cubicBezTo>
                    <a:pt x="1083" y="417"/>
                    <a:pt x="1081" y="420"/>
                    <a:pt x="1080" y="422"/>
                  </a:cubicBezTo>
                  <a:cubicBezTo>
                    <a:pt x="1079" y="423"/>
                    <a:pt x="1077" y="423"/>
                    <a:pt x="1077" y="423"/>
                  </a:cubicBezTo>
                  <a:cubicBezTo>
                    <a:pt x="1076" y="423"/>
                    <a:pt x="1075" y="424"/>
                    <a:pt x="1073" y="424"/>
                  </a:cubicBezTo>
                  <a:cubicBezTo>
                    <a:pt x="1072" y="424"/>
                    <a:pt x="1071" y="424"/>
                    <a:pt x="1071" y="424"/>
                  </a:cubicBezTo>
                  <a:cubicBezTo>
                    <a:pt x="1071" y="423"/>
                    <a:pt x="1073" y="421"/>
                    <a:pt x="1073" y="421"/>
                  </a:cubicBezTo>
                  <a:cubicBezTo>
                    <a:pt x="1073" y="421"/>
                    <a:pt x="1073" y="420"/>
                    <a:pt x="1072" y="419"/>
                  </a:cubicBezTo>
                  <a:cubicBezTo>
                    <a:pt x="1072" y="418"/>
                    <a:pt x="1071" y="418"/>
                    <a:pt x="1071" y="418"/>
                  </a:cubicBezTo>
                  <a:cubicBezTo>
                    <a:pt x="1071" y="418"/>
                    <a:pt x="1071" y="415"/>
                    <a:pt x="1070" y="414"/>
                  </a:cubicBezTo>
                  <a:cubicBezTo>
                    <a:pt x="1070" y="414"/>
                    <a:pt x="1073" y="413"/>
                    <a:pt x="1073" y="413"/>
                  </a:cubicBezTo>
                  <a:cubicBezTo>
                    <a:pt x="1074" y="411"/>
                    <a:pt x="1074" y="411"/>
                    <a:pt x="1074" y="411"/>
                  </a:cubicBezTo>
                  <a:cubicBezTo>
                    <a:pt x="1074" y="411"/>
                    <a:pt x="1073" y="410"/>
                    <a:pt x="1072" y="411"/>
                  </a:cubicBezTo>
                  <a:cubicBezTo>
                    <a:pt x="1072" y="411"/>
                    <a:pt x="1069" y="413"/>
                    <a:pt x="1069" y="413"/>
                  </a:cubicBezTo>
                  <a:cubicBezTo>
                    <a:pt x="1070" y="413"/>
                    <a:pt x="1068" y="416"/>
                    <a:pt x="1069" y="416"/>
                  </a:cubicBezTo>
                  <a:cubicBezTo>
                    <a:pt x="1069" y="416"/>
                    <a:pt x="1068" y="419"/>
                    <a:pt x="1067" y="419"/>
                  </a:cubicBezTo>
                  <a:cubicBezTo>
                    <a:pt x="1067" y="420"/>
                    <a:pt x="1065" y="420"/>
                    <a:pt x="1064" y="420"/>
                  </a:cubicBezTo>
                  <a:cubicBezTo>
                    <a:pt x="1062" y="420"/>
                    <a:pt x="1062" y="419"/>
                    <a:pt x="1062" y="419"/>
                  </a:cubicBezTo>
                  <a:cubicBezTo>
                    <a:pt x="1062" y="418"/>
                    <a:pt x="1062" y="414"/>
                    <a:pt x="1063" y="413"/>
                  </a:cubicBezTo>
                  <a:cubicBezTo>
                    <a:pt x="1063" y="412"/>
                    <a:pt x="1063" y="411"/>
                    <a:pt x="1064" y="410"/>
                  </a:cubicBezTo>
                  <a:cubicBezTo>
                    <a:pt x="1064" y="410"/>
                    <a:pt x="1063" y="409"/>
                    <a:pt x="1063" y="409"/>
                  </a:cubicBezTo>
                  <a:cubicBezTo>
                    <a:pt x="1062" y="408"/>
                    <a:pt x="1060" y="409"/>
                    <a:pt x="1060" y="409"/>
                  </a:cubicBezTo>
                  <a:cubicBezTo>
                    <a:pt x="1060" y="409"/>
                    <a:pt x="1057" y="409"/>
                    <a:pt x="1056" y="409"/>
                  </a:cubicBezTo>
                  <a:cubicBezTo>
                    <a:pt x="1056" y="409"/>
                    <a:pt x="1054" y="409"/>
                    <a:pt x="1053" y="409"/>
                  </a:cubicBezTo>
                  <a:cubicBezTo>
                    <a:pt x="1052" y="409"/>
                    <a:pt x="1051" y="408"/>
                    <a:pt x="1050" y="407"/>
                  </a:cubicBezTo>
                  <a:cubicBezTo>
                    <a:pt x="1049" y="407"/>
                    <a:pt x="1048" y="407"/>
                    <a:pt x="1048" y="405"/>
                  </a:cubicBezTo>
                  <a:cubicBezTo>
                    <a:pt x="1048" y="404"/>
                    <a:pt x="1049" y="404"/>
                    <a:pt x="1050" y="403"/>
                  </a:cubicBezTo>
                  <a:cubicBezTo>
                    <a:pt x="1051" y="402"/>
                    <a:pt x="1051" y="402"/>
                    <a:pt x="1053" y="401"/>
                  </a:cubicBezTo>
                  <a:cubicBezTo>
                    <a:pt x="1054" y="400"/>
                    <a:pt x="1054" y="400"/>
                    <a:pt x="1056" y="398"/>
                  </a:cubicBezTo>
                  <a:cubicBezTo>
                    <a:pt x="1057" y="397"/>
                    <a:pt x="1057" y="397"/>
                    <a:pt x="1058" y="396"/>
                  </a:cubicBezTo>
                  <a:cubicBezTo>
                    <a:pt x="1059" y="395"/>
                    <a:pt x="1061" y="395"/>
                    <a:pt x="1063" y="393"/>
                  </a:cubicBezTo>
                  <a:cubicBezTo>
                    <a:pt x="1064" y="392"/>
                    <a:pt x="1065" y="392"/>
                    <a:pt x="1067" y="390"/>
                  </a:cubicBezTo>
                  <a:cubicBezTo>
                    <a:pt x="1068" y="389"/>
                    <a:pt x="1068" y="390"/>
                    <a:pt x="1069" y="389"/>
                  </a:cubicBezTo>
                  <a:cubicBezTo>
                    <a:pt x="1069" y="388"/>
                    <a:pt x="1071" y="388"/>
                    <a:pt x="1074" y="386"/>
                  </a:cubicBezTo>
                  <a:cubicBezTo>
                    <a:pt x="1078" y="384"/>
                    <a:pt x="1075" y="384"/>
                    <a:pt x="1076" y="382"/>
                  </a:cubicBezTo>
                  <a:cubicBezTo>
                    <a:pt x="1076" y="380"/>
                    <a:pt x="1076" y="380"/>
                    <a:pt x="1076" y="381"/>
                  </a:cubicBezTo>
                  <a:cubicBezTo>
                    <a:pt x="1077" y="381"/>
                    <a:pt x="1077" y="381"/>
                    <a:pt x="1078" y="381"/>
                  </a:cubicBezTo>
                  <a:cubicBezTo>
                    <a:pt x="1079" y="379"/>
                    <a:pt x="1079" y="380"/>
                    <a:pt x="1080" y="378"/>
                  </a:cubicBezTo>
                  <a:cubicBezTo>
                    <a:pt x="1082" y="376"/>
                    <a:pt x="1082" y="377"/>
                    <a:pt x="1084" y="374"/>
                  </a:cubicBezTo>
                  <a:cubicBezTo>
                    <a:pt x="1086" y="371"/>
                    <a:pt x="1087" y="371"/>
                    <a:pt x="1090" y="370"/>
                  </a:cubicBezTo>
                  <a:cubicBezTo>
                    <a:pt x="1093" y="368"/>
                    <a:pt x="1094" y="367"/>
                    <a:pt x="1094" y="367"/>
                  </a:cubicBezTo>
                  <a:cubicBezTo>
                    <a:pt x="1094" y="367"/>
                    <a:pt x="1098" y="365"/>
                    <a:pt x="1099" y="363"/>
                  </a:cubicBezTo>
                  <a:cubicBezTo>
                    <a:pt x="1101" y="361"/>
                    <a:pt x="1101" y="362"/>
                    <a:pt x="1102" y="361"/>
                  </a:cubicBezTo>
                  <a:cubicBezTo>
                    <a:pt x="1103" y="360"/>
                    <a:pt x="1102" y="361"/>
                    <a:pt x="1103" y="359"/>
                  </a:cubicBezTo>
                  <a:cubicBezTo>
                    <a:pt x="1104" y="357"/>
                    <a:pt x="1104" y="358"/>
                    <a:pt x="1104" y="357"/>
                  </a:cubicBezTo>
                  <a:cubicBezTo>
                    <a:pt x="1104" y="356"/>
                    <a:pt x="1105" y="356"/>
                    <a:pt x="1106" y="354"/>
                  </a:cubicBezTo>
                  <a:cubicBezTo>
                    <a:pt x="1107" y="353"/>
                    <a:pt x="1107" y="354"/>
                    <a:pt x="1110" y="353"/>
                  </a:cubicBezTo>
                  <a:cubicBezTo>
                    <a:pt x="1112" y="351"/>
                    <a:pt x="1111" y="352"/>
                    <a:pt x="1112" y="350"/>
                  </a:cubicBezTo>
                  <a:cubicBezTo>
                    <a:pt x="1113" y="349"/>
                    <a:pt x="1114" y="349"/>
                    <a:pt x="1116" y="346"/>
                  </a:cubicBezTo>
                  <a:cubicBezTo>
                    <a:pt x="1117" y="344"/>
                    <a:pt x="1120" y="343"/>
                    <a:pt x="1121" y="342"/>
                  </a:cubicBezTo>
                  <a:cubicBezTo>
                    <a:pt x="1122" y="341"/>
                    <a:pt x="1122" y="341"/>
                    <a:pt x="1122" y="341"/>
                  </a:cubicBezTo>
                  <a:cubicBezTo>
                    <a:pt x="1122" y="342"/>
                    <a:pt x="1123" y="342"/>
                    <a:pt x="1124" y="341"/>
                  </a:cubicBezTo>
                  <a:cubicBezTo>
                    <a:pt x="1127" y="341"/>
                    <a:pt x="1128" y="340"/>
                    <a:pt x="1130" y="339"/>
                  </a:cubicBezTo>
                  <a:cubicBezTo>
                    <a:pt x="1131" y="339"/>
                    <a:pt x="1134" y="339"/>
                    <a:pt x="1135" y="338"/>
                  </a:cubicBezTo>
                  <a:cubicBezTo>
                    <a:pt x="1135" y="338"/>
                    <a:pt x="1136" y="339"/>
                    <a:pt x="1138" y="339"/>
                  </a:cubicBezTo>
                  <a:cubicBezTo>
                    <a:pt x="1140" y="339"/>
                    <a:pt x="1142" y="340"/>
                    <a:pt x="1144" y="339"/>
                  </a:cubicBezTo>
                  <a:cubicBezTo>
                    <a:pt x="1145" y="338"/>
                    <a:pt x="1146" y="339"/>
                    <a:pt x="1147" y="339"/>
                  </a:cubicBezTo>
                  <a:cubicBezTo>
                    <a:pt x="1147" y="339"/>
                    <a:pt x="1148" y="339"/>
                    <a:pt x="1149" y="338"/>
                  </a:cubicBezTo>
                  <a:cubicBezTo>
                    <a:pt x="1150" y="338"/>
                    <a:pt x="1152" y="338"/>
                    <a:pt x="1153" y="338"/>
                  </a:cubicBezTo>
                  <a:cubicBezTo>
                    <a:pt x="1153" y="338"/>
                    <a:pt x="1156" y="339"/>
                    <a:pt x="1157" y="339"/>
                  </a:cubicBezTo>
                  <a:cubicBezTo>
                    <a:pt x="1158" y="340"/>
                    <a:pt x="1159" y="342"/>
                    <a:pt x="1160" y="341"/>
                  </a:cubicBezTo>
                  <a:cubicBezTo>
                    <a:pt x="1161" y="340"/>
                    <a:pt x="1161" y="340"/>
                    <a:pt x="1162" y="339"/>
                  </a:cubicBezTo>
                  <a:cubicBezTo>
                    <a:pt x="1162" y="338"/>
                    <a:pt x="1164" y="337"/>
                    <a:pt x="1166" y="337"/>
                  </a:cubicBezTo>
                  <a:cubicBezTo>
                    <a:pt x="1167" y="337"/>
                    <a:pt x="1168" y="338"/>
                    <a:pt x="1169" y="339"/>
                  </a:cubicBezTo>
                  <a:cubicBezTo>
                    <a:pt x="1170" y="340"/>
                    <a:pt x="1170" y="340"/>
                    <a:pt x="1170" y="340"/>
                  </a:cubicBezTo>
                  <a:cubicBezTo>
                    <a:pt x="1171" y="340"/>
                    <a:pt x="1172" y="341"/>
                    <a:pt x="1172" y="341"/>
                  </a:cubicBezTo>
                  <a:cubicBezTo>
                    <a:pt x="1172" y="341"/>
                    <a:pt x="1174" y="341"/>
                    <a:pt x="1178" y="338"/>
                  </a:cubicBezTo>
                  <a:cubicBezTo>
                    <a:pt x="1180" y="339"/>
                    <a:pt x="1180" y="339"/>
                    <a:pt x="1180" y="339"/>
                  </a:cubicBezTo>
                  <a:cubicBezTo>
                    <a:pt x="1181" y="341"/>
                    <a:pt x="1181" y="341"/>
                    <a:pt x="1181" y="341"/>
                  </a:cubicBezTo>
                  <a:cubicBezTo>
                    <a:pt x="1181" y="341"/>
                    <a:pt x="1185" y="340"/>
                    <a:pt x="1186" y="339"/>
                  </a:cubicBezTo>
                  <a:cubicBezTo>
                    <a:pt x="1186" y="339"/>
                    <a:pt x="1190" y="337"/>
                    <a:pt x="1192" y="336"/>
                  </a:cubicBezTo>
                  <a:cubicBezTo>
                    <a:pt x="1193" y="334"/>
                    <a:pt x="1194" y="333"/>
                    <a:pt x="1195" y="333"/>
                  </a:cubicBezTo>
                  <a:cubicBezTo>
                    <a:pt x="1197" y="332"/>
                    <a:pt x="1199" y="333"/>
                    <a:pt x="1200" y="333"/>
                  </a:cubicBezTo>
                  <a:cubicBezTo>
                    <a:pt x="1202" y="333"/>
                    <a:pt x="1203" y="335"/>
                    <a:pt x="1204" y="335"/>
                  </a:cubicBezTo>
                  <a:cubicBezTo>
                    <a:pt x="1206" y="335"/>
                    <a:pt x="1205" y="337"/>
                    <a:pt x="1206" y="337"/>
                  </a:cubicBezTo>
                  <a:cubicBezTo>
                    <a:pt x="1208" y="338"/>
                    <a:pt x="1208" y="336"/>
                    <a:pt x="1210" y="335"/>
                  </a:cubicBezTo>
                  <a:cubicBezTo>
                    <a:pt x="1213" y="333"/>
                    <a:pt x="1212" y="336"/>
                    <a:pt x="1213" y="336"/>
                  </a:cubicBezTo>
                  <a:cubicBezTo>
                    <a:pt x="1214" y="336"/>
                    <a:pt x="1222" y="341"/>
                    <a:pt x="1222" y="341"/>
                  </a:cubicBezTo>
                  <a:cubicBezTo>
                    <a:pt x="1222" y="341"/>
                    <a:pt x="1220" y="341"/>
                    <a:pt x="1219" y="341"/>
                  </a:cubicBezTo>
                  <a:cubicBezTo>
                    <a:pt x="1218" y="341"/>
                    <a:pt x="1216" y="341"/>
                    <a:pt x="1216" y="341"/>
                  </a:cubicBezTo>
                  <a:cubicBezTo>
                    <a:pt x="1216" y="341"/>
                    <a:pt x="1213" y="343"/>
                    <a:pt x="1211" y="344"/>
                  </a:cubicBezTo>
                  <a:cubicBezTo>
                    <a:pt x="1210" y="344"/>
                    <a:pt x="1213" y="346"/>
                    <a:pt x="1213" y="346"/>
                  </a:cubicBezTo>
                  <a:cubicBezTo>
                    <a:pt x="1214" y="346"/>
                    <a:pt x="1215" y="346"/>
                    <a:pt x="1217" y="346"/>
                  </a:cubicBezTo>
                  <a:cubicBezTo>
                    <a:pt x="1217" y="345"/>
                    <a:pt x="1218" y="346"/>
                    <a:pt x="1218" y="346"/>
                  </a:cubicBezTo>
                  <a:cubicBezTo>
                    <a:pt x="1218" y="346"/>
                    <a:pt x="1219" y="346"/>
                    <a:pt x="1219" y="346"/>
                  </a:cubicBezTo>
                  <a:cubicBezTo>
                    <a:pt x="1220" y="346"/>
                    <a:pt x="1221" y="346"/>
                    <a:pt x="1222" y="345"/>
                  </a:cubicBezTo>
                  <a:cubicBezTo>
                    <a:pt x="1223" y="345"/>
                    <a:pt x="1224" y="344"/>
                    <a:pt x="1225" y="344"/>
                  </a:cubicBezTo>
                  <a:cubicBezTo>
                    <a:pt x="1227" y="345"/>
                    <a:pt x="1227" y="346"/>
                    <a:pt x="1228" y="346"/>
                  </a:cubicBezTo>
                  <a:cubicBezTo>
                    <a:pt x="1229" y="346"/>
                    <a:pt x="1229" y="346"/>
                    <a:pt x="1231" y="345"/>
                  </a:cubicBezTo>
                  <a:cubicBezTo>
                    <a:pt x="1232" y="343"/>
                    <a:pt x="1233" y="343"/>
                    <a:pt x="1234" y="342"/>
                  </a:cubicBezTo>
                  <a:cubicBezTo>
                    <a:pt x="1235" y="341"/>
                    <a:pt x="1236" y="340"/>
                    <a:pt x="1237" y="340"/>
                  </a:cubicBezTo>
                  <a:cubicBezTo>
                    <a:pt x="1238" y="340"/>
                    <a:pt x="1239" y="342"/>
                    <a:pt x="1239" y="343"/>
                  </a:cubicBezTo>
                  <a:cubicBezTo>
                    <a:pt x="1240" y="344"/>
                    <a:pt x="1240" y="344"/>
                    <a:pt x="1242" y="342"/>
                  </a:cubicBezTo>
                  <a:cubicBezTo>
                    <a:pt x="1243" y="341"/>
                    <a:pt x="1243" y="341"/>
                    <a:pt x="1244" y="341"/>
                  </a:cubicBezTo>
                  <a:cubicBezTo>
                    <a:pt x="1246" y="340"/>
                    <a:pt x="1247" y="341"/>
                    <a:pt x="1249" y="341"/>
                  </a:cubicBezTo>
                  <a:cubicBezTo>
                    <a:pt x="1251" y="341"/>
                    <a:pt x="1252" y="341"/>
                    <a:pt x="1253" y="341"/>
                  </a:cubicBezTo>
                  <a:cubicBezTo>
                    <a:pt x="1253" y="341"/>
                    <a:pt x="1254" y="340"/>
                    <a:pt x="1254" y="339"/>
                  </a:cubicBezTo>
                  <a:cubicBezTo>
                    <a:pt x="1254" y="338"/>
                    <a:pt x="1254" y="337"/>
                    <a:pt x="1254" y="337"/>
                  </a:cubicBezTo>
                  <a:cubicBezTo>
                    <a:pt x="1254" y="336"/>
                    <a:pt x="1252" y="335"/>
                    <a:pt x="1251" y="335"/>
                  </a:cubicBezTo>
                  <a:cubicBezTo>
                    <a:pt x="1251" y="335"/>
                    <a:pt x="1250" y="335"/>
                    <a:pt x="1249" y="336"/>
                  </a:cubicBezTo>
                  <a:cubicBezTo>
                    <a:pt x="1248" y="336"/>
                    <a:pt x="1247" y="336"/>
                    <a:pt x="1247" y="336"/>
                  </a:cubicBezTo>
                  <a:cubicBezTo>
                    <a:pt x="1246" y="336"/>
                    <a:pt x="1244" y="336"/>
                    <a:pt x="1244" y="336"/>
                  </a:cubicBezTo>
                  <a:cubicBezTo>
                    <a:pt x="1244" y="336"/>
                    <a:pt x="1244" y="333"/>
                    <a:pt x="1244" y="332"/>
                  </a:cubicBezTo>
                  <a:cubicBezTo>
                    <a:pt x="1244" y="330"/>
                    <a:pt x="1245" y="330"/>
                    <a:pt x="1245" y="329"/>
                  </a:cubicBezTo>
                  <a:cubicBezTo>
                    <a:pt x="1246" y="328"/>
                    <a:pt x="1246" y="328"/>
                    <a:pt x="1247" y="327"/>
                  </a:cubicBezTo>
                  <a:cubicBezTo>
                    <a:pt x="1247" y="326"/>
                    <a:pt x="1249" y="325"/>
                    <a:pt x="1250" y="323"/>
                  </a:cubicBezTo>
                  <a:cubicBezTo>
                    <a:pt x="1252" y="322"/>
                    <a:pt x="1253" y="321"/>
                    <a:pt x="1253" y="320"/>
                  </a:cubicBezTo>
                  <a:cubicBezTo>
                    <a:pt x="1254" y="320"/>
                    <a:pt x="1257" y="319"/>
                    <a:pt x="1258" y="317"/>
                  </a:cubicBezTo>
                  <a:cubicBezTo>
                    <a:pt x="1260" y="316"/>
                    <a:pt x="1261" y="315"/>
                    <a:pt x="1262" y="314"/>
                  </a:cubicBezTo>
                  <a:cubicBezTo>
                    <a:pt x="1263" y="312"/>
                    <a:pt x="1269" y="308"/>
                    <a:pt x="1272" y="305"/>
                  </a:cubicBezTo>
                  <a:cubicBezTo>
                    <a:pt x="1274" y="303"/>
                    <a:pt x="1273" y="304"/>
                    <a:pt x="1274" y="303"/>
                  </a:cubicBezTo>
                  <a:cubicBezTo>
                    <a:pt x="1275" y="302"/>
                    <a:pt x="1275" y="302"/>
                    <a:pt x="1278" y="301"/>
                  </a:cubicBezTo>
                  <a:cubicBezTo>
                    <a:pt x="1279" y="300"/>
                    <a:pt x="1279" y="300"/>
                    <a:pt x="1279" y="300"/>
                  </a:cubicBezTo>
                  <a:cubicBezTo>
                    <a:pt x="1279" y="300"/>
                    <a:pt x="1279" y="301"/>
                    <a:pt x="1280" y="300"/>
                  </a:cubicBezTo>
                  <a:cubicBezTo>
                    <a:pt x="1280" y="300"/>
                    <a:pt x="1281" y="300"/>
                    <a:pt x="1281" y="300"/>
                  </a:cubicBezTo>
                  <a:cubicBezTo>
                    <a:pt x="1281" y="300"/>
                    <a:pt x="1282" y="300"/>
                    <a:pt x="1282" y="300"/>
                  </a:cubicBezTo>
                  <a:cubicBezTo>
                    <a:pt x="1283" y="300"/>
                    <a:pt x="1283" y="300"/>
                    <a:pt x="1284" y="300"/>
                  </a:cubicBezTo>
                  <a:cubicBezTo>
                    <a:pt x="1284" y="300"/>
                    <a:pt x="1284" y="301"/>
                    <a:pt x="1285" y="300"/>
                  </a:cubicBezTo>
                  <a:cubicBezTo>
                    <a:pt x="1286" y="300"/>
                    <a:pt x="1287" y="301"/>
                    <a:pt x="1288" y="301"/>
                  </a:cubicBezTo>
                  <a:cubicBezTo>
                    <a:pt x="1289" y="301"/>
                    <a:pt x="1289" y="301"/>
                    <a:pt x="1290" y="300"/>
                  </a:cubicBezTo>
                  <a:cubicBezTo>
                    <a:pt x="1291" y="300"/>
                    <a:pt x="1292" y="299"/>
                    <a:pt x="1293" y="299"/>
                  </a:cubicBezTo>
                  <a:cubicBezTo>
                    <a:pt x="1295" y="298"/>
                    <a:pt x="1294" y="299"/>
                    <a:pt x="1295" y="299"/>
                  </a:cubicBezTo>
                  <a:cubicBezTo>
                    <a:pt x="1296" y="299"/>
                    <a:pt x="1296" y="300"/>
                    <a:pt x="1297" y="300"/>
                  </a:cubicBezTo>
                  <a:cubicBezTo>
                    <a:pt x="1297" y="301"/>
                    <a:pt x="1298" y="302"/>
                    <a:pt x="1300" y="302"/>
                  </a:cubicBezTo>
                  <a:cubicBezTo>
                    <a:pt x="1301" y="302"/>
                    <a:pt x="1301" y="303"/>
                    <a:pt x="1302" y="303"/>
                  </a:cubicBezTo>
                  <a:cubicBezTo>
                    <a:pt x="1303" y="302"/>
                    <a:pt x="1302" y="302"/>
                    <a:pt x="1304" y="300"/>
                  </a:cubicBezTo>
                  <a:cubicBezTo>
                    <a:pt x="1305" y="299"/>
                    <a:pt x="1305" y="300"/>
                    <a:pt x="1305" y="300"/>
                  </a:cubicBezTo>
                  <a:cubicBezTo>
                    <a:pt x="1305" y="300"/>
                    <a:pt x="1306" y="300"/>
                    <a:pt x="1306" y="300"/>
                  </a:cubicBezTo>
                  <a:cubicBezTo>
                    <a:pt x="1306" y="300"/>
                    <a:pt x="1308" y="302"/>
                    <a:pt x="1308" y="302"/>
                  </a:cubicBezTo>
                  <a:cubicBezTo>
                    <a:pt x="1307" y="303"/>
                    <a:pt x="1305" y="305"/>
                    <a:pt x="1304" y="306"/>
                  </a:cubicBezTo>
                  <a:cubicBezTo>
                    <a:pt x="1303" y="306"/>
                    <a:pt x="1303" y="309"/>
                    <a:pt x="1302" y="310"/>
                  </a:cubicBezTo>
                  <a:cubicBezTo>
                    <a:pt x="1302" y="311"/>
                    <a:pt x="1302" y="312"/>
                    <a:pt x="1302" y="312"/>
                  </a:cubicBezTo>
                  <a:cubicBezTo>
                    <a:pt x="1303" y="312"/>
                    <a:pt x="1305" y="312"/>
                    <a:pt x="1306" y="312"/>
                  </a:cubicBezTo>
                  <a:cubicBezTo>
                    <a:pt x="1307" y="312"/>
                    <a:pt x="1307" y="314"/>
                    <a:pt x="1307" y="314"/>
                  </a:cubicBezTo>
                  <a:cubicBezTo>
                    <a:pt x="1305" y="317"/>
                    <a:pt x="1305" y="317"/>
                    <a:pt x="1305" y="317"/>
                  </a:cubicBezTo>
                  <a:cubicBezTo>
                    <a:pt x="1305" y="317"/>
                    <a:pt x="1306" y="318"/>
                    <a:pt x="1308" y="318"/>
                  </a:cubicBezTo>
                  <a:cubicBezTo>
                    <a:pt x="1309" y="317"/>
                    <a:pt x="1310" y="317"/>
                    <a:pt x="1311" y="316"/>
                  </a:cubicBezTo>
                  <a:cubicBezTo>
                    <a:pt x="1312" y="315"/>
                    <a:pt x="1313" y="314"/>
                    <a:pt x="1315" y="313"/>
                  </a:cubicBezTo>
                  <a:cubicBezTo>
                    <a:pt x="1318" y="311"/>
                    <a:pt x="1317" y="311"/>
                    <a:pt x="1317" y="311"/>
                  </a:cubicBezTo>
                  <a:cubicBezTo>
                    <a:pt x="1317" y="311"/>
                    <a:pt x="1321" y="310"/>
                    <a:pt x="1323" y="309"/>
                  </a:cubicBezTo>
                  <a:cubicBezTo>
                    <a:pt x="1325" y="307"/>
                    <a:pt x="1324" y="308"/>
                    <a:pt x="1325" y="306"/>
                  </a:cubicBezTo>
                  <a:cubicBezTo>
                    <a:pt x="1326" y="305"/>
                    <a:pt x="1325" y="306"/>
                    <a:pt x="1326" y="304"/>
                  </a:cubicBezTo>
                  <a:cubicBezTo>
                    <a:pt x="1327" y="303"/>
                    <a:pt x="1328" y="303"/>
                    <a:pt x="1329" y="303"/>
                  </a:cubicBezTo>
                  <a:cubicBezTo>
                    <a:pt x="1330" y="304"/>
                    <a:pt x="1330" y="304"/>
                    <a:pt x="1330" y="304"/>
                  </a:cubicBezTo>
                  <a:cubicBezTo>
                    <a:pt x="1330" y="304"/>
                    <a:pt x="1332" y="305"/>
                    <a:pt x="1333" y="305"/>
                  </a:cubicBezTo>
                  <a:cubicBezTo>
                    <a:pt x="1334" y="304"/>
                    <a:pt x="1335" y="304"/>
                    <a:pt x="1336" y="303"/>
                  </a:cubicBezTo>
                  <a:cubicBezTo>
                    <a:pt x="1337" y="302"/>
                    <a:pt x="1335" y="302"/>
                    <a:pt x="1334" y="302"/>
                  </a:cubicBezTo>
                  <a:cubicBezTo>
                    <a:pt x="1333" y="302"/>
                    <a:pt x="1333" y="301"/>
                    <a:pt x="1333" y="300"/>
                  </a:cubicBezTo>
                  <a:cubicBezTo>
                    <a:pt x="1333" y="299"/>
                    <a:pt x="1334" y="297"/>
                    <a:pt x="1335" y="296"/>
                  </a:cubicBezTo>
                  <a:cubicBezTo>
                    <a:pt x="1335" y="294"/>
                    <a:pt x="1337" y="293"/>
                    <a:pt x="1338" y="291"/>
                  </a:cubicBezTo>
                  <a:cubicBezTo>
                    <a:pt x="1339" y="289"/>
                    <a:pt x="1339" y="290"/>
                    <a:pt x="1341" y="289"/>
                  </a:cubicBezTo>
                  <a:cubicBezTo>
                    <a:pt x="1342" y="289"/>
                    <a:pt x="1342" y="289"/>
                    <a:pt x="1342" y="289"/>
                  </a:cubicBezTo>
                  <a:cubicBezTo>
                    <a:pt x="1342" y="289"/>
                    <a:pt x="1342" y="289"/>
                    <a:pt x="1342" y="288"/>
                  </a:cubicBezTo>
                  <a:cubicBezTo>
                    <a:pt x="1342" y="287"/>
                    <a:pt x="1343" y="286"/>
                    <a:pt x="1344" y="286"/>
                  </a:cubicBezTo>
                  <a:cubicBezTo>
                    <a:pt x="1345" y="286"/>
                    <a:pt x="1348" y="285"/>
                    <a:pt x="1348" y="285"/>
                  </a:cubicBezTo>
                  <a:cubicBezTo>
                    <a:pt x="1349" y="285"/>
                    <a:pt x="1350" y="285"/>
                    <a:pt x="1352" y="287"/>
                  </a:cubicBezTo>
                  <a:cubicBezTo>
                    <a:pt x="1354" y="289"/>
                    <a:pt x="1357" y="288"/>
                    <a:pt x="1356" y="289"/>
                  </a:cubicBezTo>
                  <a:cubicBezTo>
                    <a:pt x="1354" y="290"/>
                    <a:pt x="1353" y="288"/>
                    <a:pt x="1353" y="288"/>
                  </a:cubicBezTo>
                  <a:cubicBezTo>
                    <a:pt x="1353" y="288"/>
                    <a:pt x="1351" y="290"/>
                    <a:pt x="1351" y="290"/>
                  </a:cubicBezTo>
                  <a:cubicBezTo>
                    <a:pt x="1351" y="291"/>
                    <a:pt x="1348" y="291"/>
                    <a:pt x="1348" y="291"/>
                  </a:cubicBezTo>
                  <a:cubicBezTo>
                    <a:pt x="1347" y="291"/>
                    <a:pt x="1347" y="293"/>
                    <a:pt x="1346" y="294"/>
                  </a:cubicBezTo>
                  <a:cubicBezTo>
                    <a:pt x="1346" y="295"/>
                    <a:pt x="1345" y="296"/>
                    <a:pt x="1345" y="298"/>
                  </a:cubicBezTo>
                  <a:cubicBezTo>
                    <a:pt x="1345" y="299"/>
                    <a:pt x="1345" y="301"/>
                    <a:pt x="1344" y="302"/>
                  </a:cubicBezTo>
                  <a:cubicBezTo>
                    <a:pt x="1344" y="303"/>
                    <a:pt x="1344" y="302"/>
                    <a:pt x="1344" y="303"/>
                  </a:cubicBezTo>
                  <a:cubicBezTo>
                    <a:pt x="1343" y="304"/>
                    <a:pt x="1342" y="306"/>
                    <a:pt x="1342" y="307"/>
                  </a:cubicBezTo>
                  <a:cubicBezTo>
                    <a:pt x="1342" y="308"/>
                    <a:pt x="1343" y="308"/>
                    <a:pt x="1343" y="310"/>
                  </a:cubicBezTo>
                  <a:cubicBezTo>
                    <a:pt x="1343" y="311"/>
                    <a:pt x="1342" y="312"/>
                    <a:pt x="1341" y="313"/>
                  </a:cubicBezTo>
                  <a:cubicBezTo>
                    <a:pt x="1341" y="313"/>
                    <a:pt x="1340" y="314"/>
                    <a:pt x="1339" y="314"/>
                  </a:cubicBezTo>
                  <a:cubicBezTo>
                    <a:pt x="1338" y="314"/>
                    <a:pt x="1338" y="315"/>
                    <a:pt x="1337" y="315"/>
                  </a:cubicBezTo>
                  <a:cubicBezTo>
                    <a:pt x="1337" y="315"/>
                    <a:pt x="1336" y="316"/>
                    <a:pt x="1336" y="316"/>
                  </a:cubicBezTo>
                  <a:cubicBezTo>
                    <a:pt x="1335" y="316"/>
                    <a:pt x="1333" y="318"/>
                    <a:pt x="1332" y="318"/>
                  </a:cubicBezTo>
                  <a:cubicBezTo>
                    <a:pt x="1332" y="318"/>
                    <a:pt x="1330" y="319"/>
                    <a:pt x="1329" y="319"/>
                  </a:cubicBezTo>
                  <a:cubicBezTo>
                    <a:pt x="1328" y="320"/>
                    <a:pt x="1327" y="321"/>
                    <a:pt x="1326" y="321"/>
                  </a:cubicBezTo>
                  <a:cubicBezTo>
                    <a:pt x="1325" y="322"/>
                    <a:pt x="1325" y="322"/>
                    <a:pt x="1324" y="322"/>
                  </a:cubicBezTo>
                  <a:cubicBezTo>
                    <a:pt x="1324" y="322"/>
                    <a:pt x="1323" y="323"/>
                    <a:pt x="1322" y="324"/>
                  </a:cubicBezTo>
                  <a:cubicBezTo>
                    <a:pt x="1321" y="326"/>
                    <a:pt x="1321" y="327"/>
                    <a:pt x="1321" y="327"/>
                  </a:cubicBezTo>
                  <a:cubicBezTo>
                    <a:pt x="1320" y="328"/>
                    <a:pt x="1317" y="330"/>
                    <a:pt x="1317" y="330"/>
                  </a:cubicBezTo>
                  <a:cubicBezTo>
                    <a:pt x="1316" y="330"/>
                    <a:pt x="1316" y="331"/>
                    <a:pt x="1316" y="332"/>
                  </a:cubicBezTo>
                  <a:cubicBezTo>
                    <a:pt x="1316" y="332"/>
                    <a:pt x="1314" y="333"/>
                    <a:pt x="1313" y="334"/>
                  </a:cubicBezTo>
                  <a:cubicBezTo>
                    <a:pt x="1312" y="335"/>
                    <a:pt x="1310" y="335"/>
                    <a:pt x="1309" y="336"/>
                  </a:cubicBezTo>
                  <a:cubicBezTo>
                    <a:pt x="1307" y="337"/>
                    <a:pt x="1305" y="340"/>
                    <a:pt x="1305" y="340"/>
                  </a:cubicBezTo>
                  <a:cubicBezTo>
                    <a:pt x="1305" y="340"/>
                    <a:pt x="1298" y="349"/>
                    <a:pt x="1297" y="350"/>
                  </a:cubicBezTo>
                  <a:cubicBezTo>
                    <a:pt x="1297" y="350"/>
                    <a:pt x="1294" y="351"/>
                    <a:pt x="1292" y="353"/>
                  </a:cubicBezTo>
                  <a:cubicBezTo>
                    <a:pt x="1291" y="354"/>
                    <a:pt x="1291" y="354"/>
                    <a:pt x="1290" y="355"/>
                  </a:cubicBezTo>
                  <a:cubicBezTo>
                    <a:pt x="1289" y="356"/>
                    <a:pt x="1287" y="356"/>
                    <a:pt x="1287" y="356"/>
                  </a:cubicBezTo>
                  <a:cubicBezTo>
                    <a:pt x="1287" y="356"/>
                    <a:pt x="1285" y="357"/>
                    <a:pt x="1284" y="358"/>
                  </a:cubicBezTo>
                  <a:cubicBezTo>
                    <a:pt x="1284" y="358"/>
                    <a:pt x="1282" y="359"/>
                    <a:pt x="1282" y="359"/>
                  </a:cubicBezTo>
                  <a:cubicBezTo>
                    <a:pt x="1281" y="360"/>
                    <a:pt x="1275" y="363"/>
                    <a:pt x="1275" y="363"/>
                  </a:cubicBezTo>
                  <a:cubicBezTo>
                    <a:pt x="1274" y="362"/>
                    <a:pt x="1270" y="363"/>
                    <a:pt x="1270" y="363"/>
                  </a:cubicBezTo>
                  <a:cubicBezTo>
                    <a:pt x="1270" y="363"/>
                    <a:pt x="1272" y="366"/>
                    <a:pt x="1272" y="367"/>
                  </a:cubicBezTo>
                  <a:cubicBezTo>
                    <a:pt x="1272" y="368"/>
                    <a:pt x="1272" y="369"/>
                    <a:pt x="1272" y="370"/>
                  </a:cubicBezTo>
                  <a:cubicBezTo>
                    <a:pt x="1271" y="371"/>
                    <a:pt x="1271" y="372"/>
                    <a:pt x="1269" y="373"/>
                  </a:cubicBezTo>
                  <a:cubicBezTo>
                    <a:pt x="1268" y="375"/>
                    <a:pt x="1268" y="375"/>
                    <a:pt x="1266" y="376"/>
                  </a:cubicBezTo>
                  <a:cubicBezTo>
                    <a:pt x="1265" y="377"/>
                    <a:pt x="1265" y="378"/>
                    <a:pt x="1263" y="379"/>
                  </a:cubicBezTo>
                  <a:cubicBezTo>
                    <a:pt x="1262" y="380"/>
                    <a:pt x="1262" y="381"/>
                    <a:pt x="1261" y="382"/>
                  </a:cubicBezTo>
                  <a:cubicBezTo>
                    <a:pt x="1261" y="383"/>
                    <a:pt x="1260" y="387"/>
                    <a:pt x="1259" y="388"/>
                  </a:cubicBezTo>
                  <a:cubicBezTo>
                    <a:pt x="1258" y="389"/>
                    <a:pt x="1258" y="391"/>
                    <a:pt x="1258" y="392"/>
                  </a:cubicBezTo>
                  <a:cubicBezTo>
                    <a:pt x="1258" y="393"/>
                    <a:pt x="1257" y="397"/>
                    <a:pt x="1257" y="399"/>
                  </a:cubicBezTo>
                  <a:cubicBezTo>
                    <a:pt x="1257" y="401"/>
                    <a:pt x="1258" y="405"/>
                    <a:pt x="1258" y="407"/>
                  </a:cubicBezTo>
                  <a:cubicBezTo>
                    <a:pt x="1259" y="410"/>
                    <a:pt x="1260" y="413"/>
                    <a:pt x="1260" y="414"/>
                  </a:cubicBezTo>
                  <a:cubicBezTo>
                    <a:pt x="1261" y="415"/>
                    <a:pt x="1263" y="423"/>
                    <a:pt x="1262" y="423"/>
                  </a:cubicBezTo>
                  <a:cubicBezTo>
                    <a:pt x="1262" y="424"/>
                    <a:pt x="1263" y="432"/>
                    <a:pt x="1262" y="433"/>
                  </a:cubicBezTo>
                  <a:cubicBezTo>
                    <a:pt x="1261" y="434"/>
                    <a:pt x="1263" y="436"/>
                    <a:pt x="1264" y="437"/>
                  </a:cubicBezTo>
                  <a:cubicBezTo>
                    <a:pt x="1265" y="438"/>
                    <a:pt x="1265" y="440"/>
                    <a:pt x="1266" y="444"/>
                  </a:cubicBezTo>
                  <a:cubicBezTo>
                    <a:pt x="1266" y="447"/>
                    <a:pt x="1265" y="449"/>
                    <a:pt x="1266" y="451"/>
                  </a:cubicBezTo>
                  <a:cubicBezTo>
                    <a:pt x="1266" y="453"/>
                    <a:pt x="1268" y="456"/>
                    <a:pt x="1268" y="458"/>
                  </a:cubicBezTo>
                  <a:cubicBezTo>
                    <a:pt x="1268" y="459"/>
                    <a:pt x="1269" y="463"/>
                    <a:pt x="1270" y="462"/>
                  </a:cubicBezTo>
                  <a:cubicBezTo>
                    <a:pt x="1271" y="461"/>
                    <a:pt x="1271" y="461"/>
                    <a:pt x="1272" y="459"/>
                  </a:cubicBezTo>
                  <a:cubicBezTo>
                    <a:pt x="1273" y="457"/>
                    <a:pt x="1275" y="457"/>
                    <a:pt x="1277" y="455"/>
                  </a:cubicBezTo>
                  <a:cubicBezTo>
                    <a:pt x="1278" y="453"/>
                    <a:pt x="1282" y="452"/>
                    <a:pt x="1283" y="452"/>
                  </a:cubicBezTo>
                  <a:cubicBezTo>
                    <a:pt x="1284" y="451"/>
                    <a:pt x="1286" y="448"/>
                    <a:pt x="1286" y="447"/>
                  </a:cubicBezTo>
                  <a:cubicBezTo>
                    <a:pt x="1287" y="445"/>
                    <a:pt x="1287" y="443"/>
                    <a:pt x="1287" y="440"/>
                  </a:cubicBezTo>
                  <a:cubicBezTo>
                    <a:pt x="1287" y="438"/>
                    <a:pt x="1289" y="436"/>
                    <a:pt x="1290" y="436"/>
                  </a:cubicBezTo>
                  <a:cubicBezTo>
                    <a:pt x="1290" y="436"/>
                    <a:pt x="1292" y="434"/>
                    <a:pt x="1293" y="432"/>
                  </a:cubicBezTo>
                  <a:cubicBezTo>
                    <a:pt x="1295" y="430"/>
                    <a:pt x="1298" y="430"/>
                    <a:pt x="1298" y="430"/>
                  </a:cubicBezTo>
                  <a:cubicBezTo>
                    <a:pt x="1299" y="430"/>
                    <a:pt x="1299" y="430"/>
                    <a:pt x="1300" y="430"/>
                  </a:cubicBezTo>
                  <a:cubicBezTo>
                    <a:pt x="1302" y="430"/>
                    <a:pt x="1303" y="430"/>
                    <a:pt x="1304" y="429"/>
                  </a:cubicBezTo>
                  <a:cubicBezTo>
                    <a:pt x="1304" y="428"/>
                    <a:pt x="1304" y="428"/>
                    <a:pt x="1303" y="426"/>
                  </a:cubicBezTo>
                  <a:cubicBezTo>
                    <a:pt x="1303" y="424"/>
                    <a:pt x="1303" y="422"/>
                    <a:pt x="1303" y="420"/>
                  </a:cubicBezTo>
                  <a:cubicBezTo>
                    <a:pt x="1303" y="418"/>
                    <a:pt x="1305" y="416"/>
                    <a:pt x="1306" y="415"/>
                  </a:cubicBezTo>
                  <a:cubicBezTo>
                    <a:pt x="1306" y="414"/>
                    <a:pt x="1309" y="413"/>
                    <a:pt x="1310" y="411"/>
                  </a:cubicBezTo>
                  <a:cubicBezTo>
                    <a:pt x="1311" y="410"/>
                    <a:pt x="1312" y="410"/>
                    <a:pt x="1313" y="411"/>
                  </a:cubicBezTo>
                  <a:cubicBezTo>
                    <a:pt x="1313" y="411"/>
                    <a:pt x="1314" y="411"/>
                    <a:pt x="1314" y="411"/>
                  </a:cubicBezTo>
                  <a:cubicBezTo>
                    <a:pt x="1316" y="410"/>
                    <a:pt x="1319" y="411"/>
                    <a:pt x="1320" y="410"/>
                  </a:cubicBezTo>
                  <a:cubicBezTo>
                    <a:pt x="1322" y="410"/>
                    <a:pt x="1326" y="407"/>
                    <a:pt x="1326" y="406"/>
                  </a:cubicBezTo>
                  <a:cubicBezTo>
                    <a:pt x="1327" y="405"/>
                    <a:pt x="1325" y="404"/>
                    <a:pt x="1325" y="403"/>
                  </a:cubicBezTo>
                  <a:cubicBezTo>
                    <a:pt x="1324" y="402"/>
                    <a:pt x="1322" y="402"/>
                    <a:pt x="1322" y="400"/>
                  </a:cubicBezTo>
                  <a:cubicBezTo>
                    <a:pt x="1321" y="398"/>
                    <a:pt x="1322" y="398"/>
                    <a:pt x="1322" y="395"/>
                  </a:cubicBezTo>
                  <a:cubicBezTo>
                    <a:pt x="1323" y="393"/>
                    <a:pt x="1324" y="394"/>
                    <a:pt x="1325" y="393"/>
                  </a:cubicBezTo>
                  <a:cubicBezTo>
                    <a:pt x="1326" y="391"/>
                    <a:pt x="1327" y="387"/>
                    <a:pt x="1327" y="386"/>
                  </a:cubicBezTo>
                  <a:cubicBezTo>
                    <a:pt x="1327" y="386"/>
                    <a:pt x="1330" y="384"/>
                    <a:pt x="1331" y="383"/>
                  </a:cubicBezTo>
                  <a:cubicBezTo>
                    <a:pt x="1331" y="383"/>
                    <a:pt x="1331" y="385"/>
                    <a:pt x="1331" y="386"/>
                  </a:cubicBezTo>
                  <a:cubicBezTo>
                    <a:pt x="1331" y="387"/>
                    <a:pt x="1333" y="389"/>
                    <a:pt x="1333" y="389"/>
                  </a:cubicBezTo>
                  <a:cubicBezTo>
                    <a:pt x="1333" y="389"/>
                    <a:pt x="1338" y="386"/>
                    <a:pt x="1338" y="385"/>
                  </a:cubicBezTo>
                  <a:cubicBezTo>
                    <a:pt x="1339" y="384"/>
                    <a:pt x="1339" y="384"/>
                    <a:pt x="1339" y="382"/>
                  </a:cubicBezTo>
                  <a:cubicBezTo>
                    <a:pt x="1339" y="381"/>
                    <a:pt x="1338" y="379"/>
                    <a:pt x="1337" y="378"/>
                  </a:cubicBezTo>
                  <a:cubicBezTo>
                    <a:pt x="1336" y="378"/>
                    <a:pt x="1334" y="377"/>
                    <a:pt x="1334" y="377"/>
                  </a:cubicBezTo>
                  <a:cubicBezTo>
                    <a:pt x="1334" y="377"/>
                    <a:pt x="1334" y="375"/>
                    <a:pt x="1333" y="374"/>
                  </a:cubicBezTo>
                  <a:cubicBezTo>
                    <a:pt x="1332" y="373"/>
                    <a:pt x="1332" y="372"/>
                    <a:pt x="1333" y="370"/>
                  </a:cubicBezTo>
                  <a:cubicBezTo>
                    <a:pt x="1333" y="368"/>
                    <a:pt x="1335" y="366"/>
                    <a:pt x="1337" y="365"/>
                  </a:cubicBezTo>
                  <a:cubicBezTo>
                    <a:pt x="1338" y="364"/>
                    <a:pt x="1337" y="363"/>
                    <a:pt x="1337" y="362"/>
                  </a:cubicBezTo>
                  <a:cubicBezTo>
                    <a:pt x="1337" y="362"/>
                    <a:pt x="1332" y="360"/>
                    <a:pt x="1331" y="360"/>
                  </a:cubicBezTo>
                  <a:cubicBezTo>
                    <a:pt x="1330" y="360"/>
                    <a:pt x="1329" y="361"/>
                    <a:pt x="1328" y="362"/>
                  </a:cubicBezTo>
                  <a:cubicBezTo>
                    <a:pt x="1327" y="363"/>
                    <a:pt x="1326" y="361"/>
                    <a:pt x="1326" y="361"/>
                  </a:cubicBezTo>
                  <a:cubicBezTo>
                    <a:pt x="1325" y="361"/>
                    <a:pt x="1324" y="358"/>
                    <a:pt x="1323" y="356"/>
                  </a:cubicBezTo>
                  <a:cubicBezTo>
                    <a:pt x="1322" y="354"/>
                    <a:pt x="1326" y="353"/>
                    <a:pt x="1327" y="350"/>
                  </a:cubicBezTo>
                  <a:cubicBezTo>
                    <a:pt x="1328" y="348"/>
                    <a:pt x="1330" y="348"/>
                    <a:pt x="1332" y="346"/>
                  </a:cubicBezTo>
                  <a:cubicBezTo>
                    <a:pt x="1333" y="344"/>
                    <a:pt x="1335" y="343"/>
                    <a:pt x="1336" y="341"/>
                  </a:cubicBezTo>
                  <a:cubicBezTo>
                    <a:pt x="1337" y="339"/>
                    <a:pt x="1342" y="331"/>
                    <a:pt x="1342" y="331"/>
                  </a:cubicBezTo>
                  <a:cubicBezTo>
                    <a:pt x="1342" y="331"/>
                    <a:pt x="1343" y="331"/>
                    <a:pt x="1345" y="330"/>
                  </a:cubicBezTo>
                  <a:cubicBezTo>
                    <a:pt x="1346" y="329"/>
                    <a:pt x="1348" y="329"/>
                    <a:pt x="1348" y="329"/>
                  </a:cubicBezTo>
                  <a:cubicBezTo>
                    <a:pt x="1348" y="329"/>
                    <a:pt x="1351" y="330"/>
                    <a:pt x="1353" y="331"/>
                  </a:cubicBezTo>
                  <a:cubicBezTo>
                    <a:pt x="1355" y="331"/>
                    <a:pt x="1356" y="331"/>
                    <a:pt x="1357" y="328"/>
                  </a:cubicBezTo>
                  <a:cubicBezTo>
                    <a:pt x="1358" y="326"/>
                    <a:pt x="1360" y="327"/>
                    <a:pt x="1362" y="325"/>
                  </a:cubicBezTo>
                  <a:cubicBezTo>
                    <a:pt x="1365" y="323"/>
                    <a:pt x="1366" y="322"/>
                    <a:pt x="1367" y="321"/>
                  </a:cubicBezTo>
                  <a:cubicBezTo>
                    <a:pt x="1368" y="321"/>
                    <a:pt x="1368" y="325"/>
                    <a:pt x="1368" y="326"/>
                  </a:cubicBezTo>
                  <a:cubicBezTo>
                    <a:pt x="1368" y="326"/>
                    <a:pt x="1367" y="333"/>
                    <a:pt x="1367" y="333"/>
                  </a:cubicBezTo>
                  <a:cubicBezTo>
                    <a:pt x="1367" y="333"/>
                    <a:pt x="1369" y="331"/>
                    <a:pt x="1370" y="329"/>
                  </a:cubicBezTo>
                  <a:cubicBezTo>
                    <a:pt x="1370" y="328"/>
                    <a:pt x="1373" y="327"/>
                    <a:pt x="1374" y="326"/>
                  </a:cubicBezTo>
                  <a:cubicBezTo>
                    <a:pt x="1376" y="324"/>
                    <a:pt x="1379" y="324"/>
                    <a:pt x="1381" y="323"/>
                  </a:cubicBezTo>
                  <a:cubicBezTo>
                    <a:pt x="1382" y="322"/>
                    <a:pt x="1385" y="320"/>
                    <a:pt x="1385" y="319"/>
                  </a:cubicBezTo>
                  <a:cubicBezTo>
                    <a:pt x="1386" y="318"/>
                    <a:pt x="1389" y="319"/>
                    <a:pt x="1390" y="319"/>
                  </a:cubicBezTo>
                  <a:cubicBezTo>
                    <a:pt x="1392" y="319"/>
                    <a:pt x="1396" y="319"/>
                    <a:pt x="1397" y="319"/>
                  </a:cubicBezTo>
                  <a:cubicBezTo>
                    <a:pt x="1398" y="319"/>
                    <a:pt x="1400" y="319"/>
                    <a:pt x="1400" y="319"/>
                  </a:cubicBezTo>
                  <a:cubicBezTo>
                    <a:pt x="1410" y="331"/>
                    <a:pt x="1410" y="331"/>
                    <a:pt x="1410" y="331"/>
                  </a:cubicBezTo>
                  <a:cubicBezTo>
                    <a:pt x="1410" y="331"/>
                    <a:pt x="1411" y="330"/>
                    <a:pt x="1411" y="328"/>
                  </a:cubicBezTo>
                  <a:cubicBezTo>
                    <a:pt x="1411" y="327"/>
                    <a:pt x="1411" y="326"/>
                    <a:pt x="1411" y="324"/>
                  </a:cubicBezTo>
                  <a:cubicBezTo>
                    <a:pt x="1412" y="323"/>
                    <a:pt x="1414" y="322"/>
                    <a:pt x="1414" y="322"/>
                  </a:cubicBezTo>
                  <a:cubicBezTo>
                    <a:pt x="1415" y="321"/>
                    <a:pt x="1419" y="320"/>
                    <a:pt x="1420" y="319"/>
                  </a:cubicBezTo>
                  <a:cubicBezTo>
                    <a:pt x="1421" y="318"/>
                    <a:pt x="1424" y="315"/>
                    <a:pt x="1425" y="314"/>
                  </a:cubicBezTo>
                  <a:cubicBezTo>
                    <a:pt x="1425" y="313"/>
                    <a:pt x="1427" y="314"/>
                    <a:pt x="1427" y="315"/>
                  </a:cubicBezTo>
                  <a:cubicBezTo>
                    <a:pt x="1428" y="315"/>
                    <a:pt x="1431" y="312"/>
                    <a:pt x="1433" y="310"/>
                  </a:cubicBezTo>
                  <a:cubicBezTo>
                    <a:pt x="1435" y="308"/>
                    <a:pt x="1439" y="305"/>
                    <a:pt x="1440" y="303"/>
                  </a:cubicBezTo>
                  <a:cubicBezTo>
                    <a:pt x="1441" y="302"/>
                    <a:pt x="1443" y="302"/>
                    <a:pt x="1444" y="302"/>
                  </a:cubicBezTo>
                  <a:cubicBezTo>
                    <a:pt x="1445" y="302"/>
                    <a:pt x="1446" y="302"/>
                    <a:pt x="1446" y="302"/>
                  </a:cubicBezTo>
                  <a:cubicBezTo>
                    <a:pt x="1448" y="301"/>
                    <a:pt x="1452" y="300"/>
                    <a:pt x="1453" y="300"/>
                  </a:cubicBezTo>
                  <a:cubicBezTo>
                    <a:pt x="1454" y="301"/>
                    <a:pt x="1459" y="298"/>
                    <a:pt x="1459" y="296"/>
                  </a:cubicBezTo>
                  <a:cubicBezTo>
                    <a:pt x="1459" y="294"/>
                    <a:pt x="1465" y="294"/>
                    <a:pt x="1466" y="293"/>
                  </a:cubicBezTo>
                  <a:cubicBezTo>
                    <a:pt x="1466" y="293"/>
                    <a:pt x="1472" y="292"/>
                    <a:pt x="1472" y="292"/>
                  </a:cubicBezTo>
                  <a:cubicBezTo>
                    <a:pt x="1472" y="292"/>
                    <a:pt x="1479" y="288"/>
                    <a:pt x="1479" y="287"/>
                  </a:cubicBezTo>
                  <a:cubicBezTo>
                    <a:pt x="1479" y="285"/>
                    <a:pt x="1481" y="284"/>
                    <a:pt x="1482" y="284"/>
                  </a:cubicBezTo>
                  <a:cubicBezTo>
                    <a:pt x="1483" y="285"/>
                    <a:pt x="1487" y="288"/>
                    <a:pt x="1489" y="289"/>
                  </a:cubicBezTo>
                  <a:cubicBezTo>
                    <a:pt x="1490" y="289"/>
                    <a:pt x="1497" y="291"/>
                    <a:pt x="1499" y="291"/>
                  </a:cubicBezTo>
                  <a:cubicBezTo>
                    <a:pt x="1500" y="292"/>
                    <a:pt x="1502" y="290"/>
                    <a:pt x="1502" y="289"/>
                  </a:cubicBezTo>
                  <a:cubicBezTo>
                    <a:pt x="1503" y="287"/>
                    <a:pt x="1503" y="286"/>
                    <a:pt x="1504" y="285"/>
                  </a:cubicBezTo>
                  <a:cubicBezTo>
                    <a:pt x="1505" y="283"/>
                    <a:pt x="1505" y="283"/>
                    <a:pt x="1505" y="281"/>
                  </a:cubicBezTo>
                  <a:cubicBezTo>
                    <a:pt x="1505" y="279"/>
                    <a:pt x="1504" y="279"/>
                    <a:pt x="1503" y="277"/>
                  </a:cubicBezTo>
                  <a:cubicBezTo>
                    <a:pt x="1503" y="275"/>
                    <a:pt x="1499" y="274"/>
                    <a:pt x="1499" y="274"/>
                  </a:cubicBezTo>
                  <a:cubicBezTo>
                    <a:pt x="1498" y="274"/>
                    <a:pt x="1494" y="271"/>
                    <a:pt x="1494" y="271"/>
                  </a:cubicBezTo>
                  <a:cubicBezTo>
                    <a:pt x="1494" y="271"/>
                    <a:pt x="1498" y="268"/>
                    <a:pt x="1498" y="267"/>
                  </a:cubicBezTo>
                  <a:cubicBezTo>
                    <a:pt x="1498" y="267"/>
                    <a:pt x="1497" y="263"/>
                    <a:pt x="1497" y="262"/>
                  </a:cubicBezTo>
                  <a:cubicBezTo>
                    <a:pt x="1497" y="262"/>
                    <a:pt x="1493" y="259"/>
                    <a:pt x="1493" y="259"/>
                  </a:cubicBezTo>
                  <a:cubicBezTo>
                    <a:pt x="1493" y="259"/>
                    <a:pt x="1491" y="260"/>
                    <a:pt x="1491" y="259"/>
                  </a:cubicBezTo>
                  <a:cubicBezTo>
                    <a:pt x="1491" y="258"/>
                    <a:pt x="1488" y="258"/>
                    <a:pt x="1488" y="258"/>
                  </a:cubicBezTo>
                  <a:cubicBezTo>
                    <a:pt x="1487" y="259"/>
                    <a:pt x="1485" y="258"/>
                    <a:pt x="1484" y="257"/>
                  </a:cubicBezTo>
                  <a:cubicBezTo>
                    <a:pt x="1484" y="257"/>
                    <a:pt x="1483" y="255"/>
                    <a:pt x="1483" y="254"/>
                  </a:cubicBezTo>
                  <a:cubicBezTo>
                    <a:pt x="1483" y="253"/>
                    <a:pt x="1481" y="251"/>
                    <a:pt x="1481" y="251"/>
                  </a:cubicBezTo>
                  <a:cubicBezTo>
                    <a:pt x="1480" y="251"/>
                    <a:pt x="1478" y="253"/>
                    <a:pt x="1477" y="254"/>
                  </a:cubicBezTo>
                  <a:cubicBezTo>
                    <a:pt x="1477" y="254"/>
                    <a:pt x="1473" y="253"/>
                    <a:pt x="1472" y="251"/>
                  </a:cubicBezTo>
                  <a:cubicBezTo>
                    <a:pt x="1472" y="251"/>
                    <a:pt x="1473" y="250"/>
                    <a:pt x="1475" y="250"/>
                  </a:cubicBezTo>
                  <a:cubicBezTo>
                    <a:pt x="1475" y="250"/>
                    <a:pt x="1476" y="250"/>
                    <a:pt x="1477" y="250"/>
                  </a:cubicBezTo>
                  <a:cubicBezTo>
                    <a:pt x="1478" y="250"/>
                    <a:pt x="1479" y="250"/>
                    <a:pt x="1478" y="250"/>
                  </a:cubicBezTo>
                  <a:cubicBezTo>
                    <a:pt x="1478" y="249"/>
                    <a:pt x="1477" y="248"/>
                    <a:pt x="1478" y="247"/>
                  </a:cubicBezTo>
                  <a:cubicBezTo>
                    <a:pt x="1479" y="246"/>
                    <a:pt x="1482" y="249"/>
                    <a:pt x="1483" y="249"/>
                  </a:cubicBezTo>
                  <a:cubicBezTo>
                    <a:pt x="1484" y="250"/>
                    <a:pt x="1489" y="252"/>
                    <a:pt x="1491" y="253"/>
                  </a:cubicBezTo>
                  <a:cubicBezTo>
                    <a:pt x="1494" y="254"/>
                    <a:pt x="1497" y="254"/>
                    <a:pt x="1498" y="255"/>
                  </a:cubicBezTo>
                  <a:cubicBezTo>
                    <a:pt x="1499" y="255"/>
                    <a:pt x="1502" y="252"/>
                    <a:pt x="1507" y="249"/>
                  </a:cubicBezTo>
                  <a:cubicBezTo>
                    <a:pt x="1512" y="245"/>
                    <a:pt x="1513" y="246"/>
                    <a:pt x="1513" y="245"/>
                  </a:cubicBezTo>
                  <a:cubicBezTo>
                    <a:pt x="1514" y="245"/>
                    <a:pt x="1517" y="242"/>
                    <a:pt x="1517" y="239"/>
                  </a:cubicBezTo>
                  <a:cubicBezTo>
                    <a:pt x="1518" y="236"/>
                    <a:pt x="1517" y="237"/>
                    <a:pt x="1514" y="234"/>
                  </a:cubicBezTo>
                  <a:cubicBezTo>
                    <a:pt x="1511" y="230"/>
                    <a:pt x="1514" y="231"/>
                    <a:pt x="1514" y="229"/>
                  </a:cubicBezTo>
                  <a:cubicBezTo>
                    <a:pt x="1515" y="227"/>
                    <a:pt x="1519" y="225"/>
                    <a:pt x="1520" y="224"/>
                  </a:cubicBezTo>
                  <a:cubicBezTo>
                    <a:pt x="1521" y="224"/>
                    <a:pt x="1525" y="224"/>
                    <a:pt x="1526" y="226"/>
                  </a:cubicBezTo>
                  <a:cubicBezTo>
                    <a:pt x="1527" y="227"/>
                    <a:pt x="1526" y="230"/>
                    <a:pt x="1525" y="232"/>
                  </a:cubicBezTo>
                  <a:cubicBezTo>
                    <a:pt x="1524" y="234"/>
                    <a:pt x="1526" y="236"/>
                    <a:pt x="1527" y="238"/>
                  </a:cubicBezTo>
                  <a:cubicBezTo>
                    <a:pt x="1527" y="240"/>
                    <a:pt x="1529" y="239"/>
                    <a:pt x="1532" y="239"/>
                  </a:cubicBezTo>
                  <a:cubicBezTo>
                    <a:pt x="1536" y="239"/>
                    <a:pt x="1537" y="239"/>
                    <a:pt x="1539" y="238"/>
                  </a:cubicBezTo>
                  <a:cubicBezTo>
                    <a:pt x="1542" y="237"/>
                    <a:pt x="1543" y="239"/>
                    <a:pt x="1546" y="239"/>
                  </a:cubicBezTo>
                  <a:cubicBezTo>
                    <a:pt x="1550" y="239"/>
                    <a:pt x="1551" y="240"/>
                    <a:pt x="1552" y="240"/>
                  </a:cubicBezTo>
                  <a:cubicBezTo>
                    <a:pt x="1554" y="241"/>
                    <a:pt x="1554" y="243"/>
                    <a:pt x="1554" y="246"/>
                  </a:cubicBezTo>
                  <a:cubicBezTo>
                    <a:pt x="1555" y="249"/>
                    <a:pt x="1555" y="248"/>
                    <a:pt x="1558" y="249"/>
                  </a:cubicBezTo>
                  <a:cubicBezTo>
                    <a:pt x="1560" y="251"/>
                    <a:pt x="1559" y="251"/>
                    <a:pt x="1561" y="251"/>
                  </a:cubicBezTo>
                  <a:cubicBezTo>
                    <a:pt x="1563" y="251"/>
                    <a:pt x="1565" y="252"/>
                    <a:pt x="1567" y="253"/>
                  </a:cubicBezTo>
                  <a:cubicBezTo>
                    <a:pt x="1569" y="255"/>
                    <a:pt x="1570" y="255"/>
                    <a:pt x="1571" y="256"/>
                  </a:cubicBezTo>
                  <a:cubicBezTo>
                    <a:pt x="1572" y="256"/>
                    <a:pt x="1576" y="258"/>
                    <a:pt x="1578" y="257"/>
                  </a:cubicBezTo>
                  <a:cubicBezTo>
                    <a:pt x="1579" y="257"/>
                    <a:pt x="1579" y="253"/>
                    <a:pt x="1579" y="253"/>
                  </a:cubicBezTo>
                  <a:cubicBezTo>
                    <a:pt x="1581" y="260"/>
                    <a:pt x="1581" y="260"/>
                    <a:pt x="1581" y="260"/>
                  </a:cubicBezTo>
                  <a:cubicBezTo>
                    <a:pt x="1581" y="260"/>
                    <a:pt x="1583" y="260"/>
                    <a:pt x="1583" y="259"/>
                  </a:cubicBezTo>
                  <a:cubicBezTo>
                    <a:pt x="1584" y="258"/>
                    <a:pt x="1583" y="258"/>
                    <a:pt x="1583" y="257"/>
                  </a:cubicBezTo>
                  <a:cubicBezTo>
                    <a:pt x="1584" y="256"/>
                    <a:pt x="1586" y="257"/>
                    <a:pt x="1587" y="258"/>
                  </a:cubicBezTo>
                  <a:cubicBezTo>
                    <a:pt x="1587" y="258"/>
                    <a:pt x="1590" y="257"/>
                    <a:pt x="1590" y="256"/>
                  </a:cubicBezTo>
                  <a:cubicBezTo>
                    <a:pt x="1589" y="254"/>
                    <a:pt x="1587" y="255"/>
                    <a:pt x="1586" y="254"/>
                  </a:cubicBezTo>
                  <a:cubicBezTo>
                    <a:pt x="1585" y="253"/>
                    <a:pt x="1587" y="252"/>
                    <a:pt x="1587" y="252"/>
                  </a:cubicBezTo>
                  <a:cubicBezTo>
                    <a:pt x="1587" y="252"/>
                    <a:pt x="1591" y="253"/>
                    <a:pt x="1592" y="252"/>
                  </a:cubicBezTo>
                  <a:cubicBezTo>
                    <a:pt x="1593" y="252"/>
                    <a:pt x="1592" y="251"/>
                    <a:pt x="1590" y="250"/>
                  </a:cubicBezTo>
                  <a:cubicBezTo>
                    <a:pt x="1589" y="249"/>
                    <a:pt x="1589" y="250"/>
                    <a:pt x="1589" y="249"/>
                  </a:cubicBezTo>
                  <a:cubicBezTo>
                    <a:pt x="1589" y="247"/>
                    <a:pt x="1590" y="247"/>
                    <a:pt x="1591" y="247"/>
                  </a:cubicBezTo>
                  <a:cubicBezTo>
                    <a:pt x="1592" y="248"/>
                    <a:pt x="1592" y="248"/>
                    <a:pt x="1592" y="248"/>
                  </a:cubicBezTo>
                  <a:cubicBezTo>
                    <a:pt x="1592" y="247"/>
                    <a:pt x="1592" y="247"/>
                    <a:pt x="1592" y="247"/>
                  </a:cubicBezTo>
                  <a:cubicBezTo>
                    <a:pt x="1592" y="247"/>
                    <a:pt x="1593" y="246"/>
                    <a:pt x="1593" y="245"/>
                  </a:cubicBezTo>
                  <a:cubicBezTo>
                    <a:pt x="1593" y="243"/>
                    <a:pt x="1593" y="244"/>
                    <a:pt x="1592" y="243"/>
                  </a:cubicBezTo>
                  <a:cubicBezTo>
                    <a:pt x="1591" y="241"/>
                    <a:pt x="1591" y="240"/>
                    <a:pt x="1590" y="239"/>
                  </a:cubicBezTo>
                  <a:cubicBezTo>
                    <a:pt x="1590" y="237"/>
                    <a:pt x="1590" y="237"/>
                    <a:pt x="1591" y="238"/>
                  </a:cubicBezTo>
                  <a:cubicBezTo>
                    <a:pt x="1593" y="239"/>
                    <a:pt x="1593" y="238"/>
                    <a:pt x="1595" y="240"/>
                  </a:cubicBezTo>
                  <a:cubicBezTo>
                    <a:pt x="1595" y="240"/>
                    <a:pt x="1598" y="240"/>
                    <a:pt x="1598" y="239"/>
                  </a:cubicBezTo>
                  <a:cubicBezTo>
                    <a:pt x="1599" y="239"/>
                    <a:pt x="1602" y="238"/>
                    <a:pt x="1602" y="238"/>
                  </a:cubicBezTo>
                  <a:cubicBezTo>
                    <a:pt x="1603" y="238"/>
                    <a:pt x="1604" y="239"/>
                    <a:pt x="1605" y="239"/>
                  </a:cubicBezTo>
                  <a:cubicBezTo>
                    <a:pt x="1607" y="238"/>
                    <a:pt x="1607" y="238"/>
                    <a:pt x="1608" y="237"/>
                  </a:cubicBezTo>
                  <a:cubicBezTo>
                    <a:pt x="1608" y="236"/>
                    <a:pt x="1609" y="236"/>
                    <a:pt x="1610" y="234"/>
                  </a:cubicBezTo>
                  <a:cubicBezTo>
                    <a:pt x="1611" y="233"/>
                    <a:pt x="1611" y="233"/>
                    <a:pt x="1610" y="233"/>
                  </a:cubicBezTo>
                  <a:cubicBezTo>
                    <a:pt x="1610" y="233"/>
                    <a:pt x="1610" y="234"/>
                    <a:pt x="1610" y="233"/>
                  </a:cubicBezTo>
                  <a:cubicBezTo>
                    <a:pt x="1610" y="232"/>
                    <a:pt x="1611" y="231"/>
                    <a:pt x="1611" y="231"/>
                  </a:cubicBezTo>
                  <a:cubicBezTo>
                    <a:pt x="1611" y="230"/>
                    <a:pt x="1612" y="230"/>
                    <a:pt x="1614" y="230"/>
                  </a:cubicBezTo>
                  <a:cubicBezTo>
                    <a:pt x="1616" y="230"/>
                    <a:pt x="1618" y="230"/>
                    <a:pt x="1619" y="229"/>
                  </a:cubicBezTo>
                  <a:cubicBezTo>
                    <a:pt x="1619" y="228"/>
                    <a:pt x="1617" y="228"/>
                    <a:pt x="1617" y="227"/>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3" name="ïşḻíḓe">
              <a:extLst>
                <a:ext uri="{FF2B5EF4-FFF2-40B4-BE49-F238E27FC236}">
                  <a16:creationId xmlns:a16="http://schemas.microsoft.com/office/drawing/2014/main" xmlns="" id="{353924C6-345A-44D0-9BFA-523387190418}"/>
                </a:ext>
              </a:extLst>
            </p:cNvPr>
            <p:cNvSpPr/>
            <p:nvPr/>
          </p:nvSpPr>
          <p:spPr bwMode="auto">
            <a:xfrm>
              <a:off x="7218364" y="2944813"/>
              <a:ext cx="39688" cy="71438"/>
            </a:xfrm>
            <a:custGeom>
              <a:avLst/>
              <a:gdLst>
                <a:gd name="T0" fmla="*/ 18 w 24"/>
                <a:gd name="T1" fmla="*/ 10 h 44"/>
                <a:gd name="T2" fmla="*/ 14 w 24"/>
                <a:gd name="T3" fmla="*/ 5 h 44"/>
                <a:gd name="T4" fmla="*/ 5 w 24"/>
                <a:gd name="T5" fmla="*/ 0 h 44"/>
                <a:gd name="T6" fmla="*/ 5 w 24"/>
                <a:gd name="T7" fmla="*/ 8 h 44"/>
                <a:gd name="T8" fmla="*/ 2 w 24"/>
                <a:gd name="T9" fmla="*/ 9 h 44"/>
                <a:gd name="T10" fmla="*/ 4 w 24"/>
                <a:gd name="T11" fmla="*/ 14 h 44"/>
                <a:gd name="T12" fmla="*/ 4 w 24"/>
                <a:gd name="T13" fmla="*/ 28 h 44"/>
                <a:gd name="T14" fmla="*/ 6 w 24"/>
                <a:gd name="T15" fmla="*/ 38 h 44"/>
                <a:gd name="T16" fmla="*/ 16 w 24"/>
                <a:gd name="T17" fmla="*/ 41 h 44"/>
                <a:gd name="T18" fmla="*/ 22 w 24"/>
                <a:gd name="T19" fmla="*/ 35 h 44"/>
                <a:gd name="T20" fmla="*/ 24 w 24"/>
                <a:gd name="T21" fmla="*/ 29 h 44"/>
                <a:gd name="T22" fmla="*/ 24 w 24"/>
                <a:gd name="T23" fmla="*/ 23 h 44"/>
                <a:gd name="T24" fmla="*/ 18 w 24"/>
                <a:gd name="T25" fmla="*/ 10 h 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4" h="44">
                  <a:moveTo>
                    <a:pt x="18" y="10"/>
                  </a:moveTo>
                  <a:cubicBezTo>
                    <a:pt x="18" y="10"/>
                    <a:pt x="17" y="7"/>
                    <a:pt x="14" y="5"/>
                  </a:cubicBezTo>
                  <a:cubicBezTo>
                    <a:pt x="12" y="3"/>
                    <a:pt x="8" y="1"/>
                    <a:pt x="5" y="0"/>
                  </a:cubicBezTo>
                  <a:cubicBezTo>
                    <a:pt x="5" y="0"/>
                    <a:pt x="6" y="6"/>
                    <a:pt x="5" y="8"/>
                  </a:cubicBezTo>
                  <a:cubicBezTo>
                    <a:pt x="5" y="9"/>
                    <a:pt x="0" y="8"/>
                    <a:pt x="2" y="9"/>
                  </a:cubicBezTo>
                  <a:cubicBezTo>
                    <a:pt x="3" y="10"/>
                    <a:pt x="2" y="12"/>
                    <a:pt x="4" y="14"/>
                  </a:cubicBezTo>
                  <a:cubicBezTo>
                    <a:pt x="5" y="16"/>
                    <a:pt x="3" y="24"/>
                    <a:pt x="4" y="28"/>
                  </a:cubicBezTo>
                  <a:cubicBezTo>
                    <a:pt x="4" y="31"/>
                    <a:pt x="3" y="37"/>
                    <a:pt x="6" y="38"/>
                  </a:cubicBezTo>
                  <a:cubicBezTo>
                    <a:pt x="16" y="41"/>
                    <a:pt x="13" y="44"/>
                    <a:pt x="16" y="41"/>
                  </a:cubicBezTo>
                  <a:cubicBezTo>
                    <a:pt x="19" y="38"/>
                    <a:pt x="22" y="35"/>
                    <a:pt x="22" y="35"/>
                  </a:cubicBezTo>
                  <a:cubicBezTo>
                    <a:pt x="24" y="29"/>
                    <a:pt x="24" y="29"/>
                    <a:pt x="24" y="29"/>
                  </a:cubicBezTo>
                  <a:cubicBezTo>
                    <a:pt x="24" y="29"/>
                    <a:pt x="24" y="25"/>
                    <a:pt x="24" y="23"/>
                  </a:cubicBezTo>
                  <a:cubicBezTo>
                    <a:pt x="23" y="21"/>
                    <a:pt x="18" y="10"/>
                    <a:pt x="18" y="10"/>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4" name="işḻîḋé">
              <a:extLst>
                <a:ext uri="{FF2B5EF4-FFF2-40B4-BE49-F238E27FC236}">
                  <a16:creationId xmlns:a16="http://schemas.microsoft.com/office/drawing/2014/main" xmlns="" id="{9D3C6954-915A-4059-8E01-ED5BE993C0E7}"/>
                </a:ext>
              </a:extLst>
            </p:cNvPr>
            <p:cNvSpPr/>
            <p:nvPr/>
          </p:nvSpPr>
          <p:spPr bwMode="auto">
            <a:xfrm>
              <a:off x="7756525" y="1528763"/>
              <a:ext cx="577850" cy="1204913"/>
            </a:xfrm>
            <a:custGeom>
              <a:avLst/>
              <a:gdLst>
                <a:gd name="connsiteX0" fmla="*/ 174474 w 577850"/>
                <a:gd name="connsiteY0" fmla="*/ 1146175 h 1204913"/>
                <a:gd name="connsiteX1" fmla="*/ 176137 w 577850"/>
                <a:gd name="connsiteY1" fmla="*/ 1152702 h 1204913"/>
                <a:gd name="connsiteX2" fmla="*/ 176137 w 577850"/>
                <a:gd name="connsiteY2" fmla="*/ 1162491 h 1204913"/>
                <a:gd name="connsiteX3" fmla="*/ 172810 w 577850"/>
                <a:gd name="connsiteY3" fmla="*/ 1167386 h 1204913"/>
                <a:gd name="connsiteX4" fmla="*/ 172810 w 577850"/>
                <a:gd name="connsiteY4" fmla="*/ 1172281 h 1204913"/>
                <a:gd name="connsiteX5" fmla="*/ 169484 w 577850"/>
                <a:gd name="connsiteY5" fmla="*/ 1177176 h 1204913"/>
                <a:gd name="connsiteX6" fmla="*/ 169484 w 577850"/>
                <a:gd name="connsiteY6" fmla="*/ 1182071 h 1204913"/>
                <a:gd name="connsiteX7" fmla="*/ 166158 w 577850"/>
                <a:gd name="connsiteY7" fmla="*/ 1191860 h 1204913"/>
                <a:gd name="connsiteX8" fmla="*/ 162832 w 577850"/>
                <a:gd name="connsiteY8" fmla="*/ 1195123 h 1204913"/>
                <a:gd name="connsiteX9" fmla="*/ 159506 w 577850"/>
                <a:gd name="connsiteY9" fmla="*/ 1204913 h 1204913"/>
                <a:gd name="connsiteX10" fmla="*/ 156180 w 577850"/>
                <a:gd name="connsiteY10" fmla="*/ 1203282 h 1204913"/>
                <a:gd name="connsiteX11" fmla="*/ 147864 w 577850"/>
                <a:gd name="connsiteY11" fmla="*/ 1193492 h 1204913"/>
                <a:gd name="connsiteX12" fmla="*/ 146201 w 577850"/>
                <a:gd name="connsiteY12" fmla="*/ 1185334 h 1204913"/>
                <a:gd name="connsiteX13" fmla="*/ 146201 w 577850"/>
                <a:gd name="connsiteY13" fmla="*/ 1178807 h 1204913"/>
                <a:gd name="connsiteX14" fmla="*/ 147864 w 577850"/>
                <a:gd name="connsiteY14" fmla="*/ 1173913 h 1204913"/>
                <a:gd name="connsiteX15" fmla="*/ 152853 w 577850"/>
                <a:gd name="connsiteY15" fmla="*/ 1167386 h 1204913"/>
                <a:gd name="connsiteX16" fmla="*/ 156180 w 577850"/>
                <a:gd name="connsiteY16" fmla="*/ 1160860 h 1204913"/>
                <a:gd name="connsiteX17" fmla="*/ 159506 w 577850"/>
                <a:gd name="connsiteY17" fmla="*/ 1154333 h 1204913"/>
                <a:gd name="connsiteX18" fmla="*/ 162832 w 577850"/>
                <a:gd name="connsiteY18" fmla="*/ 1151070 h 1204913"/>
                <a:gd name="connsiteX19" fmla="*/ 167821 w 577850"/>
                <a:gd name="connsiteY19" fmla="*/ 1147807 h 1204913"/>
                <a:gd name="connsiteX20" fmla="*/ 174474 w 577850"/>
                <a:gd name="connsiteY20" fmla="*/ 1146175 h 1204913"/>
                <a:gd name="connsiteX21" fmla="*/ 325437 w 577850"/>
                <a:gd name="connsiteY21" fmla="*/ 987471 h 1204913"/>
                <a:gd name="connsiteX22" fmla="*/ 330200 w 577850"/>
                <a:gd name="connsiteY22" fmla="*/ 987471 h 1204913"/>
                <a:gd name="connsiteX23" fmla="*/ 333375 w 577850"/>
                <a:gd name="connsiteY23" fmla="*/ 989106 h 1204913"/>
                <a:gd name="connsiteX24" fmla="*/ 339725 w 577850"/>
                <a:gd name="connsiteY24" fmla="*/ 990740 h 1204913"/>
                <a:gd name="connsiteX25" fmla="*/ 342900 w 577850"/>
                <a:gd name="connsiteY25" fmla="*/ 990740 h 1204913"/>
                <a:gd name="connsiteX26" fmla="*/ 342900 w 577850"/>
                <a:gd name="connsiteY26" fmla="*/ 994008 h 1204913"/>
                <a:gd name="connsiteX27" fmla="*/ 349250 w 577850"/>
                <a:gd name="connsiteY27" fmla="*/ 1000545 h 1204913"/>
                <a:gd name="connsiteX28" fmla="*/ 349250 w 577850"/>
                <a:gd name="connsiteY28" fmla="*/ 1003813 h 1204913"/>
                <a:gd name="connsiteX29" fmla="*/ 347662 w 577850"/>
                <a:gd name="connsiteY29" fmla="*/ 1008716 h 1204913"/>
                <a:gd name="connsiteX30" fmla="*/ 342900 w 577850"/>
                <a:gd name="connsiteY30" fmla="*/ 1015253 h 1204913"/>
                <a:gd name="connsiteX31" fmla="*/ 342900 w 577850"/>
                <a:gd name="connsiteY31" fmla="*/ 1018521 h 1204913"/>
                <a:gd name="connsiteX32" fmla="*/ 342900 w 577850"/>
                <a:gd name="connsiteY32" fmla="*/ 1023424 h 1204913"/>
                <a:gd name="connsiteX33" fmla="*/ 339725 w 577850"/>
                <a:gd name="connsiteY33" fmla="*/ 1028326 h 1204913"/>
                <a:gd name="connsiteX34" fmla="*/ 338137 w 577850"/>
                <a:gd name="connsiteY34" fmla="*/ 1033229 h 1204913"/>
                <a:gd name="connsiteX35" fmla="*/ 333375 w 577850"/>
                <a:gd name="connsiteY35" fmla="*/ 1036498 h 1204913"/>
                <a:gd name="connsiteX36" fmla="*/ 328612 w 577850"/>
                <a:gd name="connsiteY36" fmla="*/ 1038132 h 1204913"/>
                <a:gd name="connsiteX37" fmla="*/ 327025 w 577850"/>
                <a:gd name="connsiteY37" fmla="*/ 1038132 h 1204913"/>
                <a:gd name="connsiteX38" fmla="*/ 327025 w 577850"/>
                <a:gd name="connsiteY38" fmla="*/ 1031595 h 1204913"/>
                <a:gd name="connsiteX39" fmla="*/ 325437 w 577850"/>
                <a:gd name="connsiteY39" fmla="*/ 1033229 h 1204913"/>
                <a:gd name="connsiteX40" fmla="*/ 323850 w 577850"/>
                <a:gd name="connsiteY40" fmla="*/ 1036498 h 1204913"/>
                <a:gd name="connsiteX41" fmla="*/ 320675 w 577850"/>
                <a:gd name="connsiteY41" fmla="*/ 1036498 h 1204913"/>
                <a:gd name="connsiteX42" fmla="*/ 319087 w 577850"/>
                <a:gd name="connsiteY42" fmla="*/ 1031595 h 1204913"/>
                <a:gd name="connsiteX43" fmla="*/ 319087 w 577850"/>
                <a:gd name="connsiteY43" fmla="*/ 1026692 h 1204913"/>
                <a:gd name="connsiteX44" fmla="*/ 320675 w 577850"/>
                <a:gd name="connsiteY44" fmla="*/ 1020155 h 1204913"/>
                <a:gd name="connsiteX45" fmla="*/ 322262 w 577850"/>
                <a:gd name="connsiteY45" fmla="*/ 1016887 h 1204913"/>
                <a:gd name="connsiteX46" fmla="*/ 325437 w 577850"/>
                <a:gd name="connsiteY46" fmla="*/ 1011984 h 1204913"/>
                <a:gd name="connsiteX47" fmla="*/ 323850 w 577850"/>
                <a:gd name="connsiteY47" fmla="*/ 1008716 h 1204913"/>
                <a:gd name="connsiteX48" fmla="*/ 322262 w 577850"/>
                <a:gd name="connsiteY48" fmla="*/ 1003813 h 1204913"/>
                <a:gd name="connsiteX49" fmla="*/ 319087 w 577850"/>
                <a:gd name="connsiteY49" fmla="*/ 1007082 h 1204913"/>
                <a:gd name="connsiteX50" fmla="*/ 317500 w 577850"/>
                <a:gd name="connsiteY50" fmla="*/ 1011984 h 1204913"/>
                <a:gd name="connsiteX51" fmla="*/ 312737 w 577850"/>
                <a:gd name="connsiteY51" fmla="*/ 1010350 h 1204913"/>
                <a:gd name="connsiteX52" fmla="*/ 314325 w 577850"/>
                <a:gd name="connsiteY52" fmla="*/ 1008716 h 1204913"/>
                <a:gd name="connsiteX53" fmla="*/ 311150 w 577850"/>
                <a:gd name="connsiteY53" fmla="*/ 1005448 h 1204913"/>
                <a:gd name="connsiteX54" fmla="*/ 311150 w 577850"/>
                <a:gd name="connsiteY54" fmla="*/ 1002179 h 1204913"/>
                <a:gd name="connsiteX55" fmla="*/ 309562 w 577850"/>
                <a:gd name="connsiteY55" fmla="*/ 997277 h 1204913"/>
                <a:gd name="connsiteX56" fmla="*/ 312737 w 577850"/>
                <a:gd name="connsiteY56" fmla="*/ 995642 h 1204913"/>
                <a:gd name="connsiteX57" fmla="*/ 320675 w 577850"/>
                <a:gd name="connsiteY57" fmla="*/ 990740 h 1204913"/>
                <a:gd name="connsiteX58" fmla="*/ 325437 w 577850"/>
                <a:gd name="connsiteY58" fmla="*/ 987471 h 1204913"/>
                <a:gd name="connsiteX59" fmla="*/ 388703 w 577850"/>
                <a:gd name="connsiteY59" fmla="*/ 976312 h 1204913"/>
                <a:gd name="connsiteX60" fmla="*/ 390349 w 577850"/>
                <a:gd name="connsiteY60" fmla="*/ 979487 h 1204913"/>
                <a:gd name="connsiteX61" fmla="*/ 393641 w 577850"/>
                <a:gd name="connsiteY61" fmla="*/ 981075 h 1204913"/>
                <a:gd name="connsiteX62" fmla="*/ 395288 w 577850"/>
                <a:gd name="connsiteY62" fmla="*/ 982662 h 1204913"/>
                <a:gd name="connsiteX63" fmla="*/ 393641 w 577850"/>
                <a:gd name="connsiteY63" fmla="*/ 990600 h 1204913"/>
                <a:gd name="connsiteX64" fmla="*/ 391995 w 577850"/>
                <a:gd name="connsiteY64" fmla="*/ 993775 h 1204913"/>
                <a:gd name="connsiteX65" fmla="*/ 390349 w 577850"/>
                <a:gd name="connsiteY65" fmla="*/ 993775 h 1204913"/>
                <a:gd name="connsiteX66" fmla="*/ 385410 w 577850"/>
                <a:gd name="connsiteY66" fmla="*/ 995362 h 1204913"/>
                <a:gd name="connsiteX67" fmla="*/ 382117 w 577850"/>
                <a:gd name="connsiteY67" fmla="*/ 995362 h 1204913"/>
                <a:gd name="connsiteX68" fmla="*/ 380471 w 577850"/>
                <a:gd name="connsiteY68" fmla="*/ 993775 h 1204913"/>
                <a:gd name="connsiteX69" fmla="*/ 378825 w 577850"/>
                <a:gd name="connsiteY69" fmla="*/ 992187 h 1204913"/>
                <a:gd name="connsiteX70" fmla="*/ 375532 w 577850"/>
                <a:gd name="connsiteY70" fmla="*/ 995362 h 1204913"/>
                <a:gd name="connsiteX71" fmla="*/ 373886 w 577850"/>
                <a:gd name="connsiteY71" fmla="*/ 995362 h 1204913"/>
                <a:gd name="connsiteX72" fmla="*/ 370593 w 577850"/>
                <a:gd name="connsiteY72" fmla="*/ 1000125 h 1204913"/>
                <a:gd name="connsiteX73" fmla="*/ 370593 w 577850"/>
                <a:gd name="connsiteY73" fmla="*/ 1001712 h 1204913"/>
                <a:gd name="connsiteX74" fmla="*/ 367301 w 577850"/>
                <a:gd name="connsiteY74" fmla="*/ 1004887 h 1204913"/>
                <a:gd name="connsiteX75" fmla="*/ 365654 w 577850"/>
                <a:gd name="connsiteY75" fmla="*/ 1006475 h 1204913"/>
                <a:gd name="connsiteX76" fmla="*/ 364008 w 577850"/>
                <a:gd name="connsiteY76" fmla="*/ 1008062 h 1204913"/>
                <a:gd name="connsiteX77" fmla="*/ 360716 w 577850"/>
                <a:gd name="connsiteY77" fmla="*/ 1006475 h 1204913"/>
                <a:gd name="connsiteX78" fmla="*/ 357423 w 577850"/>
                <a:gd name="connsiteY78" fmla="*/ 1004887 h 1204913"/>
                <a:gd name="connsiteX79" fmla="*/ 357423 w 577850"/>
                <a:gd name="connsiteY79" fmla="*/ 1003300 h 1204913"/>
                <a:gd name="connsiteX80" fmla="*/ 355777 w 577850"/>
                <a:gd name="connsiteY80" fmla="*/ 1003300 h 1204913"/>
                <a:gd name="connsiteX81" fmla="*/ 355777 w 577850"/>
                <a:gd name="connsiteY81" fmla="*/ 1000125 h 1204913"/>
                <a:gd name="connsiteX82" fmla="*/ 355777 w 577850"/>
                <a:gd name="connsiteY82" fmla="*/ 996950 h 1204913"/>
                <a:gd name="connsiteX83" fmla="*/ 355777 w 577850"/>
                <a:gd name="connsiteY83" fmla="*/ 995362 h 1204913"/>
                <a:gd name="connsiteX84" fmla="*/ 350838 w 577850"/>
                <a:gd name="connsiteY84" fmla="*/ 995362 h 1204913"/>
                <a:gd name="connsiteX85" fmla="*/ 354130 w 577850"/>
                <a:gd name="connsiteY85" fmla="*/ 993775 h 1204913"/>
                <a:gd name="connsiteX86" fmla="*/ 359069 w 577850"/>
                <a:gd name="connsiteY86" fmla="*/ 992187 h 1204913"/>
                <a:gd name="connsiteX87" fmla="*/ 359069 w 577850"/>
                <a:gd name="connsiteY87" fmla="*/ 989012 h 1204913"/>
                <a:gd name="connsiteX88" fmla="*/ 360716 w 577850"/>
                <a:gd name="connsiteY88" fmla="*/ 987425 h 1204913"/>
                <a:gd name="connsiteX89" fmla="*/ 360716 w 577850"/>
                <a:gd name="connsiteY89" fmla="*/ 985837 h 1204913"/>
                <a:gd name="connsiteX90" fmla="*/ 364008 w 577850"/>
                <a:gd name="connsiteY90" fmla="*/ 984250 h 1204913"/>
                <a:gd name="connsiteX91" fmla="*/ 367301 w 577850"/>
                <a:gd name="connsiteY91" fmla="*/ 984250 h 1204913"/>
                <a:gd name="connsiteX92" fmla="*/ 370593 w 577850"/>
                <a:gd name="connsiteY92" fmla="*/ 984250 h 1204913"/>
                <a:gd name="connsiteX93" fmla="*/ 372240 w 577850"/>
                <a:gd name="connsiteY93" fmla="*/ 982662 h 1204913"/>
                <a:gd name="connsiteX94" fmla="*/ 375532 w 577850"/>
                <a:gd name="connsiteY94" fmla="*/ 982662 h 1204913"/>
                <a:gd name="connsiteX95" fmla="*/ 377178 w 577850"/>
                <a:gd name="connsiteY95" fmla="*/ 979487 h 1204913"/>
                <a:gd name="connsiteX96" fmla="*/ 378825 w 577850"/>
                <a:gd name="connsiteY96" fmla="*/ 979487 h 1204913"/>
                <a:gd name="connsiteX97" fmla="*/ 380471 w 577850"/>
                <a:gd name="connsiteY97" fmla="*/ 977900 h 1204913"/>
                <a:gd name="connsiteX98" fmla="*/ 382117 w 577850"/>
                <a:gd name="connsiteY98" fmla="*/ 977900 h 1204913"/>
                <a:gd name="connsiteX99" fmla="*/ 385410 w 577850"/>
                <a:gd name="connsiteY99" fmla="*/ 977900 h 1204913"/>
                <a:gd name="connsiteX100" fmla="*/ 388703 w 577850"/>
                <a:gd name="connsiteY100" fmla="*/ 976312 h 1204913"/>
                <a:gd name="connsiteX101" fmla="*/ 504459 w 577850"/>
                <a:gd name="connsiteY101" fmla="*/ 838200 h 1204913"/>
                <a:gd name="connsiteX102" fmla="*/ 506088 w 577850"/>
                <a:gd name="connsiteY102" fmla="*/ 841442 h 1204913"/>
                <a:gd name="connsiteX103" fmla="*/ 507716 w 577850"/>
                <a:gd name="connsiteY103" fmla="*/ 844684 h 1204913"/>
                <a:gd name="connsiteX104" fmla="*/ 506088 w 577850"/>
                <a:gd name="connsiteY104" fmla="*/ 847926 h 1204913"/>
                <a:gd name="connsiteX105" fmla="*/ 506088 w 577850"/>
                <a:gd name="connsiteY105" fmla="*/ 849547 h 1204913"/>
                <a:gd name="connsiteX106" fmla="*/ 509344 w 577850"/>
                <a:gd name="connsiteY106" fmla="*/ 852788 h 1204913"/>
                <a:gd name="connsiteX107" fmla="*/ 510972 w 577850"/>
                <a:gd name="connsiteY107" fmla="*/ 854409 h 1204913"/>
                <a:gd name="connsiteX108" fmla="*/ 512600 w 577850"/>
                <a:gd name="connsiteY108" fmla="*/ 857651 h 1204913"/>
                <a:gd name="connsiteX109" fmla="*/ 515857 w 577850"/>
                <a:gd name="connsiteY109" fmla="*/ 862514 h 1204913"/>
                <a:gd name="connsiteX110" fmla="*/ 517485 w 577850"/>
                <a:gd name="connsiteY110" fmla="*/ 865756 h 1204913"/>
                <a:gd name="connsiteX111" fmla="*/ 519113 w 577850"/>
                <a:gd name="connsiteY111" fmla="*/ 868998 h 1204913"/>
                <a:gd name="connsiteX112" fmla="*/ 519113 w 577850"/>
                <a:gd name="connsiteY112" fmla="*/ 870619 h 1204913"/>
                <a:gd name="connsiteX113" fmla="*/ 519113 w 577850"/>
                <a:gd name="connsiteY113" fmla="*/ 875481 h 1204913"/>
                <a:gd name="connsiteX114" fmla="*/ 517485 w 577850"/>
                <a:gd name="connsiteY114" fmla="*/ 880344 h 1204913"/>
                <a:gd name="connsiteX115" fmla="*/ 515857 w 577850"/>
                <a:gd name="connsiteY115" fmla="*/ 881965 h 1204913"/>
                <a:gd name="connsiteX116" fmla="*/ 515857 w 577850"/>
                <a:gd name="connsiteY116" fmla="*/ 885207 h 1204913"/>
                <a:gd name="connsiteX117" fmla="*/ 514229 w 577850"/>
                <a:gd name="connsiteY117" fmla="*/ 886828 h 1204913"/>
                <a:gd name="connsiteX118" fmla="*/ 512600 w 577850"/>
                <a:gd name="connsiteY118" fmla="*/ 890070 h 1204913"/>
                <a:gd name="connsiteX119" fmla="*/ 510972 w 577850"/>
                <a:gd name="connsiteY119" fmla="*/ 893312 h 1204913"/>
                <a:gd name="connsiteX120" fmla="*/ 509344 w 577850"/>
                <a:gd name="connsiteY120" fmla="*/ 898174 h 1204913"/>
                <a:gd name="connsiteX121" fmla="*/ 509344 w 577850"/>
                <a:gd name="connsiteY121" fmla="*/ 899795 h 1204913"/>
                <a:gd name="connsiteX122" fmla="*/ 506088 w 577850"/>
                <a:gd name="connsiteY122" fmla="*/ 899795 h 1204913"/>
                <a:gd name="connsiteX123" fmla="*/ 502831 w 577850"/>
                <a:gd name="connsiteY123" fmla="*/ 901416 h 1204913"/>
                <a:gd name="connsiteX124" fmla="*/ 502831 w 577850"/>
                <a:gd name="connsiteY124" fmla="*/ 903037 h 1204913"/>
                <a:gd name="connsiteX125" fmla="*/ 501203 w 577850"/>
                <a:gd name="connsiteY125" fmla="*/ 906279 h 1204913"/>
                <a:gd name="connsiteX126" fmla="*/ 502831 w 577850"/>
                <a:gd name="connsiteY126" fmla="*/ 907900 h 1204913"/>
                <a:gd name="connsiteX127" fmla="*/ 501203 w 577850"/>
                <a:gd name="connsiteY127" fmla="*/ 912763 h 1204913"/>
                <a:gd name="connsiteX128" fmla="*/ 502831 w 577850"/>
                <a:gd name="connsiteY128" fmla="*/ 917626 h 1204913"/>
                <a:gd name="connsiteX129" fmla="*/ 502831 w 577850"/>
                <a:gd name="connsiteY129" fmla="*/ 920867 h 1204913"/>
                <a:gd name="connsiteX130" fmla="*/ 502831 w 577850"/>
                <a:gd name="connsiteY130" fmla="*/ 925730 h 1204913"/>
                <a:gd name="connsiteX131" fmla="*/ 499575 w 577850"/>
                <a:gd name="connsiteY131" fmla="*/ 928972 h 1204913"/>
                <a:gd name="connsiteX132" fmla="*/ 497947 w 577850"/>
                <a:gd name="connsiteY132" fmla="*/ 932214 h 1204913"/>
                <a:gd name="connsiteX133" fmla="*/ 494690 w 577850"/>
                <a:gd name="connsiteY133" fmla="*/ 937077 h 1204913"/>
                <a:gd name="connsiteX134" fmla="*/ 494690 w 577850"/>
                <a:gd name="connsiteY134" fmla="*/ 940318 h 1204913"/>
                <a:gd name="connsiteX135" fmla="*/ 496318 w 577850"/>
                <a:gd name="connsiteY135" fmla="*/ 941939 h 1204913"/>
                <a:gd name="connsiteX136" fmla="*/ 497947 w 577850"/>
                <a:gd name="connsiteY136" fmla="*/ 945181 h 1204913"/>
                <a:gd name="connsiteX137" fmla="*/ 499575 w 577850"/>
                <a:gd name="connsiteY137" fmla="*/ 946802 h 1204913"/>
                <a:gd name="connsiteX138" fmla="*/ 499575 w 577850"/>
                <a:gd name="connsiteY138" fmla="*/ 950044 h 1204913"/>
                <a:gd name="connsiteX139" fmla="*/ 497947 w 577850"/>
                <a:gd name="connsiteY139" fmla="*/ 951665 h 1204913"/>
                <a:gd name="connsiteX140" fmla="*/ 494690 w 577850"/>
                <a:gd name="connsiteY140" fmla="*/ 953286 h 1204913"/>
                <a:gd name="connsiteX141" fmla="*/ 494690 w 577850"/>
                <a:gd name="connsiteY141" fmla="*/ 956528 h 1204913"/>
                <a:gd name="connsiteX142" fmla="*/ 493062 w 577850"/>
                <a:gd name="connsiteY142" fmla="*/ 959770 h 1204913"/>
                <a:gd name="connsiteX143" fmla="*/ 491434 w 577850"/>
                <a:gd name="connsiteY143" fmla="*/ 963011 h 1204913"/>
                <a:gd name="connsiteX144" fmla="*/ 486549 w 577850"/>
                <a:gd name="connsiteY144" fmla="*/ 966253 h 1204913"/>
                <a:gd name="connsiteX145" fmla="*/ 483293 w 577850"/>
                <a:gd name="connsiteY145" fmla="*/ 966253 h 1204913"/>
                <a:gd name="connsiteX146" fmla="*/ 480036 w 577850"/>
                <a:gd name="connsiteY146" fmla="*/ 964632 h 1204913"/>
                <a:gd name="connsiteX147" fmla="*/ 480036 w 577850"/>
                <a:gd name="connsiteY147" fmla="*/ 961391 h 1204913"/>
                <a:gd name="connsiteX148" fmla="*/ 480036 w 577850"/>
                <a:gd name="connsiteY148" fmla="*/ 959770 h 1204913"/>
                <a:gd name="connsiteX149" fmla="*/ 478408 w 577850"/>
                <a:gd name="connsiteY149" fmla="*/ 959770 h 1204913"/>
                <a:gd name="connsiteX150" fmla="*/ 475151 w 577850"/>
                <a:gd name="connsiteY150" fmla="*/ 961391 h 1204913"/>
                <a:gd name="connsiteX151" fmla="*/ 471895 w 577850"/>
                <a:gd name="connsiteY151" fmla="*/ 961391 h 1204913"/>
                <a:gd name="connsiteX152" fmla="*/ 470267 w 577850"/>
                <a:gd name="connsiteY152" fmla="*/ 963011 h 1204913"/>
                <a:gd name="connsiteX153" fmla="*/ 468638 w 577850"/>
                <a:gd name="connsiteY153" fmla="*/ 966253 h 1204913"/>
                <a:gd name="connsiteX154" fmla="*/ 468638 w 577850"/>
                <a:gd name="connsiteY154" fmla="*/ 969495 h 1204913"/>
                <a:gd name="connsiteX155" fmla="*/ 465382 w 577850"/>
                <a:gd name="connsiteY155" fmla="*/ 972737 h 1204913"/>
                <a:gd name="connsiteX156" fmla="*/ 463754 w 577850"/>
                <a:gd name="connsiteY156" fmla="*/ 971116 h 1204913"/>
                <a:gd name="connsiteX157" fmla="*/ 462126 w 577850"/>
                <a:gd name="connsiteY157" fmla="*/ 969495 h 1204913"/>
                <a:gd name="connsiteX158" fmla="*/ 460497 w 577850"/>
                <a:gd name="connsiteY158" fmla="*/ 966253 h 1204913"/>
                <a:gd name="connsiteX159" fmla="*/ 460497 w 577850"/>
                <a:gd name="connsiteY159" fmla="*/ 963011 h 1204913"/>
                <a:gd name="connsiteX160" fmla="*/ 457241 w 577850"/>
                <a:gd name="connsiteY160" fmla="*/ 966253 h 1204913"/>
                <a:gd name="connsiteX161" fmla="*/ 455613 w 577850"/>
                <a:gd name="connsiteY161" fmla="*/ 969495 h 1204913"/>
                <a:gd name="connsiteX162" fmla="*/ 455613 w 577850"/>
                <a:gd name="connsiteY162" fmla="*/ 971116 h 1204913"/>
                <a:gd name="connsiteX163" fmla="*/ 452356 w 577850"/>
                <a:gd name="connsiteY163" fmla="*/ 972737 h 1204913"/>
                <a:gd name="connsiteX164" fmla="*/ 449100 w 577850"/>
                <a:gd name="connsiteY164" fmla="*/ 974358 h 1204913"/>
                <a:gd name="connsiteX165" fmla="*/ 444215 w 577850"/>
                <a:gd name="connsiteY165" fmla="*/ 972737 h 1204913"/>
                <a:gd name="connsiteX166" fmla="*/ 440959 w 577850"/>
                <a:gd name="connsiteY166" fmla="*/ 974358 h 1204913"/>
                <a:gd name="connsiteX167" fmla="*/ 437702 w 577850"/>
                <a:gd name="connsiteY167" fmla="*/ 972737 h 1204913"/>
                <a:gd name="connsiteX168" fmla="*/ 434446 w 577850"/>
                <a:gd name="connsiteY168" fmla="*/ 971116 h 1204913"/>
                <a:gd name="connsiteX169" fmla="*/ 429561 w 577850"/>
                <a:gd name="connsiteY169" fmla="*/ 966253 h 1204913"/>
                <a:gd name="connsiteX170" fmla="*/ 427933 w 577850"/>
                <a:gd name="connsiteY170" fmla="*/ 969495 h 1204913"/>
                <a:gd name="connsiteX171" fmla="*/ 427933 w 577850"/>
                <a:gd name="connsiteY171" fmla="*/ 971116 h 1204913"/>
                <a:gd name="connsiteX172" fmla="*/ 429561 w 577850"/>
                <a:gd name="connsiteY172" fmla="*/ 972737 h 1204913"/>
                <a:gd name="connsiteX173" fmla="*/ 431190 w 577850"/>
                <a:gd name="connsiteY173" fmla="*/ 975979 h 1204913"/>
                <a:gd name="connsiteX174" fmla="*/ 429561 w 577850"/>
                <a:gd name="connsiteY174" fmla="*/ 979221 h 1204913"/>
                <a:gd name="connsiteX175" fmla="*/ 426305 w 577850"/>
                <a:gd name="connsiteY175" fmla="*/ 979221 h 1204913"/>
                <a:gd name="connsiteX176" fmla="*/ 423049 w 577850"/>
                <a:gd name="connsiteY176" fmla="*/ 980842 h 1204913"/>
                <a:gd name="connsiteX177" fmla="*/ 423049 w 577850"/>
                <a:gd name="connsiteY177" fmla="*/ 982463 h 1204913"/>
                <a:gd name="connsiteX178" fmla="*/ 418164 w 577850"/>
                <a:gd name="connsiteY178" fmla="*/ 987325 h 1204913"/>
                <a:gd name="connsiteX179" fmla="*/ 418164 w 577850"/>
                <a:gd name="connsiteY179" fmla="*/ 988946 h 1204913"/>
                <a:gd name="connsiteX180" fmla="*/ 414908 w 577850"/>
                <a:gd name="connsiteY180" fmla="*/ 990567 h 1204913"/>
                <a:gd name="connsiteX181" fmla="*/ 413279 w 577850"/>
                <a:gd name="connsiteY181" fmla="*/ 992188 h 1204913"/>
                <a:gd name="connsiteX182" fmla="*/ 410023 w 577850"/>
                <a:gd name="connsiteY182" fmla="*/ 990567 h 1204913"/>
                <a:gd name="connsiteX183" fmla="*/ 408395 w 577850"/>
                <a:gd name="connsiteY183" fmla="*/ 990567 h 1204913"/>
                <a:gd name="connsiteX184" fmla="*/ 406767 w 577850"/>
                <a:gd name="connsiteY184" fmla="*/ 987325 h 1204913"/>
                <a:gd name="connsiteX185" fmla="*/ 405138 w 577850"/>
                <a:gd name="connsiteY185" fmla="*/ 985704 h 1204913"/>
                <a:gd name="connsiteX186" fmla="*/ 403510 w 577850"/>
                <a:gd name="connsiteY186" fmla="*/ 984084 h 1204913"/>
                <a:gd name="connsiteX187" fmla="*/ 403510 w 577850"/>
                <a:gd name="connsiteY187" fmla="*/ 980842 h 1204913"/>
                <a:gd name="connsiteX188" fmla="*/ 405138 w 577850"/>
                <a:gd name="connsiteY188" fmla="*/ 977600 h 1204913"/>
                <a:gd name="connsiteX189" fmla="*/ 406767 w 577850"/>
                <a:gd name="connsiteY189" fmla="*/ 975979 h 1204913"/>
                <a:gd name="connsiteX190" fmla="*/ 406767 w 577850"/>
                <a:gd name="connsiteY190" fmla="*/ 974358 h 1204913"/>
                <a:gd name="connsiteX191" fmla="*/ 405138 w 577850"/>
                <a:gd name="connsiteY191" fmla="*/ 971116 h 1204913"/>
                <a:gd name="connsiteX192" fmla="*/ 396997 w 577850"/>
                <a:gd name="connsiteY192" fmla="*/ 971116 h 1204913"/>
                <a:gd name="connsiteX193" fmla="*/ 393741 w 577850"/>
                <a:gd name="connsiteY193" fmla="*/ 971116 h 1204913"/>
                <a:gd name="connsiteX194" fmla="*/ 390485 w 577850"/>
                <a:gd name="connsiteY194" fmla="*/ 971116 h 1204913"/>
                <a:gd name="connsiteX195" fmla="*/ 387228 w 577850"/>
                <a:gd name="connsiteY195" fmla="*/ 972737 h 1204913"/>
                <a:gd name="connsiteX196" fmla="*/ 382344 w 577850"/>
                <a:gd name="connsiteY196" fmla="*/ 974358 h 1204913"/>
                <a:gd name="connsiteX197" fmla="*/ 379087 w 577850"/>
                <a:gd name="connsiteY197" fmla="*/ 974358 h 1204913"/>
                <a:gd name="connsiteX198" fmla="*/ 377459 w 577850"/>
                <a:gd name="connsiteY198" fmla="*/ 974358 h 1204913"/>
                <a:gd name="connsiteX199" fmla="*/ 375831 w 577850"/>
                <a:gd name="connsiteY199" fmla="*/ 975979 h 1204913"/>
                <a:gd name="connsiteX200" fmla="*/ 372574 w 577850"/>
                <a:gd name="connsiteY200" fmla="*/ 975979 h 1204913"/>
                <a:gd name="connsiteX201" fmla="*/ 369318 w 577850"/>
                <a:gd name="connsiteY201" fmla="*/ 975979 h 1204913"/>
                <a:gd name="connsiteX202" fmla="*/ 366061 w 577850"/>
                <a:gd name="connsiteY202" fmla="*/ 977600 h 1204913"/>
                <a:gd name="connsiteX203" fmla="*/ 364433 w 577850"/>
                <a:gd name="connsiteY203" fmla="*/ 979221 h 1204913"/>
                <a:gd name="connsiteX204" fmla="*/ 361177 w 577850"/>
                <a:gd name="connsiteY204" fmla="*/ 977600 h 1204913"/>
                <a:gd name="connsiteX205" fmla="*/ 357920 w 577850"/>
                <a:gd name="connsiteY205" fmla="*/ 979221 h 1204913"/>
                <a:gd name="connsiteX206" fmla="*/ 357920 w 577850"/>
                <a:gd name="connsiteY206" fmla="*/ 977600 h 1204913"/>
                <a:gd name="connsiteX207" fmla="*/ 354664 w 577850"/>
                <a:gd name="connsiteY207" fmla="*/ 977600 h 1204913"/>
                <a:gd name="connsiteX208" fmla="*/ 354664 w 577850"/>
                <a:gd name="connsiteY208" fmla="*/ 980842 h 1204913"/>
                <a:gd name="connsiteX209" fmla="*/ 354664 w 577850"/>
                <a:gd name="connsiteY209" fmla="*/ 984084 h 1204913"/>
                <a:gd name="connsiteX210" fmla="*/ 354664 w 577850"/>
                <a:gd name="connsiteY210" fmla="*/ 987325 h 1204913"/>
                <a:gd name="connsiteX211" fmla="*/ 349779 w 577850"/>
                <a:gd name="connsiteY211" fmla="*/ 985704 h 1204913"/>
                <a:gd name="connsiteX212" fmla="*/ 346523 w 577850"/>
                <a:gd name="connsiteY212" fmla="*/ 984084 h 1204913"/>
                <a:gd name="connsiteX213" fmla="*/ 344895 w 577850"/>
                <a:gd name="connsiteY213" fmla="*/ 984084 h 1204913"/>
                <a:gd name="connsiteX214" fmla="*/ 341638 w 577850"/>
                <a:gd name="connsiteY214" fmla="*/ 985704 h 1204913"/>
                <a:gd name="connsiteX215" fmla="*/ 336754 w 577850"/>
                <a:gd name="connsiteY215" fmla="*/ 984084 h 1204913"/>
                <a:gd name="connsiteX216" fmla="*/ 333497 w 577850"/>
                <a:gd name="connsiteY216" fmla="*/ 984084 h 1204913"/>
                <a:gd name="connsiteX217" fmla="*/ 331869 w 577850"/>
                <a:gd name="connsiteY217" fmla="*/ 984084 h 1204913"/>
                <a:gd name="connsiteX218" fmla="*/ 330241 w 577850"/>
                <a:gd name="connsiteY218" fmla="*/ 984084 h 1204913"/>
                <a:gd name="connsiteX219" fmla="*/ 330241 w 577850"/>
                <a:gd name="connsiteY219" fmla="*/ 980842 h 1204913"/>
                <a:gd name="connsiteX220" fmla="*/ 330241 w 577850"/>
                <a:gd name="connsiteY220" fmla="*/ 979221 h 1204913"/>
                <a:gd name="connsiteX221" fmla="*/ 336754 w 577850"/>
                <a:gd name="connsiteY221" fmla="*/ 977600 h 1204913"/>
                <a:gd name="connsiteX222" fmla="*/ 341638 w 577850"/>
                <a:gd name="connsiteY222" fmla="*/ 972737 h 1204913"/>
                <a:gd name="connsiteX223" fmla="*/ 344895 w 577850"/>
                <a:gd name="connsiteY223" fmla="*/ 971116 h 1204913"/>
                <a:gd name="connsiteX224" fmla="*/ 348151 w 577850"/>
                <a:gd name="connsiteY224" fmla="*/ 967874 h 1204913"/>
                <a:gd name="connsiteX225" fmla="*/ 351408 w 577850"/>
                <a:gd name="connsiteY225" fmla="*/ 966253 h 1204913"/>
                <a:gd name="connsiteX226" fmla="*/ 356292 w 577850"/>
                <a:gd name="connsiteY226" fmla="*/ 963011 h 1204913"/>
                <a:gd name="connsiteX227" fmla="*/ 361177 w 577850"/>
                <a:gd name="connsiteY227" fmla="*/ 958149 h 1204913"/>
                <a:gd name="connsiteX228" fmla="*/ 364433 w 577850"/>
                <a:gd name="connsiteY228" fmla="*/ 956528 h 1204913"/>
                <a:gd name="connsiteX229" fmla="*/ 364433 w 577850"/>
                <a:gd name="connsiteY229" fmla="*/ 954907 h 1204913"/>
                <a:gd name="connsiteX230" fmla="*/ 367690 w 577850"/>
                <a:gd name="connsiteY230" fmla="*/ 954907 h 1204913"/>
                <a:gd name="connsiteX231" fmla="*/ 370946 w 577850"/>
                <a:gd name="connsiteY231" fmla="*/ 954907 h 1204913"/>
                <a:gd name="connsiteX232" fmla="*/ 372574 w 577850"/>
                <a:gd name="connsiteY232" fmla="*/ 954907 h 1204913"/>
                <a:gd name="connsiteX233" fmla="*/ 374202 w 577850"/>
                <a:gd name="connsiteY233" fmla="*/ 954907 h 1204913"/>
                <a:gd name="connsiteX234" fmla="*/ 375831 w 577850"/>
                <a:gd name="connsiteY234" fmla="*/ 954907 h 1204913"/>
                <a:gd name="connsiteX235" fmla="*/ 377459 w 577850"/>
                <a:gd name="connsiteY235" fmla="*/ 954907 h 1204913"/>
                <a:gd name="connsiteX236" fmla="*/ 380715 w 577850"/>
                <a:gd name="connsiteY236" fmla="*/ 954907 h 1204913"/>
                <a:gd name="connsiteX237" fmla="*/ 382344 w 577850"/>
                <a:gd name="connsiteY237" fmla="*/ 953286 h 1204913"/>
                <a:gd name="connsiteX238" fmla="*/ 383972 w 577850"/>
                <a:gd name="connsiteY238" fmla="*/ 953286 h 1204913"/>
                <a:gd name="connsiteX239" fmla="*/ 385600 w 577850"/>
                <a:gd name="connsiteY239" fmla="*/ 953286 h 1204913"/>
                <a:gd name="connsiteX240" fmla="*/ 387228 w 577850"/>
                <a:gd name="connsiteY240" fmla="*/ 953286 h 1204913"/>
                <a:gd name="connsiteX241" fmla="*/ 388856 w 577850"/>
                <a:gd name="connsiteY241" fmla="*/ 951665 h 1204913"/>
                <a:gd name="connsiteX242" fmla="*/ 392113 w 577850"/>
                <a:gd name="connsiteY242" fmla="*/ 951665 h 1204913"/>
                <a:gd name="connsiteX243" fmla="*/ 395369 w 577850"/>
                <a:gd name="connsiteY243" fmla="*/ 951665 h 1204913"/>
                <a:gd name="connsiteX244" fmla="*/ 398626 w 577850"/>
                <a:gd name="connsiteY244" fmla="*/ 951665 h 1204913"/>
                <a:gd name="connsiteX245" fmla="*/ 400254 w 577850"/>
                <a:gd name="connsiteY245" fmla="*/ 951665 h 1204913"/>
                <a:gd name="connsiteX246" fmla="*/ 401882 w 577850"/>
                <a:gd name="connsiteY246" fmla="*/ 953286 h 1204913"/>
                <a:gd name="connsiteX247" fmla="*/ 403510 w 577850"/>
                <a:gd name="connsiteY247" fmla="*/ 953286 h 1204913"/>
                <a:gd name="connsiteX248" fmla="*/ 405138 w 577850"/>
                <a:gd name="connsiteY248" fmla="*/ 951665 h 1204913"/>
                <a:gd name="connsiteX249" fmla="*/ 406767 w 577850"/>
                <a:gd name="connsiteY249" fmla="*/ 953286 h 1204913"/>
                <a:gd name="connsiteX250" fmla="*/ 410023 w 577850"/>
                <a:gd name="connsiteY250" fmla="*/ 954907 h 1204913"/>
                <a:gd name="connsiteX251" fmla="*/ 411651 w 577850"/>
                <a:gd name="connsiteY251" fmla="*/ 953286 h 1204913"/>
                <a:gd name="connsiteX252" fmla="*/ 413279 w 577850"/>
                <a:gd name="connsiteY252" fmla="*/ 953286 h 1204913"/>
                <a:gd name="connsiteX253" fmla="*/ 414908 w 577850"/>
                <a:gd name="connsiteY253" fmla="*/ 951665 h 1204913"/>
                <a:gd name="connsiteX254" fmla="*/ 414908 w 577850"/>
                <a:gd name="connsiteY254" fmla="*/ 948423 h 1204913"/>
                <a:gd name="connsiteX255" fmla="*/ 416536 w 577850"/>
                <a:gd name="connsiteY255" fmla="*/ 946802 h 1204913"/>
                <a:gd name="connsiteX256" fmla="*/ 418164 w 577850"/>
                <a:gd name="connsiteY256" fmla="*/ 945181 h 1204913"/>
                <a:gd name="connsiteX257" fmla="*/ 419792 w 577850"/>
                <a:gd name="connsiteY257" fmla="*/ 941939 h 1204913"/>
                <a:gd name="connsiteX258" fmla="*/ 421420 w 577850"/>
                <a:gd name="connsiteY258" fmla="*/ 940318 h 1204913"/>
                <a:gd name="connsiteX259" fmla="*/ 423049 w 577850"/>
                <a:gd name="connsiteY259" fmla="*/ 938698 h 1204913"/>
                <a:gd name="connsiteX260" fmla="*/ 426305 w 577850"/>
                <a:gd name="connsiteY260" fmla="*/ 937077 h 1204913"/>
                <a:gd name="connsiteX261" fmla="*/ 426305 w 577850"/>
                <a:gd name="connsiteY261" fmla="*/ 935456 h 1204913"/>
                <a:gd name="connsiteX262" fmla="*/ 427933 w 577850"/>
                <a:gd name="connsiteY262" fmla="*/ 928972 h 1204913"/>
                <a:gd name="connsiteX263" fmla="*/ 429561 w 577850"/>
                <a:gd name="connsiteY263" fmla="*/ 925730 h 1204913"/>
                <a:gd name="connsiteX264" fmla="*/ 431190 w 577850"/>
                <a:gd name="connsiteY264" fmla="*/ 925730 h 1204913"/>
                <a:gd name="connsiteX265" fmla="*/ 432818 w 577850"/>
                <a:gd name="connsiteY265" fmla="*/ 925730 h 1204913"/>
                <a:gd name="connsiteX266" fmla="*/ 436074 w 577850"/>
                <a:gd name="connsiteY266" fmla="*/ 927351 h 1204913"/>
                <a:gd name="connsiteX267" fmla="*/ 439331 w 577850"/>
                <a:gd name="connsiteY267" fmla="*/ 927351 h 1204913"/>
                <a:gd name="connsiteX268" fmla="*/ 444215 w 577850"/>
                <a:gd name="connsiteY268" fmla="*/ 925730 h 1204913"/>
                <a:gd name="connsiteX269" fmla="*/ 445844 w 577850"/>
                <a:gd name="connsiteY269" fmla="*/ 925730 h 1204913"/>
                <a:gd name="connsiteX270" fmla="*/ 449100 w 577850"/>
                <a:gd name="connsiteY270" fmla="*/ 924109 h 1204913"/>
                <a:gd name="connsiteX271" fmla="*/ 453985 w 577850"/>
                <a:gd name="connsiteY271" fmla="*/ 924109 h 1204913"/>
                <a:gd name="connsiteX272" fmla="*/ 457241 w 577850"/>
                <a:gd name="connsiteY272" fmla="*/ 920867 h 1204913"/>
                <a:gd name="connsiteX273" fmla="*/ 458869 w 577850"/>
                <a:gd name="connsiteY273" fmla="*/ 919246 h 1204913"/>
                <a:gd name="connsiteX274" fmla="*/ 460497 w 577850"/>
                <a:gd name="connsiteY274" fmla="*/ 919246 h 1204913"/>
                <a:gd name="connsiteX275" fmla="*/ 463754 w 577850"/>
                <a:gd name="connsiteY275" fmla="*/ 916005 h 1204913"/>
                <a:gd name="connsiteX276" fmla="*/ 465382 w 577850"/>
                <a:gd name="connsiteY276" fmla="*/ 907900 h 1204913"/>
                <a:gd name="connsiteX277" fmla="*/ 468638 w 577850"/>
                <a:gd name="connsiteY277" fmla="*/ 907900 h 1204913"/>
                <a:gd name="connsiteX278" fmla="*/ 471895 w 577850"/>
                <a:gd name="connsiteY278" fmla="*/ 904658 h 1204913"/>
                <a:gd name="connsiteX279" fmla="*/ 473523 w 577850"/>
                <a:gd name="connsiteY279" fmla="*/ 903037 h 1204913"/>
                <a:gd name="connsiteX280" fmla="*/ 476779 w 577850"/>
                <a:gd name="connsiteY280" fmla="*/ 899795 h 1204913"/>
                <a:gd name="connsiteX281" fmla="*/ 476779 w 577850"/>
                <a:gd name="connsiteY281" fmla="*/ 896553 h 1204913"/>
                <a:gd name="connsiteX282" fmla="*/ 476779 w 577850"/>
                <a:gd name="connsiteY282" fmla="*/ 894933 h 1204913"/>
                <a:gd name="connsiteX283" fmla="*/ 480036 w 577850"/>
                <a:gd name="connsiteY283" fmla="*/ 891691 h 1204913"/>
                <a:gd name="connsiteX284" fmla="*/ 481665 w 577850"/>
                <a:gd name="connsiteY284" fmla="*/ 888449 h 1204913"/>
                <a:gd name="connsiteX285" fmla="*/ 481665 w 577850"/>
                <a:gd name="connsiteY285" fmla="*/ 885207 h 1204913"/>
                <a:gd name="connsiteX286" fmla="*/ 483293 w 577850"/>
                <a:gd name="connsiteY286" fmla="*/ 881965 h 1204913"/>
                <a:gd name="connsiteX287" fmla="*/ 484921 w 577850"/>
                <a:gd name="connsiteY287" fmla="*/ 880344 h 1204913"/>
                <a:gd name="connsiteX288" fmla="*/ 484921 w 577850"/>
                <a:gd name="connsiteY288" fmla="*/ 877102 h 1204913"/>
                <a:gd name="connsiteX289" fmla="*/ 484921 w 577850"/>
                <a:gd name="connsiteY289" fmla="*/ 873861 h 1204913"/>
                <a:gd name="connsiteX290" fmla="*/ 483293 w 577850"/>
                <a:gd name="connsiteY290" fmla="*/ 870619 h 1204913"/>
                <a:gd name="connsiteX291" fmla="*/ 483293 w 577850"/>
                <a:gd name="connsiteY291" fmla="*/ 867377 h 1204913"/>
                <a:gd name="connsiteX292" fmla="*/ 484921 w 577850"/>
                <a:gd name="connsiteY292" fmla="*/ 862514 h 1204913"/>
                <a:gd name="connsiteX293" fmla="*/ 483293 w 577850"/>
                <a:gd name="connsiteY293" fmla="*/ 859272 h 1204913"/>
                <a:gd name="connsiteX294" fmla="*/ 481665 w 577850"/>
                <a:gd name="connsiteY294" fmla="*/ 856030 h 1204913"/>
                <a:gd name="connsiteX295" fmla="*/ 484921 w 577850"/>
                <a:gd name="connsiteY295" fmla="*/ 852788 h 1204913"/>
                <a:gd name="connsiteX296" fmla="*/ 484921 w 577850"/>
                <a:gd name="connsiteY296" fmla="*/ 851168 h 1204913"/>
                <a:gd name="connsiteX297" fmla="*/ 486549 w 577850"/>
                <a:gd name="connsiteY297" fmla="*/ 849547 h 1204913"/>
                <a:gd name="connsiteX298" fmla="*/ 489806 w 577850"/>
                <a:gd name="connsiteY298" fmla="*/ 849547 h 1204913"/>
                <a:gd name="connsiteX299" fmla="*/ 489806 w 577850"/>
                <a:gd name="connsiteY299" fmla="*/ 846305 h 1204913"/>
                <a:gd name="connsiteX300" fmla="*/ 489806 w 577850"/>
                <a:gd name="connsiteY300" fmla="*/ 843063 h 1204913"/>
                <a:gd name="connsiteX301" fmla="*/ 493062 w 577850"/>
                <a:gd name="connsiteY301" fmla="*/ 843063 h 1204913"/>
                <a:gd name="connsiteX302" fmla="*/ 494690 w 577850"/>
                <a:gd name="connsiteY302" fmla="*/ 844684 h 1204913"/>
                <a:gd name="connsiteX303" fmla="*/ 496318 w 577850"/>
                <a:gd name="connsiteY303" fmla="*/ 846305 h 1204913"/>
                <a:gd name="connsiteX304" fmla="*/ 499575 w 577850"/>
                <a:gd name="connsiteY304" fmla="*/ 846305 h 1204913"/>
                <a:gd name="connsiteX305" fmla="*/ 501203 w 577850"/>
                <a:gd name="connsiteY305" fmla="*/ 841442 h 1204913"/>
                <a:gd name="connsiteX306" fmla="*/ 499575 w 577850"/>
                <a:gd name="connsiteY306" fmla="*/ 839821 h 1204913"/>
                <a:gd name="connsiteX307" fmla="*/ 504459 w 577850"/>
                <a:gd name="connsiteY307" fmla="*/ 838200 h 1204913"/>
                <a:gd name="connsiteX308" fmla="*/ 513309 w 577850"/>
                <a:gd name="connsiteY308" fmla="*/ 755650 h 1204913"/>
                <a:gd name="connsiteX309" fmla="*/ 516536 w 577850"/>
                <a:gd name="connsiteY309" fmla="*/ 757269 h 1204913"/>
                <a:gd name="connsiteX310" fmla="*/ 521377 w 577850"/>
                <a:gd name="connsiteY310" fmla="*/ 758887 h 1204913"/>
                <a:gd name="connsiteX311" fmla="*/ 524604 w 577850"/>
                <a:gd name="connsiteY311" fmla="*/ 762125 h 1204913"/>
                <a:gd name="connsiteX312" fmla="*/ 532672 w 577850"/>
                <a:gd name="connsiteY312" fmla="*/ 771836 h 1204913"/>
                <a:gd name="connsiteX313" fmla="*/ 534285 w 577850"/>
                <a:gd name="connsiteY313" fmla="*/ 773455 h 1204913"/>
                <a:gd name="connsiteX314" fmla="*/ 535899 w 577850"/>
                <a:gd name="connsiteY314" fmla="*/ 775074 h 1204913"/>
                <a:gd name="connsiteX315" fmla="*/ 539126 w 577850"/>
                <a:gd name="connsiteY315" fmla="*/ 776692 h 1204913"/>
                <a:gd name="connsiteX316" fmla="*/ 545580 w 577850"/>
                <a:gd name="connsiteY316" fmla="*/ 779930 h 1204913"/>
                <a:gd name="connsiteX317" fmla="*/ 548807 w 577850"/>
                <a:gd name="connsiteY317" fmla="*/ 781548 h 1204913"/>
                <a:gd name="connsiteX318" fmla="*/ 550420 w 577850"/>
                <a:gd name="connsiteY318" fmla="*/ 781548 h 1204913"/>
                <a:gd name="connsiteX319" fmla="*/ 553647 w 577850"/>
                <a:gd name="connsiteY319" fmla="*/ 783167 h 1204913"/>
                <a:gd name="connsiteX320" fmla="*/ 555261 w 577850"/>
                <a:gd name="connsiteY320" fmla="*/ 784785 h 1204913"/>
                <a:gd name="connsiteX321" fmla="*/ 558488 w 577850"/>
                <a:gd name="connsiteY321" fmla="*/ 784785 h 1204913"/>
                <a:gd name="connsiteX322" fmla="*/ 560101 w 577850"/>
                <a:gd name="connsiteY322" fmla="*/ 786404 h 1204913"/>
                <a:gd name="connsiteX323" fmla="*/ 564942 w 577850"/>
                <a:gd name="connsiteY323" fmla="*/ 786404 h 1204913"/>
                <a:gd name="connsiteX324" fmla="*/ 566556 w 577850"/>
                <a:gd name="connsiteY324" fmla="*/ 786404 h 1204913"/>
                <a:gd name="connsiteX325" fmla="*/ 571396 w 577850"/>
                <a:gd name="connsiteY325" fmla="*/ 779930 h 1204913"/>
                <a:gd name="connsiteX326" fmla="*/ 574623 w 577850"/>
                <a:gd name="connsiteY326" fmla="*/ 778311 h 1204913"/>
                <a:gd name="connsiteX327" fmla="*/ 573010 w 577850"/>
                <a:gd name="connsiteY327" fmla="*/ 783167 h 1204913"/>
                <a:gd name="connsiteX328" fmla="*/ 571396 w 577850"/>
                <a:gd name="connsiteY328" fmla="*/ 786404 h 1204913"/>
                <a:gd name="connsiteX329" fmla="*/ 571396 w 577850"/>
                <a:gd name="connsiteY329" fmla="*/ 788023 h 1204913"/>
                <a:gd name="connsiteX330" fmla="*/ 571396 w 577850"/>
                <a:gd name="connsiteY330" fmla="*/ 791260 h 1204913"/>
                <a:gd name="connsiteX331" fmla="*/ 574623 w 577850"/>
                <a:gd name="connsiteY331" fmla="*/ 792879 h 1204913"/>
                <a:gd name="connsiteX332" fmla="*/ 577850 w 577850"/>
                <a:gd name="connsiteY332" fmla="*/ 792879 h 1204913"/>
                <a:gd name="connsiteX333" fmla="*/ 574623 w 577850"/>
                <a:gd name="connsiteY333" fmla="*/ 794497 h 1204913"/>
                <a:gd name="connsiteX334" fmla="*/ 574623 w 577850"/>
                <a:gd name="connsiteY334" fmla="*/ 796116 h 1204913"/>
                <a:gd name="connsiteX335" fmla="*/ 574623 w 577850"/>
                <a:gd name="connsiteY335" fmla="*/ 799353 h 1204913"/>
                <a:gd name="connsiteX336" fmla="*/ 573010 w 577850"/>
                <a:gd name="connsiteY336" fmla="*/ 802590 h 1204913"/>
                <a:gd name="connsiteX337" fmla="*/ 571396 w 577850"/>
                <a:gd name="connsiteY337" fmla="*/ 804209 h 1204913"/>
                <a:gd name="connsiteX338" fmla="*/ 569783 w 577850"/>
                <a:gd name="connsiteY338" fmla="*/ 807446 h 1204913"/>
                <a:gd name="connsiteX339" fmla="*/ 563329 w 577850"/>
                <a:gd name="connsiteY339" fmla="*/ 807446 h 1204913"/>
                <a:gd name="connsiteX340" fmla="*/ 560101 w 577850"/>
                <a:gd name="connsiteY340" fmla="*/ 809065 h 1204913"/>
                <a:gd name="connsiteX341" fmla="*/ 556874 w 577850"/>
                <a:gd name="connsiteY341" fmla="*/ 807446 h 1204913"/>
                <a:gd name="connsiteX342" fmla="*/ 553647 w 577850"/>
                <a:gd name="connsiteY342" fmla="*/ 805828 h 1204913"/>
                <a:gd name="connsiteX343" fmla="*/ 550420 w 577850"/>
                <a:gd name="connsiteY343" fmla="*/ 809065 h 1204913"/>
                <a:gd name="connsiteX344" fmla="*/ 547193 w 577850"/>
                <a:gd name="connsiteY344" fmla="*/ 810683 h 1204913"/>
                <a:gd name="connsiteX345" fmla="*/ 545580 w 577850"/>
                <a:gd name="connsiteY345" fmla="*/ 812302 h 1204913"/>
                <a:gd name="connsiteX346" fmla="*/ 543966 w 577850"/>
                <a:gd name="connsiteY346" fmla="*/ 815539 h 1204913"/>
                <a:gd name="connsiteX347" fmla="*/ 542353 w 577850"/>
                <a:gd name="connsiteY347" fmla="*/ 817158 h 1204913"/>
                <a:gd name="connsiteX348" fmla="*/ 542353 w 577850"/>
                <a:gd name="connsiteY348" fmla="*/ 820395 h 1204913"/>
                <a:gd name="connsiteX349" fmla="*/ 540739 w 577850"/>
                <a:gd name="connsiteY349" fmla="*/ 825251 h 1204913"/>
                <a:gd name="connsiteX350" fmla="*/ 537512 w 577850"/>
                <a:gd name="connsiteY350" fmla="*/ 825251 h 1204913"/>
                <a:gd name="connsiteX351" fmla="*/ 534285 w 577850"/>
                <a:gd name="connsiteY351" fmla="*/ 825251 h 1204913"/>
                <a:gd name="connsiteX352" fmla="*/ 529445 w 577850"/>
                <a:gd name="connsiteY352" fmla="*/ 823632 h 1204913"/>
                <a:gd name="connsiteX353" fmla="*/ 524604 w 577850"/>
                <a:gd name="connsiteY353" fmla="*/ 822014 h 1204913"/>
                <a:gd name="connsiteX354" fmla="*/ 521377 w 577850"/>
                <a:gd name="connsiteY354" fmla="*/ 820395 h 1204913"/>
                <a:gd name="connsiteX355" fmla="*/ 519763 w 577850"/>
                <a:gd name="connsiteY355" fmla="*/ 818777 h 1204913"/>
                <a:gd name="connsiteX356" fmla="*/ 516536 w 577850"/>
                <a:gd name="connsiteY356" fmla="*/ 817158 h 1204913"/>
                <a:gd name="connsiteX357" fmla="*/ 513309 w 577850"/>
                <a:gd name="connsiteY357" fmla="*/ 817158 h 1204913"/>
                <a:gd name="connsiteX358" fmla="*/ 511696 w 577850"/>
                <a:gd name="connsiteY358" fmla="*/ 817158 h 1204913"/>
                <a:gd name="connsiteX359" fmla="*/ 508469 w 577850"/>
                <a:gd name="connsiteY359" fmla="*/ 815539 h 1204913"/>
                <a:gd name="connsiteX360" fmla="*/ 506855 w 577850"/>
                <a:gd name="connsiteY360" fmla="*/ 815539 h 1204913"/>
                <a:gd name="connsiteX361" fmla="*/ 503628 w 577850"/>
                <a:gd name="connsiteY361" fmla="*/ 817158 h 1204913"/>
                <a:gd name="connsiteX362" fmla="*/ 502015 w 577850"/>
                <a:gd name="connsiteY362" fmla="*/ 820395 h 1204913"/>
                <a:gd name="connsiteX363" fmla="*/ 498788 w 577850"/>
                <a:gd name="connsiteY363" fmla="*/ 820395 h 1204913"/>
                <a:gd name="connsiteX364" fmla="*/ 495560 w 577850"/>
                <a:gd name="connsiteY364" fmla="*/ 817158 h 1204913"/>
                <a:gd name="connsiteX365" fmla="*/ 495560 w 577850"/>
                <a:gd name="connsiteY365" fmla="*/ 815539 h 1204913"/>
                <a:gd name="connsiteX366" fmla="*/ 492333 w 577850"/>
                <a:gd name="connsiteY366" fmla="*/ 817158 h 1204913"/>
                <a:gd name="connsiteX367" fmla="*/ 492333 w 577850"/>
                <a:gd name="connsiteY367" fmla="*/ 818777 h 1204913"/>
                <a:gd name="connsiteX368" fmla="*/ 492333 w 577850"/>
                <a:gd name="connsiteY368" fmla="*/ 822014 h 1204913"/>
                <a:gd name="connsiteX369" fmla="*/ 495560 w 577850"/>
                <a:gd name="connsiteY369" fmla="*/ 823632 h 1204913"/>
                <a:gd name="connsiteX370" fmla="*/ 498788 w 577850"/>
                <a:gd name="connsiteY370" fmla="*/ 825251 h 1204913"/>
                <a:gd name="connsiteX371" fmla="*/ 500401 w 577850"/>
                <a:gd name="connsiteY371" fmla="*/ 826870 h 1204913"/>
                <a:gd name="connsiteX372" fmla="*/ 502015 w 577850"/>
                <a:gd name="connsiteY372" fmla="*/ 828488 h 1204913"/>
                <a:gd name="connsiteX373" fmla="*/ 502015 w 577850"/>
                <a:gd name="connsiteY373" fmla="*/ 831726 h 1204913"/>
                <a:gd name="connsiteX374" fmla="*/ 498788 w 577850"/>
                <a:gd name="connsiteY374" fmla="*/ 833344 h 1204913"/>
                <a:gd name="connsiteX375" fmla="*/ 495560 w 577850"/>
                <a:gd name="connsiteY375" fmla="*/ 831726 h 1204913"/>
                <a:gd name="connsiteX376" fmla="*/ 492333 w 577850"/>
                <a:gd name="connsiteY376" fmla="*/ 833344 h 1204913"/>
                <a:gd name="connsiteX377" fmla="*/ 492333 w 577850"/>
                <a:gd name="connsiteY377" fmla="*/ 834963 h 1204913"/>
                <a:gd name="connsiteX378" fmla="*/ 489106 w 577850"/>
                <a:gd name="connsiteY378" fmla="*/ 836582 h 1204913"/>
                <a:gd name="connsiteX379" fmla="*/ 487493 w 577850"/>
                <a:gd name="connsiteY379" fmla="*/ 838200 h 1204913"/>
                <a:gd name="connsiteX380" fmla="*/ 485879 w 577850"/>
                <a:gd name="connsiteY380" fmla="*/ 836582 h 1204913"/>
                <a:gd name="connsiteX381" fmla="*/ 484266 w 577850"/>
                <a:gd name="connsiteY381" fmla="*/ 833344 h 1204913"/>
                <a:gd name="connsiteX382" fmla="*/ 484266 w 577850"/>
                <a:gd name="connsiteY382" fmla="*/ 831726 h 1204913"/>
                <a:gd name="connsiteX383" fmla="*/ 485879 w 577850"/>
                <a:gd name="connsiteY383" fmla="*/ 828488 h 1204913"/>
                <a:gd name="connsiteX384" fmla="*/ 485879 w 577850"/>
                <a:gd name="connsiteY384" fmla="*/ 826870 h 1204913"/>
                <a:gd name="connsiteX385" fmla="*/ 484266 w 577850"/>
                <a:gd name="connsiteY385" fmla="*/ 825251 h 1204913"/>
                <a:gd name="connsiteX386" fmla="*/ 482652 w 577850"/>
                <a:gd name="connsiteY386" fmla="*/ 822014 h 1204913"/>
                <a:gd name="connsiteX387" fmla="*/ 481039 w 577850"/>
                <a:gd name="connsiteY387" fmla="*/ 822014 h 1204913"/>
                <a:gd name="connsiteX388" fmla="*/ 481039 w 577850"/>
                <a:gd name="connsiteY388" fmla="*/ 817158 h 1204913"/>
                <a:gd name="connsiteX389" fmla="*/ 482652 w 577850"/>
                <a:gd name="connsiteY389" fmla="*/ 813921 h 1204913"/>
                <a:gd name="connsiteX390" fmla="*/ 484266 w 577850"/>
                <a:gd name="connsiteY390" fmla="*/ 812302 h 1204913"/>
                <a:gd name="connsiteX391" fmla="*/ 489106 w 577850"/>
                <a:gd name="connsiteY391" fmla="*/ 810683 h 1204913"/>
                <a:gd name="connsiteX392" fmla="*/ 489106 w 577850"/>
                <a:gd name="connsiteY392" fmla="*/ 807446 h 1204913"/>
                <a:gd name="connsiteX393" fmla="*/ 490720 w 577850"/>
                <a:gd name="connsiteY393" fmla="*/ 805828 h 1204913"/>
                <a:gd name="connsiteX394" fmla="*/ 489106 w 577850"/>
                <a:gd name="connsiteY394" fmla="*/ 802590 h 1204913"/>
                <a:gd name="connsiteX395" fmla="*/ 492333 w 577850"/>
                <a:gd name="connsiteY395" fmla="*/ 799353 h 1204913"/>
                <a:gd name="connsiteX396" fmla="*/ 493947 w 577850"/>
                <a:gd name="connsiteY396" fmla="*/ 800972 h 1204913"/>
                <a:gd name="connsiteX397" fmla="*/ 498788 w 577850"/>
                <a:gd name="connsiteY397" fmla="*/ 802590 h 1204913"/>
                <a:gd name="connsiteX398" fmla="*/ 502015 w 577850"/>
                <a:gd name="connsiteY398" fmla="*/ 804209 h 1204913"/>
                <a:gd name="connsiteX399" fmla="*/ 505242 w 577850"/>
                <a:gd name="connsiteY399" fmla="*/ 804209 h 1204913"/>
                <a:gd name="connsiteX400" fmla="*/ 506855 w 577850"/>
                <a:gd name="connsiteY400" fmla="*/ 800972 h 1204913"/>
                <a:gd name="connsiteX401" fmla="*/ 505242 w 577850"/>
                <a:gd name="connsiteY401" fmla="*/ 796116 h 1204913"/>
                <a:gd name="connsiteX402" fmla="*/ 505242 w 577850"/>
                <a:gd name="connsiteY402" fmla="*/ 791260 h 1204913"/>
                <a:gd name="connsiteX403" fmla="*/ 508469 w 577850"/>
                <a:gd name="connsiteY403" fmla="*/ 791260 h 1204913"/>
                <a:gd name="connsiteX404" fmla="*/ 510082 w 577850"/>
                <a:gd name="connsiteY404" fmla="*/ 789641 h 1204913"/>
                <a:gd name="connsiteX405" fmla="*/ 511696 w 577850"/>
                <a:gd name="connsiteY405" fmla="*/ 786404 h 1204913"/>
                <a:gd name="connsiteX406" fmla="*/ 511696 w 577850"/>
                <a:gd name="connsiteY406" fmla="*/ 779930 h 1204913"/>
                <a:gd name="connsiteX407" fmla="*/ 513309 w 577850"/>
                <a:gd name="connsiteY407" fmla="*/ 776692 h 1204913"/>
                <a:gd name="connsiteX408" fmla="*/ 513309 w 577850"/>
                <a:gd name="connsiteY408" fmla="*/ 775074 h 1204913"/>
                <a:gd name="connsiteX409" fmla="*/ 514923 w 577850"/>
                <a:gd name="connsiteY409" fmla="*/ 770218 h 1204913"/>
                <a:gd name="connsiteX410" fmla="*/ 513309 w 577850"/>
                <a:gd name="connsiteY410" fmla="*/ 765362 h 1204913"/>
                <a:gd name="connsiteX411" fmla="*/ 510082 w 577850"/>
                <a:gd name="connsiteY411" fmla="*/ 763743 h 1204913"/>
                <a:gd name="connsiteX412" fmla="*/ 511696 w 577850"/>
                <a:gd name="connsiteY412" fmla="*/ 757269 h 1204913"/>
                <a:gd name="connsiteX413" fmla="*/ 513309 w 577850"/>
                <a:gd name="connsiteY413" fmla="*/ 755650 h 1204913"/>
                <a:gd name="connsiteX414" fmla="*/ 522749 w 577850"/>
                <a:gd name="connsiteY414" fmla="*/ 558841 h 1204913"/>
                <a:gd name="connsiteX415" fmla="*/ 532581 w 577850"/>
                <a:gd name="connsiteY415" fmla="*/ 562099 h 1204913"/>
                <a:gd name="connsiteX416" fmla="*/ 532581 w 577850"/>
                <a:gd name="connsiteY416" fmla="*/ 566985 h 1204913"/>
                <a:gd name="connsiteX417" fmla="*/ 534220 w 577850"/>
                <a:gd name="connsiteY417" fmla="*/ 571872 h 1204913"/>
                <a:gd name="connsiteX418" fmla="*/ 534220 w 577850"/>
                <a:gd name="connsiteY418" fmla="*/ 578388 h 1204913"/>
                <a:gd name="connsiteX419" fmla="*/ 535858 w 577850"/>
                <a:gd name="connsiteY419" fmla="*/ 581646 h 1204913"/>
                <a:gd name="connsiteX420" fmla="*/ 537497 w 577850"/>
                <a:gd name="connsiteY420" fmla="*/ 586532 h 1204913"/>
                <a:gd name="connsiteX421" fmla="*/ 540774 w 577850"/>
                <a:gd name="connsiteY421" fmla="*/ 597935 h 1204913"/>
                <a:gd name="connsiteX422" fmla="*/ 537497 w 577850"/>
                <a:gd name="connsiteY422" fmla="*/ 604450 h 1204913"/>
                <a:gd name="connsiteX423" fmla="*/ 535858 w 577850"/>
                <a:gd name="connsiteY423" fmla="*/ 606079 h 1204913"/>
                <a:gd name="connsiteX424" fmla="*/ 535858 w 577850"/>
                <a:gd name="connsiteY424" fmla="*/ 610966 h 1204913"/>
                <a:gd name="connsiteX425" fmla="*/ 537497 w 577850"/>
                <a:gd name="connsiteY425" fmla="*/ 620739 h 1204913"/>
                <a:gd name="connsiteX426" fmla="*/ 539136 w 577850"/>
                <a:gd name="connsiteY426" fmla="*/ 623997 h 1204913"/>
                <a:gd name="connsiteX427" fmla="*/ 542413 w 577850"/>
                <a:gd name="connsiteY427" fmla="*/ 630513 h 1204913"/>
                <a:gd name="connsiteX428" fmla="*/ 544052 w 577850"/>
                <a:gd name="connsiteY428" fmla="*/ 638658 h 1204913"/>
                <a:gd name="connsiteX429" fmla="*/ 542413 w 577850"/>
                <a:gd name="connsiteY429" fmla="*/ 641915 h 1204913"/>
                <a:gd name="connsiteX430" fmla="*/ 542413 w 577850"/>
                <a:gd name="connsiteY430" fmla="*/ 648431 h 1204913"/>
                <a:gd name="connsiteX431" fmla="*/ 545691 w 577850"/>
                <a:gd name="connsiteY431" fmla="*/ 654947 h 1204913"/>
                <a:gd name="connsiteX432" fmla="*/ 548968 w 577850"/>
                <a:gd name="connsiteY432" fmla="*/ 663091 h 1204913"/>
                <a:gd name="connsiteX433" fmla="*/ 550607 w 577850"/>
                <a:gd name="connsiteY433" fmla="*/ 669607 h 1204913"/>
                <a:gd name="connsiteX434" fmla="*/ 553884 w 577850"/>
                <a:gd name="connsiteY434" fmla="*/ 676123 h 1204913"/>
                <a:gd name="connsiteX435" fmla="*/ 558800 w 577850"/>
                <a:gd name="connsiteY435" fmla="*/ 682638 h 1204913"/>
                <a:gd name="connsiteX436" fmla="*/ 553884 w 577850"/>
                <a:gd name="connsiteY436" fmla="*/ 681009 h 1204913"/>
                <a:gd name="connsiteX437" fmla="*/ 550607 w 577850"/>
                <a:gd name="connsiteY437" fmla="*/ 677751 h 1204913"/>
                <a:gd name="connsiteX438" fmla="*/ 544052 w 577850"/>
                <a:gd name="connsiteY438" fmla="*/ 676123 h 1204913"/>
                <a:gd name="connsiteX439" fmla="*/ 539136 w 577850"/>
                <a:gd name="connsiteY439" fmla="*/ 676123 h 1204913"/>
                <a:gd name="connsiteX440" fmla="*/ 534220 w 577850"/>
                <a:gd name="connsiteY440" fmla="*/ 676123 h 1204913"/>
                <a:gd name="connsiteX441" fmla="*/ 532581 w 577850"/>
                <a:gd name="connsiteY441" fmla="*/ 679380 h 1204913"/>
                <a:gd name="connsiteX442" fmla="*/ 532581 w 577850"/>
                <a:gd name="connsiteY442" fmla="*/ 682638 h 1204913"/>
                <a:gd name="connsiteX443" fmla="*/ 529303 w 577850"/>
                <a:gd name="connsiteY443" fmla="*/ 690783 h 1204913"/>
                <a:gd name="connsiteX444" fmla="*/ 527665 w 577850"/>
                <a:gd name="connsiteY444" fmla="*/ 694041 h 1204913"/>
                <a:gd name="connsiteX445" fmla="*/ 527665 w 577850"/>
                <a:gd name="connsiteY445" fmla="*/ 697298 h 1204913"/>
                <a:gd name="connsiteX446" fmla="*/ 527665 w 577850"/>
                <a:gd name="connsiteY446" fmla="*/ 703814 h 1204913"/>
                <a:gd name="connsiteX447" fmla="*/ 524387 w 577850"/>
                <a:gd name="connsiteY447" fmla="*/ 711959 h 1204913"/>
                <a:gd name="connsiteX448" fmla="*/ 526026 w 577850"/>
                <a:gd name="connsiteY448" fmla="*/ 715216 h 1204913"/>
                <a:gd name="connsiteX449" fmla="*/ 529303 w 577850"/>
                <a:gd name="connsiteY449" fmla="*/ 718474 h 1204913"/>
                <a:gd name="connsiteX450" fmla="*/ 532581 w 577850"/>
                <a:gd name="connsiteY450" fmla="*/ 721732 h 1204913"/>
                <a:gd name="connsiteX451" fmla="*/ 534220 w 577850"/>
                <a:gd name="connsiteY451" fmla="*/ 724990 h 1204913"/>
                <a:gd name="connsiteX452" fmla="*/ 535858 w 577850"/>
                <a:gd name="connsiteY452" fmla="*/ 728248 h 1204913"/>
                <a:gd name="connsiteX453" fmla="*/ 540774 w 577850"/>
                <a:gd name="connsiteY453" fmla="*/ 729877 h 1204913"/>
                <a:gd name="connsiteX454" fmla="*/ 542413 w 577850"/>
                <a:gd name="connsiteY454" fmla="*/ 733134 h 1204913"/>
                <a:gd name="connsiteX455" fmla="*/ 542413 w 577850"/>
                <a:gd name="connsiteY455" fmla="*/ 736392 h 1204913"/>
                <a:gd name="connsiteX456" fmla="*/ 540774 w 577850"/>
                <a:gd name="connsiteY456" fmla="*/ 739650 h 1204913"/>
                <a:gd name="connsiteX457" fmla="*/ 539136 w 577850"/>
                <a:gd name="connsiteY457" fmla="*/ 742908 h 1204913"/>
                <a:gd name="connsiteX458" fmla="*/ 537497 w 577850"/>
                <a:gd name="connsiteY458" fmla="*/ 739650 h 1204913"/>
                <a:gd name="connsiteX459" fmla="*/ 535858 w 577850"/>
                <a:gd name="connsiteY459" fmla="*/ 736392 h 1204913"/>
                <a:gd name="connsiteX460" fmla="*/ 530942 w 577850"/>
                <a:gd name="connsiteY460" fmla="*/ 734763 h 1204913"/>
                <a:gd name="connsiteX461" fmla="*/ 526026 w 577850"/>
                <a:gd name="connsiteY461" fmla="*/ 733134 h 1204913"/>
                <a:gd name="connsiteX462" fmla="*/ 522749 w 577850"/>
                <a:gd name="connsiteY462" fmla="*/ 733134 h 1204913"/>
                <a:gd name="connsiteX463" fmla="*/ 521110 w 577850"/>
                <a:gd name="connsiteY463" fmla="*/ 736392 h 1204913"/>
                <a:gd name="connsiteX464" fmla="*/ 519471 w 577850"/>
                <a:gd name="connsiteY464" fmla="*/ 741279 h 1204913"/>
                <a:gd name="connsiteX465" fmla="*/ 516194 w 577850"/>
                <a:gd name="connsiteY465" fmla="*/ 744537 h 1204913"/>
                <a:gd name="connsiteX466" fmla="*/ 512916 w 577850"/>
                <a:gd name="connsiteY466" fmla="*/ 744537 h 1204913"/>
                <a:gd name="connsiteX467" fmla="*/ 514555 w 577850"/>
                <a:gd name="connsiteY467" fmla="*/ 739650 h 1204913"/>
                <a:gd name="connsiteX468" fmla="*/ 511278 w 577850"/>
                <a:gd name="connsiteY468" fmla="*/ 738021 h 1204913"/>
                <a:gd name="connsiteX469" fmla="*/ 509639 w 577850"/>
                <a:gd name="connsiteY469" fmla="*/ 733134 h 1204913"/>
                <a:gd name="connsiteX470" fmla="*/ 511278 w 577850"/>
                <a:gd name="connsiteY470" fmla="*/ 729877 h 1204913"/>
                <a:gd name="connsiteX471" fmla="*/ 511278 w 577850"/>
                <a:gd name="connsiteY471" fmla="*/ 728248 h 1204913"/>
                <a:gd name="connsiteX472" fmla="*/ 514555 w 577850"/>
                <a:gd name="connsiteY472" fmla="*/ 724990 h 1204913"/>
                <a:gd name="connsiteX473" fmla="*/ 514555 w 577850"/>
                <a:gd name="connsiteY473" fmla="*/ 720103 h 1204913"/>
                <a:gd name="connsiteX474" fmla="*/ 511278 w 577850"/>
                <a:gd name="connsiteY474" fmla="*/ 715216 h 1204913"/>
                <a:gd name="connsiteX475" fmla="*/ 511278 w 577850"/>
                <a:gd name="connsiteY475" fmla="*/ 710330 h 1204913"/>
                <a:gd name="connsiteX476" fmla="*/ 512916 w 577850"/>
                <a:gd name="connsiteY476" fmla="*/ 707072 h 1204913"/>
                <a:gd name="connsiteX477" fmla="*/ 516194 w 577850"/>
                <a:gd name="connsiteY477" fmla="*/ 703814 h 1204913"/>
                <a:gd name="connsiteX478" fmla="*/ 516194 w 577850"/>
                <a:gd name="connsiteY478" fmla="*/ 697298 h 1204913"/>
                <a:gd name="connsiteX479" fmla="*/ 516194 w 577850"/>
                <a:gd name="connsiteY479" fmla="*/ 692412 h 1204913"/>
                <a:gd name="connsiteX480" fmla="*/ 512916 w 577850"/>
                <a:gd name="connsiteY480" fmla="*/ 689154 h 1204913"/>
                <a:gd name="connsiteX481" fmla="*/ 511278 w 577850"/>
                <a:gd name="connsiteY481" fmla="*/ 684267 h 1204913"/>
                <a:gd name="connsiteX482" fmla="*/ 512916 w 577850"/>
                <a:gd name="connsiteY482" fmla="*/ 679380 h 1204913"/>
                <a:gd name="connsiteX483" fmla="*/ 517833 w 577850"/>
                <a:gd name="connsiteY483" fmla="*/ 667978 h 1204913"/>
                <a:gd name="connsiteX484" fmla="*/ 517833 w 577850"/>
                <a:gd name="connsiteY484" fmla="*/ 654947 h 1204913"/>
                <a:gd name="connsiteX485" fmla="*/ 517833 w 577850"/>
                <a:gd name="connsiteY485" fmla="*/ 653318 h 1204913"/>
                <a:gd name="connsiteX486" fmla="*/ 516194 w 577850"/>
                <a:gd name="connsiteY486" fmla="*/ 648431 h 1204913"/>
                <a:gd name="connsiteX487" fmla="*/ 516194 w 577850"/>
                <a:gd name="connsiteY487" fmla="*/ 643544 h 1204913"/>
                <a:gd name="connsiteX488" fmla="*/ 516194 w 577850"/>
                <a:gd name="connsiteY488" fmla="*/ 641915 h 1204913"/>
                <a:gd name="connsiteX489" fmla="*/ 517833 w 577850"/>
                <a:gd name="connsiteY489" fmla="*/ 640286 h 1204913"/>
                <a:gd name="connsiteX490" fmla="*/ 517833 w 577850"/>
                <a:gd name="connsiteY490" fmla="*/ 635400 h 1204913"/>
                <a:gd name="connsiteX491" fmla="*/ 517833 w 577850"/>
                <a:gd name="connsiteY491" fmla="*/ 630513 h 1204913"/>
                <a:gd name="connsiteX492" fmla="*/ 516194 w 577850"/>
                <a:gd name="connsiteY492" fmla="*/ 627255 h 1204913"/>
                <a:gd name="connsiteX493" fmla="*/ 512916 w 577850"/>
                <a:gd name="connsiteY493" fmla="*/ 623997 h 1204913"/>
                <a:gd name="connsiteX494" fmla="*/ 511278 w 577850"/>
                <a:gd name="connsiteY494" fmla="*/ 620739 h 1204913"/>
                <a:gd name="connsiteX495" fmla="*/ 508000 w 577850"/>
                <a:gd name="connsiteY495" fmla="*/ 614224 h 1204913"/>
                <a:gd name="connsiteX496" fmla="*/ 509639 w 577850"/>
                <a:gd name="connsiteY496" fmla="*/ 610966 h 1204913"/>
                <a:gd name="connsiteX497" fmla="*/ 509639 w 577850"/>
                <a:gd name="connsiteY497" fmla="*/ 604450 h 1204913"/>
                <a:gd name="connsiteX498" fmla="*/ 511278 w 577850"/>
                <a:gd name="connsiteY498" fmla="*/ 601193 h 1204913"/>
                <a:gd name="connsiteX499" fmla="*/ 512916 w 577850"/>
                <a:gd name="connsiteY499" fmla="*/ 596306 h 1204913"/>
                <a:gd name="connsiteX500" fmla="*/ 511278 w 577850"/>
                <a:gd name="connsiteY500" fmla="*/ 591419 h 1204913"/>
                <a:gd name="connsiteX501" fmla="*/ 511278 w 577850"/>
                <a:gd name="connsiteY501" fmla="*/ 586532 h 1204913"/>
                <a:gd name="connsiteX502" fmla="*/ 512916 w 577850"/>
                <a:gd name="connsiteY502" fmla="*/ 581646 h 1204913"/>
                <a:gd name="connsiteX503" fmla="*/ 516194 w 577850"/>
                <a:gd name="connsiteY503" fmla="*/ 580017 h 1204913"/>
                <a:gd name="connsiteX504" fmla="*/ 519471 w 577850"/>
                <a:gd name="connsiteY504" fmla="*/ 581646 h 1204913"/>
                <a:gd name="connsiteX505" fmla="*/ 521110 w 577850"/>
                <a:gd name="connsiteY505" fmla="*/ 578388 h 1204913"/>
                <a:gd name="connsiteX506" fmla="*/ 522749 w 577850"/>
                <a:gd name="connsiteY506" fmla="*/ 576759 h 1204913"/>
                <a:gd name="connsiteX507" fmla="*/ 524387 w 577850"/>
                <a:gd name="connsiteY507" fmla="*/ 571872 h 1204913"/>
                <a:gd name="connsiteX508" fmla="*/ 522749 w 577850"/>
                <a:gd name="connsiteY508" fmla="*/ 566985 h 1204913"/>
                <a:gd name="connsiteX509" fmla="*/ 521110 w 577850"/>
                <a:gd name="connsiteY509" fmla="*/ 563728 h 1204913"/>
                <a:gd name="connsiteX510" fmla="*/ 522749 w 577850"/>
                <a:gd name="connsiteY510" fmla="*/ 558841 h 1204913"/>
                <a:gd name="connsiteX511" fmla="*/ 14968 w 577850"/>
                <a:gd name="connsiteY511" fmla="*/ 0 h 1204913"/>
                <a:gd name="connsiteX512" fmla="*/ 19957 w 577850"/>
                <a:gd name="connsiteY512" fmla="*/ 1732 h 1204913"/>
                <a:gd name="connsiteX513" fmla="*/ 21620 w 577850"/>
                <a:gd name="connsiteY513" fmla="*/ 1732 h 1204913"/>
                <a:gd name="connsiteX514" fmla="*/ 28272 w 577850"/>
                <a:gd name="connsiteY514" fmla="*/ 1732 h 1204913"/>
                <a:gd name="connsiteX515" fmla="*/ 31599 w 577850"/>
                <a:gd name="connsiteY515" fmla="*/ 1732 h 1204913"/>
                <a:gd name="connsiteX516" fmla="*/ 34925 w 577850"/>
                <a:gd name="connsiteY516" fmla="*/ 3464 h 1204913"/>
                <a:gd name="connsiteX517" fmla="*/ 34925 w 577850"/>
                <a:gd name="connsiteY517" fmla="*/ 6927 h 1204913"/>
                <a:gd name="connsiteX518" fmla="*/ 34925 w 577850"/>
                <a:gd name="connsiteY518" fmla="*/ 8659 h 1204913"/>
                <a:gd name="connsiteX519" fmla="*/ 31599 w 577850"/>
                <a:gd name="connsiteY519" fmla="*/ 12123 h 1204913"/>
                <a:gd name="connsiteX520" fmla="*/ 29935 w 577850"/>
                <a:gd name="connsiteY520" fmla="*/ 13854 h 1204913"/>
                <a:gd name="connsiteX521" fmla="*/ 26609 w 577850"/>
                <a:gd name="connsiteY521" fmla="*/ 15586 h 1204913"/>
                <a:gd name="connsiteX522" fmla="*/ 24946 w 577850"/>
                <a:gd name="connsiteY522" fmla="*/ 17318 h 1204913"/>
                <a:gd name="connsiteX523" fmla="*/ 21620 w 577850"/>
                <a:gd name="connsiteY523" fmla="*/ 19050 h 1204913"/>
                <a:gd name="connsiteX524" fmla="*/ 18294 w 577850"/>
                <a:gd name="connsiteY524" fmla="*/ 19050 h 1204913"/>
                <a:gd name="connsiteX525" fmla="*/ 14968 w 577850"/>
                <a:gd name="connsiteY525" fmla="*/ 19050 h 1204913"/>
                <a:gd name="connsiteX526" fmla="*/ 9978 w 577850"/>
                <a:gd name="connsiteY526" fmla="*/ 17318 h 1204913"/>
                <a:gd name="connsiteX527" fmla="*/ 9978 w 577850"/>
                <a:gd name="connsiteY527" fmla="*/ 15586 h 1204913"/>
                <a:gd name="connsiteX528" fmla="*/ 4989 w 577850"/>
                <a:gd name="connsiteY528" fmla="*/ 13854 h 1204913"/>
                <a:gd name="connsiteX529" fmla="*/ 1663 w 577850"/>
                <a:gd name="connsiteY529" fmla="*/ 12123 h 1204913"/>
                <a:gd name="connsiteX530" fmla="*/ 0 w 577850"/>
                <a:gd name="connsiteY530" fmla="*/ 8659 h 1204913"/>
                <a:gd name="connsiteX531" fmla="*/ 3326 w 577850"/>
                <a:gd name="connsiteY531" fmla="*/ 6927 h 1204913"/>
                <a:gd name="connsiteX532" fmla="*/ 6652 w 577850"/>
                <a:gd name="connsiteY532" fmla="*/ 5195 h 1204913"/>
                <a:gd name="connsiteX533" fmla="*/ 11641 w 577850"/>
                <a:gd name="connsiteY533" fmla="*/ 1732 h 1204913"/>
                <a:gd name="connsiteX534" fmla="*/ 14968 w 577850"/>
                <a:gd name="connsiteY534" fmla="*/ 0 h 12049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Lst>
              <a:rect l="l" t="t" r="r" b="b"/>
              <a:pathLst>
                <a:path w="577850" h="1204913">
                  <a:moveTo>
                    <a:pt x="174474" y="1146175"/>
                  </a:moveTo>
                  <a:cubicBezTo>
                    <a:pt x="176137" y="1146175"/>
                    <a:pt x="176137" y="1149438"/>
                    <a:pt x="176137" y="1152702"/>
                  </a:cubicBezTo>
                  <a:cubicBezTo>
                    <a:pt x="177800" y="1155965"/>
                    <a:pt x="176137" y="1154333"/>
                    <a:pt x="176137" y="1162491"/>
                  </a:cubicBezTo>
                  <a:cubicBezTo>
                    <a:pt x="176137" y="1172281"/>
                    <a:pt x="176137" y="1164123"/>
                    <a:pt x="172810" y="1167386"/>
                  </a:cubicBezTo>
                  <a:cubicBezTo>
                    <a:pt x="171147" y="1170649"/>
                    <a:pt x="172810" y="1169018"/>
                    <a:pt x="172810" y="1172281"/>
                  </a:cubicBezTo>
                  <a:cubicBezTo>
                    <a:pt x="171147" y="1175544"/>
                    <a:pt x="171147" y="1175544"/>
                    <a:pt x="169484" y="1177176"/>
                  </a:cubicBezTo>
                  <a:cubicBezTo>
                    <a:pt x="169484" y="1180439"/>
                    <a:pt x="169484" y="1180439"/>
                    <a:pt x="169484" y="1182071"/>
                  </a:cubicBezTo>
                  <a:cubicBezTo>
                    <a:pt x="169484" y="1183702"/>
                    <a:pt x="169484" y="1185334"/>
                    <a:pt x="166158" y="1191860"/>
                  </a:cubicBezTo>
                  <a:cubicBezTo>
                    <a:pt x="162832" y="1198387"/>
                    <a:pt x="164495" y="1193492"/>
                    <a:pt x="162832" y="1195123"/>
                  </a:cubicBezTo>
                  <a:cubicBezTo>
                    <a:pt x="161169" y="1198387"/>
                    <a:pt x="162832" y="1198387"/>
                    <a:pt x="159506" y="1204913"/>
                  </a:cubicBezTo>
                  <a:cubicBezTo>
                    <a:pt x="159506" y="1204913"/>
                    <a:pt x="157843" y="1204913"/>
                    <a:pt x="156180" y="1203282"/>
                  </a:cubicBezTo>
                  <a:cubicBezTo>
                    <a:pt x="154516" y="1201650"/>
                    <a:pt x="154516" y="1201650"/>
                    <a:pt x="147864" y="1193492"/>
                  </a:cubicBezTo>
                  <a:cubicBezTo>
                    <a:pt x="142875" y="1185334"/>
                    <a:pt x="147864" y="1188597"/>
                    <a:pt x="146201" y="1185334"/>
                  </a:cubicBezTo>
                  <a:cubicBezTo>
                    <a:pt x="146201" y="1180439"/>
                    <a:pt x="146201" y="1182071"/>
                    <a:pt x="146201" y="1178807"/>
                  </a:cubicBezTo>
                  <a:cubicBezTo>
                    <a:pt x="146201" y="1177176"/>
                    <a:pt x="147864" y="1173913"/>
                    <a:pt x="147864" y="1173913"/>
                  </a:cubicBezTo>
                  <a:cubicBezTo>
                    <a:pt x="149527" y="1172281"/>
                    <a:pt x="151190" y="1169018"/>
                    <a:pt x="152853" y="1167386"/>
                  </a:cubicBezTo>
                  <a:cubicBezTo>
                    <a:pt x="152853" y="1164123"/>
                    <a:pt x="154516" y="1164123"/>
                    <a:pt x="156180" y="1160860"/>
                  </a:cubicBezTo>
                  <a:cubicBezTo>
                    <a:pt x="157843" y="1157596"/>
                    <a:pt x="157843" y="1157596"/>
                    <a:pt x="159506" y="1154333"/>
                  </a:cubicBezTo>
                  <a:cubicBezTo>
                    <a:pt x="161169" y="1152702"/>
                    <a:pt x="161169" y="1152702"/>
                    <a:pt x="162832" y="1151070"/>
                  </a:cubicBezTo>
                  <a:cubicBezTo>
                    <a:pt x="164495" y="1147807"/>
                    <a:pt x="166158" y="1151070"/>
                    <a:pt x="167821" y="1147807"/>
                  </a:cubicBezTo>
                  <a:cubicBezTo>
                    <a:pt x="169484" y="1146175"/>
                    <a:pt x="172810" y="1146175"/>
                    <a:pt x="174474" y="1146175"/>
                  </a:cubicBezTo>
                  <a:close/>
                  <a:moveTo>
                    <a:pt x="325437" y="987471"/>
                  </a:moveTo>
                  <a:cubicBezTo>
                    <a:pt x="328612" y="985837"/>
                    <a:pt x="328612" y="987471"/>
                    <a:pt x="330200" y="987471"/>
                  </a:cubicBezTo>
                  <a:cubicBezTo>
                    <a:pt x="331787" y="987471"/>
                    <a:pt x="333375" y="989106"/>
                    <a:pt x="333375" y="989106"/>
                  </a:cubicBezTo>
                  <a:cubicBezTo>
                    <a:pt x="334962" y="989106"/>
                    <a:pt x="338137" y="990740"/>
                    <a:pt x="339725" y="990740"/>
                  </a:cubicBezTo>
                  <a:cubicBezTo>
                    <a:pt x="341312" y="990740"/>
                    <a:pt x="342900" y="990740"/>
                    <a:pt x="342900" y="990740"/>
                  </a:cubicBezTo>
                  <a:cubicBezTo>
                    <a:pt x="342900" y="990740"/>
                    <a:pt x="342900" y="990740"/>
                    <a:pt x="342900" y="994008"/>
                  </a:cubicBezTo>
                  <a:cubicBezTo>
                    <a:pt x="342900" y="994008"/>
                    <a:pt x="342900" y="994008"/>
                    <a:pt x="349250" y="1000545"/>
                  </a:cubicBezTo>
                  <a:cubicBezTo>
                    <a:pt x="349250" y="1000545"/>
                    <a:pt x="349250" y="1002179"/>
                    <a:pt x="349250" y="1003813"/>
                  </a:cubicBezTo>
                  <a:cubicBezTo>
                    <a:pt x="349250" y="1005448"/>
                    <a:pt x="347662" y="1008716"/>
                    <a:pt x="347662" y="1008716"/>
                  </a:cubicBezTo>
                  <a:cubicBezTo>
                    <a:pt x="344487" y="1011984"/>
                    <a:pt x="344487" y="1013619"/>
                    <a:pt x="342900" y="1015253"/>
                  </a:cubicBezTo>
                  <a:cubicBezTo>
                    <a:pt x="342900" y="1016887"/>
                    <a:pt x="342900" y="1016887"/>
                    <a:pt x="342900" y="1018521"/>
                  </a:cubicBezTo>
                  <a:cubicBezTo>
                    <a:pt x="342900" y="1020155"/>
                    <a:pt x="342900" y="1020155"/>
                    <a:pt x="342900" y="1023424"/>
                  </a:cubicBezTo>
                  <a:cubicBezTo>
                    <a:pt x="339725" y="1028326"/>
                    <a:pt x="339725" y="1025058"/>
                    <a:pt x="339725" y="1028326"/>
                  </a:cubicBezTo>
                  <a:cubicBezTo>
                    <a:pt x="339725" y="1031595"/>
                    <a:pt x="339725" y="1031595"/>
                    <a:pt x="338137" y="1033229"/>
                  </a:cubicBezTo>
                  <a:cubicBezTo>
                    <a:pt x="336550" y="1036498"/>
                    <a:pt x="333375" y="1036498"/>
                    <a:pt x="333375" y="1036498"/>
                  </a:cubicBezTo>
                  <a:cubicBezTo>
                    <a:pt x="328612" y="1038132"/>
                    <a:pt x="331787" y="1039766"/>
                    <a:pt x="328612" y="1038132"/>
                  </a:cubicBezTo>
                  <a:cubicBezTo>
                    <a:pt x="327025" y="1038132"/>
                    <a:pt x="327025" y="1041400"/>
                    <a:pt x="327025" y="1038132"/>
                  </a:cubicBezTo>
                  <a:cubicBezTo>
                    <a:pt x="327025" y="1033229"/>
                    <a:pt x="327025" y="1031595"/>
                    <a:pt x="327025" y="1031595"/>
                  </a:cubicBezTo>
                  <a:cubicBezTo>
                    <a:pt x="327025" y="1031595"/>
                    <a:pt x="325437" y="1031595"/>
                    <a:pt x="325437" y="1033229"/>
                  </a:cubicBezTo>
                  <a:cubicBezTo>
                    <a:pt x="323850" y="1036498"/>
                    <a:pt x="327025" y="1036498"/>
                    <a:pt x="323850" y="1036498"/>
                  </a:cubicBezTo>
                  <a:cubicBezTo>
                    <a:pt x="320675" y="1036498"/>
                    <a:pt x="322262" y="1039766"/>
                    <a:pt x="320675" y="1036498"/>
                  </a:cubicBezTo>
                  <a:cubicBezTo>
                    <a:pt x="320675" y="1034863"/>
                    <a:pt x="319087" y="1031595"/>
                    <a:pt x="319087" y="1031595"/>
                  </a:cubicBezTo>
                  <a:cubicBezTo>
                    <a:pt x="319087" y="1031595"/>
                    <a:pt x="319087" y="1031595"/>
                    <a:pt x="319087" y="1026692"/>
                  </a:cubicBezTo>
                  <a:cubicBezTo>
                    <a:pt x="319087" y="1021790"/>
                    <a:pt x="319087" y="1021790"/>
                    <a:pt x="320675" y="1020155"/>
                  </a:cubicBezTo>
                  <a:cubicBezTo>
                    <a:pt x="320675" y="1020155"/>
                    <a:pt x="320675" y="1018521"/>
                    <a:pt x="322262" y="1016887"/>
                  </a:cubicBezTo>
                  <a:cubicBezTo>
                    <a:pt x="322262" y="1016887"/>
                    <a:pt x="322262" y="1016887"/>
                    <a:pt x="325437" y="1011984"/>
                  </a:cubicBezTo>
                  <a:cubicBezTo>
                    <a:pt x="325437" y="1011984"/>
                    <a:pt x="325437" y="1011984"/>
                    <a:pt x="323850" y="1008716"/>
                  </a:cubicBezTo>
                  <a:cubicBezTo>
                    <a:pt x="323850" y="1008716"/>
                    <a:pt x="323850" y="1008716"/>
                    <a:pt x="322262" y="1003813"/>
                  </a:cubicBezTo>
                  <a:cubicBezTo>
                    <a:pt x="322262" y="1003813"/>
                    <a:pt x="319087" y="1005448"/>
                    <a:pt x="319087" y="1007082"/>
                  </a:cubicBezTo>
                  <a:cubicBezTo>
                    <a:pt x="319087" y="1007082"/>
                    <a:pt x="319087" y="1010350"/>
                    <a:pt x="317500" y="1011984"/>
                  </a:cubicBezTo>
                  <a:cubicBezTo>
                    <a:pt x="317500" y="1011984"/>
                    <a:pt x="317500" y="1011984"/>
                    <a:pt x="312737" y="1010350"/>
                  </a:cubicBezTo>
                  <a:cubicBezTo>
                    <a:pt x="312737" y="1010350"/>
                    <a:pt x="312737" y="1010350"/>
                    <a:pt x="314325" y="1008716"/>
                  </a:cubicBezTo>
                  <a:cubicBezTo>
                    <a:pt x="314325" y="1008716"/>
                    <a:pt x="314325" y="1008716"/>
                    <a:pt x="311150" y="1005448"/>
                  </a:cubicBezTo>
                  <a:cubicBezTo>
                    <a:pt x="311150" y="1005448"/>
                    <a:pt x="309562" y="1002179"/>
                    <a:pt x="311150" y="1002179"/>
                  </a:cubicBezTo>
                  <a:cubicBezTo>
                    <a:pt x="311150" y="1002179"/>
                    <a:pt x="307975" y="998911"/>
                    <a:pt x="309562" y="997277"/>
                  </a:cubicBezTo>
                  <a:cubicBezTo>
                    <a:pt x="311150" y="997277"/>
                    <a:pt x="312737" y="995642"/>
                    <a:pt x="312737" y="995642"/>
                  </a:cubicBezTo>
                  <a:cubicBezTo>
                    <a:pt x="314325" y="995642"/>
                    <a:pt x="320675" y="990740"/>
                    <a:pt x="320675" y="990740"/>
                  </a:cubicBezTo>
                  <a:cubicBezTo>
                    <a:pt x="320675" y="990740"/>
                    <a:pt x="323850" y="987471"/>
                    <a:pt x="325437" y="987471"/>
                  </a:cubicBezTo>
                  <a:close/>
                  <a:moveTo>
                    <a:pt x="388703" y="976312"/>
                  </a:moveTo>
                  <a:cubicBezTo>
                    <a:pt x="388703" y="976312"/>
                    <a:pt x="388703" y="976312"/>
                    <a:pt x="390349" y="979487"/>
                  </a:cubicBezTo>
                  <a:cubicBezTo>
                    <a:pt x="390349" y="979487"/>
                    <a:pt x="390349" y="979487"/>
                    <a:pt x="393641" y="981075"/>
                  </a:cubicBezTo>
                  <a:cubicBezTo>
                    <a:pt x="393641" y="981075"/>
                    <a:pt x="393641" y="981075"/>
                    <a:pt x="395288" y="982662"/>
                  </a:cubicBezTo>
                  <a:cubicBezTo>
                    <a:pt x="395288" y="982662"/>
                    <a:pt x="395288" y="989012"/>
                    <a:pt x="393641" y="990600"/>
                  </a:cubicBezTo>
                  <a:cubicBezTo>
                    <a:pt x="393641" y="990600"/>
                    <a:pt x="391995" y="993775"/>
                    <a:pt x="391995" y="993775"/>
                  </a:cubicBezTo>
                  <a:cubicBezTo>
                    <a:pt x="391995" y="993775"/>
                    <a:pt x="391995" y="993775"/>
                    <a:pt x="390349" y="993775"/>
                  </a:cubicBezTo>
                  <a:cubicBezTo>
                    <a:pt x="390349" y="993775"/>
                    <a:pt x="390349" y="993775"/>
                    <a:pt x="385410" y="995362"/>
                  </a:cubicBezTo>
                  <a:cubicBezTo>
                    <a:pt x="385410" y="995362"/>
                    <a:pt x="385410" y="995362"/>
                    <a:pt x="382117" y="995362"/>
                  </a:cubicBezTo>
                  <a:cubicBezTo>
                    <a:pt x="382117" y="995362"/>
                    <a:pt x="382117" y="995362"/>
                    <a:pt x="380471" y="993775"/>
                  </a:cubicBezTo>
                  <a:cubicBezTo>
                    <a:pt x="380471" y="993775"/>
                    <a:pt x="380471" y="992187"/>
                    <a:pt x="378825" y="992187"/>
                  </a:cubicBezTo>
                  <a:cubicBezTo>
                    <a:pt x="377178" y="993775"/>
                    <a:pt x="375532" y="993775"/>
                    <a:pt x="375532" y="995362"/>
                  </a:cubicBezTo>
                  <a:cubicBezTo>
                    <a:pt x="373886" y="995362"/>
                    <a:pt x="375532" y="993775"/>
                    <a:pt x="373886" y="995362"/>
                  </a:cubicBezTo>
                  <a:cubicBezTo>
                    <a:pt x="372240" y="998537"/>
                    <a:pt x="372240" y="998537"/>
                    <a:pt x="370593" y="1000125"/>
                  </a:cubicBezTo>
                  <a:cubicBezTo>
                    <a:pt x="370593" y="1000125"/>
                    <a:pt x="370593" y="1000125"/>
                    <a:pt x="370593" y="1001712"/>
                  </a:cubicBezTo>
                  <a:cubicBezTo>
                    <a:pt x="370593" y="1001712"/>
                    <a:pt x="367301" y="1003300"/>
                    <a:pt x="367301" y="1004887"/>
                  </a:cubicBezTo>
                  <a:cubicBezTo>
                    <a:pt x="367301" y="1004887"/>
                    <a:pt x="367301" y="1004887"/>
                    <a:pt x="365654" y="1006475"/>
                  </a:cubicBezTo>
                  <a:cubicBezTo>
                    <a:pt x="365654" y="1006475"/>
                    <a:pt x="364008" y="1008062"/>
                    <a:pt x="364008" y="1008062"/>
                  </a:cubicBezTo>
                  <a:cubicBezTo>
                    <a:pt x="364008" y="1008062"/>
                    <a:pt x="360716" y="1006475"/>
                    <a:pt x="360716" y="1006475"/>
                  </a:cubicBezTo>
                  <a:cubicBezTo>
                    <a:pt x="359069" y="1006475"/>
                    <a:pt x="359069" y="1006475"/>
                    <a:pt x="357423" y="1004887"/>
                  </a:cubicBezTo>
                  <a:cubicBezTo>
                    <a:pt x="357423" y="1004887"/>
                    <a:pt x="357423" y="1003300"/>
                    <a:pt x="357423" y="1003300"/>
                  </a:cubicBezTo>
                  <a:cubicBezTo>
                    <a:pt x="355777" y="1003300"/>
                    <a:pt x="355777" y="1003300"/>
                    <a:pt x="355777" y="1003300"/>
                  </a:cubicBezTo>
                  <a:cubicBezTo>
                    <a:pt x="354130" y="1003300"/>
                    <a:pt x="355777" y="1000125"/>
                    <a:pt x="355777" y="1000125"/>
                  </a:cubicBezTo>
                  <a:cubicBezTo>
                    <a:pt x="355777" y="998537"/>
                    <a:pt x="355777" y="998537"/>
                    <a:pt x="355777" y="996950"/>
                  </a:cubicBezTo>
                  <a:cubicBezTo>
                    <a:pt x="355777" y="996950"/>
                    <a:pt x="355777" y="996950"/>
                    <a:pt x="355777" y="995362"/>
                  </a:cubicBezTo>
                  <a:cubicBezTo>
                    <a:pt x="355777" y="995362"/>
                    <a:pt x="350838" y="995362"/>
                    <a:pt x="350838" y="995362"/>
                  </a:cubicBezTo>
                  <a:cubicBezTo>
                    <a:pt x="350838" y="995362"/>
                    <a:pt x="352484" y="993775"/>
                    <a:pt x="354130" y="993775"/>
                  </a:cubicBezTo>
                  <a:cubicBezTo>
                    <a:pt x="354130" y="993775"/>
                    <a:pt x="359069" y="992187"/>
                    <a:pt x="359069" y="992187"/>
                  </a:cubicBezTo>
                  <a:cubicBezTo>
                    <a:pt x="359069" y="992187"/>
                    <a:pt x="359069" y="992187"/>
                    <a:pt x="359069" y="989012"/>
                  </a:cubicBezTo>
                  <a:cubicBezTo>
                    <a:pt x="359069" y="989012"/>
                    <a:pt x="360716" y="987425"/>
                    <a:pt x="360716" y="987425"/>
                  </a:cubicBezTo>
                  <a:cubicBezTo>
                    <a:pt x="360716" y="987425"/>
                    <a:pt x="360716" y="987425"/>
                    <a:pt x="360716" y="985837"/>
                  </a:cubicBezTo>
                  <a:cubicBezTo>
                    <a:pt x="362362" y="984250"/>
                    <a:pt x="364008" y="982662"/>
                    <a:pt x="364008" y="984250"/>
                  </a:cubicBezTo>
                  <a:cubicBezTo>
                    <a:pt x="364008" y="984250"/>
                    <a:pt x="364008" y="984250"/>
                    <a:pt x="367301" y="984250"/>
                  </a:cubicBezTo>
                  <a:cubicBezTo>
                    <a:pt x="368947" y="984250"/>
                    <a:pt x="370593" y="984250"/>
                    <a:pt x="370593" y="984250"/>
                  </a:cubicBezTo>
                  <a:cubicBezTo>
                    <a:pt x="370593" y="984250"/>
                    <a:pt x="370593" y="984250"/>
                    <a:pt x="372240" y="982662"/>
                  </a:cubicBezTo>
                  <a:cubicBezTo>
                    <a:pt x="372240" y="982662"/>
                    <a:pt x="372240" y="982662"/>
                    <a:pt x="375532" y="982662"/>
                  </a:cubicBezTo>
                  <a:cubicBezTo>
                    <a:pt x="375532" y="982662"/>
                    <a:pt x="375532" y="982662"/>
                    <a:pt x="377178" y="979487"/>
                  </a:cubicBezTo>
                  <a:cubicBezTo>
                    <a:pt x="377178" y="979487"/>
                    <a:pt x="377178" y="979487"/>
                    <a:pt x="378825" y="979487"/>
                  </a:cubicBezTo>
                  <a:cubicBezTo>
                    <a:pt x="378825" y="979487"/>
                    <a:pt x="378825" y="979487"/>
                    <a:pt x="380471" y="977900"/>
                  </a:cubicBezTo>
                  <a:cubicBezTo>
                    <a:pt x="380471" y="977900"/>
                    <a:pt x="380471" y="977900"/>
                    <a:pt x="382117" y="977900"/>
                  </a:cubicBezTo>
                  <a:cubicBezTo>
                    <a:pt x="382117" y="977900"/>
                    <a:pt x="382117" y="977900"/>
                    <a:pt x="385410" y="977900"/>
                  </a:cubicBezTo>
                  <a:cubicBezTo>
                    <a:pt x="385410" y="977900"/>
                    <a:pt x="385410" y="977900"/>
                    <a:pt x="388703" y="976312"/>
                  </a:cubicBezTo>
                  <a:close/>
                  <a:moveTo>
                    <a:pt x="504459" y="838200"/>
                  </a:moveTo>
                  <a:cubicBezTo>
                    <a:pt x="504459" y="839821"/>
                    <a:pt x="506088" y="839821"/>
                    <a:pt x="506088" y="841442"/>
                  </a:cubicBezTo>
                  <a:cubicBezTo>
                    <a:pt x="506088" y="843063"/>
                    <a:pt x="507716" y="844684"/>
                    <a:pt x="507716" y="844684"/>
                  </a:cubicBezTo>
                  <a:cubicBezTo>
                    <a:pt x="507716" y="846305"/>
                    <a:pt x="507716" y="846305"/>
                    <a:pt x="506088" y="847926"/>
                  </a:cubicBezTo>
                  <a:cubicBezTo>
                    <a:pt x="506088" y="849547"/>
                    <a:pt x="504459" y="847926"/>
                    <a:pt x="506088" y="849547"/>
                  </a:cubicBezTo>
                  <a:cubicBezTo>
                    <a:pt x="507716" y="851168"/>
                    <a:pt x="509344" y="851168"/>
                    <a:pt x="509344" y="852788"/>
                  </a:cubicBezTo>
                  <a:cubicBezTo>
                    <a:pt x="510972" y="854409"/>
                    <a:pt x="510972" y="854409"/>
                    <a:pt x="510972" y="854409"/>
                  </a:cubicBezTo>
                  <a:cubicBezTo>
                    <a:pt x="510972" y="856030"/>
                    <a:pt x="512600" y="856030"/>
                    <a:pt x="512600" y="857651"/>
                  </a:cubicBezTo>
                  <a:cubicBezTo>
                    <a:pt x="512600" y="857651"/>
                    <a:pt x="515857" y="862514"/>
                    <a:pt x="515857" y="862514"/>
                  </a:cubicBezTo>
                  <a:cubicBezTo>
                    <a:pt x="515857" y="864135"/>
                    <a:pt x="517485" y="865756"/>
                    <a:pt x="517485" y="865756"/>
                  </a:cubicBezTo>
                  <a:cubicBezTo>
                    <a:pt x="519113" y="865756"/>
                    <a:pt x="519113" y="867377"/>
                    <a:pt x="519113" y="868998"/>
                  </a:cubicBezTo>
                  <a:cubicBezTo>
                    <a:pt x="517485" y="868998"/>
                    <a:pt x="519113" y="868998"/>
                    <a:pt x="519113" y="870619"/>
                  </a:cubicBezTo>
                  <a:cubicBezTo>
                    <a:pt x="519113" y="872240"/>
                    <a:pt x="519113" y="875481"/>
                    <a:pt x="519113" y="875481"/>
                  </a:cubicBezTo>
                  <a:cubicBezTo>
                    <a:pt x="519113" y="878723"/>
                    <a:pt x="517485" y="880344"/>
                    <a:pt x="517485" y="880344"/>
                  </a:cubicBezTo>
                  <a:cubicBezTo>
                    <a:pt x="517485" y="880344"/>
                    <a:pt x="517485" y="880344"/>
                    <a:pt x="515857" y="881965"/>
                  </a:cubicBezTo>
                  <a:cubicBezTo>
                    <a:pt x="515857" y="881965"/>
                    <a:pt x="517485" y="883586"/>
                    <a:pt x="515857" y="885207"/>
                  </a:cubicBezTo>
                  <a:cubicBezTo>
                    <a:pt x="515857" y="885207"/>
                    <a:pt x="514229" y="886828"/>
                    <a:pt x="514229" y="886828"/>
                  </a:cubicBezTo>
                  <a:cubicBezTo>
                    <a:pt x="512600" y="888449"/>
                    <a:pt x="512600" y="888449"/>
                    <a:pt x="512600" y="890070"/>
                  </a:cubicBezTo>
                  <a:cubicBezTo>
                    <a:pt x="510972" y="891691"/>
                    <a:pt x="510972" y="893312"/>
                    <a:pt x="510972" y="893312"/>
                  </a:cubicBezTo>
                  <a:cubicBezTo>
                    <a:pt x="510972" y="893312"/>
                    <a:pt x="509344" y="896553"/>
                    <a:pt x="509344" y="898174"/>
                  </a:cubicBezTo>
                  <a:cubicBezTo>
                    <a:pt x="509344" y="898174"/>
                    <a:pt x="510972" y="898174"/>
                    <a:pt x="509344" y="899795"/>
                  </a:cubicBezTo>
                  <a:cubicBezTo>
                    <a:pt x="509344" y="899795"/>
                    <a:pt x="506088" y="899795"/>
                    <a:pt x="506088" y="899795"/>
                  </a:cubicBezTo>
                  <a:cubicBezTo>
                    <a:pt x="506088" y="899795"/>
                    <a:pt x="504459" y="901416"/>
                    <a:pt x="502831" y="901416"/>
                  </a:cubicBezTo>
                  <a:cubicBezTo>
                    <a:pt x="502831" y="903037"/>
                    <a:pt x="502831" y="903037"/>
                    <a:pt x="502831" y="903037"/>
                  </a:cubicBezTo>
                  <a:cubicBezTo>
                    <a:pt x="501203" y="904658"/>
                    <a:pt x="501203" y="904658"/>
                    <a:pt x="501203" y="906279"/>
                  </a:cubicBezTo>
                  <a:cubicBezTo>
                    <a:pt x="501203" y="906279"/>
                    <a:pt x="502831" y="906279"/>
                    <a:pt x="502831" y="907900"/>
                  </a:cubicBezTo>
                  <a:cubicBezTo>
                    <a:pt x="502831" y="909521"/>
                    <a:pt x="502831" y="911142"/>
                    <a:pt x="501203" y="912763"/>
                  </a:cubicBezTo>
                  <a:cubicBezTo>
                    <a:pt x="501203" y="912763"/>
                    <a:pt x="502831" y="917626"/>
                    <a:pt x="502831" y="917626"/>
                  </a:cubicBezTo>
                  <a:cubicBezTo>
                    <a:pt x="502831" y="919246"/>
                    <a:pt x="502831" y="920867"/>
                    <a:pt x="502831" y="920867"/>
                  </a:cubicBezTo>
                  <a:cubicBezTo>
                    <a:pt x="504459" y="922488"/>
                    <a:pt x="504459" y="924109"/>
                    <a:pt x="502831" y="925730"/>
                  </a:cubicBezTo>
                  <a:cubicBezTo>
                    <a:pt x="501203" y="927351"/>
                    <a:pt x="501203" y="927351"/>
                    <a:pt x="499575" y="928972"/>
                  </a:cubicBezTo>
                  <a:cubicBezTo>
                    <a:pt x="499575" y="930593"/>
                    <a:pt x="497947" y="930593"/>
                    <a:pt x="497947" y="932214"/>
                  </a:cubicBezTo>
                  <a:cubicBezTo>
                    <a:pt x="496318" y="933835"/>
                    <a:pt x="494690" y="935456"/>
                    <a:pt x="494690" y="937077"/>
                  </a:cubicBezTo>
                  <a:cubicBezTo>
                    <a:pt x="494690" y="937077"/>
                    <a:pt x="494690" y="938698"/>
                    <a:pt x="494690" y="940318"/>
                  </a:cubicBezTo>
                  <a:cubicBezTo>
                    <a:pt x="494690" y="941939"/>
                    <a:pt x="494690" y="941939"/>
                    <a:pt x="496318" y="941939"/>
                  </a:cubicBezTo>
                  <a:cubicBezTo>
                    <a:pt x="496318" y="943560"/>
                    <a:pt x="497947" y="943560"/>
                    <a:pt x="497947" y="945181"/>
                  </a:cubicBezTo>
                  <a:cubicBezTo>
                    <a:pt x="497947" y="946802"/>
                    <a:pt x="499575" y="946802"/>
                    <a:pt x="499575" y="946802"/>
                  </a:cubicBezTo>
                  <a:cubicBezTo>
                    <a:pt x="499575" y="948423"/>
                    <a:pt x="499575" y="948423"/>
                    <a:pt x="499575" y="950044"/>
                  </a:cubicBezTo>
                  <a:cubicBezTo>
                    <a:pt x="499575" y="950044"/>
                    <a:pt x="499575" y="951665"/>
                    <a:pt x="497947" y="951665"/>
                  </a:cubicBezTo>
                  <a:cubicBezTo>
                    <a:pt x="497947" y="951665"/>
                    <a:pt x="496318" y="951665"/>
                    <a:pt x="494690" y="953286"/>
                  </a:cubicBezTo>
                  <a:cubicBezTo>
                    <a:pt x="494690" y="954907"/>
                    <a:pt x="494690" y="954907"/>
                    <a:pt x="494690" y="956528"/>
                  </a:cubicBezTo>
                  <a:cubicBezTo>
                    <a:pt x="493062" y="956528"/>
                    <a:pt x="493062" y="958149"/>
                    <a:pt x="493062" y="959770"/>
                  </a:cubicBezTo>
                  <a:cubicBezTo>
                    <a:pt x="493062" y="959770"/>
                    <a:pt x="493062" y="961391"/>
                    <a:pt x="491434" y="963011"/>
                  </a:cubicBezTo>
                  <a:cubicBezTo>
                    <a:pt x="489806" y="964632"/>
                    <a:pt x="486549" y="966253"/>
                    <a:pt x="486549" y="966253"/>
                  </a:cubicBezTo>
                  <a:cubicBezTo>
                    <a:pt x="484921" y="966253"/>
                    <a:pt x="483293" y="966253"/>
                    <a:pt x="483293" y="966253"/>
                  </a:cubicBezTo>
                  <a:cubicBezTo>
                    <a:pt x="481665" y="966253"/>
                    <a:pt x="480036" y="966253"/>
                    <a:pt x="480036" y="964632"/>
                  </a:cubicBezTo>
                  <a:cubicBezTo>
                    <a:pt x="480036" y="963011"/>
                    <a:pt x="481665" y="963011"/>
                    <a:pt x="480036" y="961391"/>
                  </a:cubicBezTo>
                  <a:cubicBezTo>
                    <a:pt x="480036" y="961391"/>
                    <a:pt x="480036" y="961391"/>
                    <a:pt x="480036" y="959770"/>
                  </a:cubicBezTo>
                  <a:cubicBezTo>
                    <a:pt x="480036" y="959770"/>
                    <a:pt x="480036" y="958149"/>
                    <a:pt x="478408" y="959770"/>
                  </a:cubicBezTo>
                  <a:cubicBezTo>
                    <a:pt x="475151" y="961391"/>
                    <a:pt x="476779" y="961391"/>
                    <a:pt x="475151" y="961391"/>
                  </a:cubicBezTo>
                  <a:cubicBezTo>
                    <a:pt x="473523" y="961391"/>
                    <a:pt x="471895" y="959770"/>
                    <a:pt x="471895" y="961391"/>
                  </a:cubicBezTo>
                  <a:cubicBezTo>
                    <a:pt x="471895" y="961391"/>
                    <a:pt x="470267" y="961391"/>
                    <a:pt x="470267" y="963011"/>
                  </a:cubicBezTo>
                  <a:cubicBezTo>
                    <a:pt x="468638" y="964632"/>
                    <a:pt x="470267" y="966253"/>
                    <a:pt x="468638" y="966253"/>
                  </a:cubicBezTo>
                  <a:cubicBezTo>
                    <a:pt x="468638" y="967874"/>
                    <a:pt x="470267" y="964632"/>
                    <a:pt x="468638" y="969495"/>
                  </a:cubicBezTo>
                  <a:cubicBezTo>
                    <a:pt x="467010" y="972737"/>
                    <a:pt x="465382" y="972737"/>
                    <a:pt x="465382" y="972737"/>
                  </a:cubicBezTo>
                  <a:cubicBezTo>
                    <a:pt x="465382" y="972737"/>
                    <a:pt x="465382" y="972737"/>
                    <a:pt x="463754" y="971116"/>
                  </a:cubicBezTo>
                  <a:cubicBezTo>
                    <a:pt x="463754" y="971116"/>
                    <a:pt x="462126" y="969495"/>
                    <a:pt x="462126" y="969495"/>
                  </a:cubicBezTo>
                  <a:cubicBezTo>
                    <a:pt x="462126" y="969495"/>
                    <a:pt x="462126" y="969495"/>
                    <a:pt x="460497" y="966253"/>
                  </a:cubicBezTo>
                  <a:cubicBezTo>
                    <a:pt x="460497" y="966253"/>
                    <a:pt x="460497" y="963011"/>
                    <a:pt x="460497" y="963011"/>
                  </a:cubicBezTo>
                  <a:cubicBezTo>
                    <a:pt x="458869" y="964632"/>
                    <a:pt x="457241" y="964632"/>
                    <a:pt x="457241" y="966253"/>
                  </a:cubicBezTo>
                  <a:cubicBezTo>
                    <a:pt x="457241" y="967874"/>
                    <a:pt x="457241" y="967874"/>
                    <a:pt x="455613" y="969495"/>
                  </a:cubicBezTo>
                  <a:cubicBezTo>
                    <a:pt x="455613" y="971116"/>
                    <a:pt x="455613" y="971116"/>
                    <a:pt x="455613" y="971116"/>
                  </a:cubicBezTo>
                  <a:cubicBezTo>
                    <a:pt x="453985" y="972737"/>
                    <a:pt x="452356" y="972737"/>
                    <a:pt x="452356" y="972737"/>
                  </a:cubicBezTo>
                  <a:cubicBezTo>
                    <a:pt x="452356" y="972737"/>
                    <a:pt x="452356" y="972737"/>
                    <a:pt x="449100" y="974358"/>
                  </a:cubicBezTo>
                  <a:cubicBezTo>
                    <a:pt x="449100" y="974358"/>
                    <a:pt x="449100" y="974358"/>
                    <a:pt x="444215" y="972737"/>
                  </a:cubicBezTo>
                  <a:cubicBezTo>
                    <a:pt x="444215" y="972737"/>
                    <a:pt x="440959" y="974358"/>
                    <a:pt x="440959" y="974358"/>
                  </a:cubicBezTo>
                  <a:cubicBezTo>
                    <a:pt x="439331" y="974358"/>
                    <a:pt x="439331" y="972737"/>
                    <a:pt x="437702" y="972737"/>
                  </a:cubicBezTo>
                  <a:cubicBezTo>
                    <a:pt x="437702" y="972737"/>
                    <a:pt x="437702" y="972737"/>
                    <a:pt x="434446" y="971116"/>
                  </a:cubicBezTo>
                  <a:cubicBezTo>
                    <a:pt x="434446" y="971116"/>
                    <a:pt x="429561" y="966253"/>
                    <a:pt x="429561" y="966253"/>
                  </a:cubicBezTo>
                  <a:cubicBezTo>
                    <a:pt x="427933" y="967874"/>
                    <a:pt x="427933" y="967874"/>
                    <a:pt x="427933" y="969495"/>
                  </a:cubicBezTo>
                  <a:cubicBezTo>
                    <a:pt x="426305" y="971116"/>
                    <a:pt x="426305" y="969495"/>
                    <a:pt x="427933" y="971116"/>
                  </a:cubicBezTo>
                  <a:cubicBezTo>
                    <a:pt x="427933" y="972737"/>
                    <a:pt x="429561" y="972737"/>
                    <a:pt x="429561" y="972737"/>
                  </a:cubicBezTo>
                  <a:cubicBezTo>
                    <a:pt x="431190" y="974358"/>
                    <a:pt x="431190" y="974358"/>
                    <a:pt x="431190" y="975979"/>
                  </a:cubicBezTo>
                  <a:cubicBezTo>
                    <a:pt x="431190" y="975979"/>
                    <a:pt x="429561" y="977600"/>
                    <a:pt x="429561" y="979221"/>
                  </a:cubicBezTo>
                  <a:cubicBezTo>
                    <a:pt x="429561" y="979221"/>
                    <a:pt x="429561" y="979221"/>
                    <a:pt x="426305" y="979221"/>
                  </a:cubicBezTo>
                  <a:cubicBezTo>
                    <a:pt x="426305" y="979221"/>
                    <a:pt x="426305" y="979221"/>
                    <a:pt x="423049" y="980842"/>
                  </a:cubicBezTo>
                  <a:cubicBezTo>
                    <a:pt x="423049" y="982463"/>
                    <a:pt x="423049" y="982463"/>
                    <a:pt x="423049" y="982463"/>
                  </a:cubicBezTo>
                  <a:cubicBezTo>
                    <a:pt x="421420" y="984084"/>
                    <a:pt x="419792" y="985704"/>
                    <a:pt x="418164" y="987325"/>
                  </a:cubicBezTo>
                  <a:cubicBezTo>
                    <a:pt x="418164" y="987325"/>
                    <a:pt x="418164" y="987325"/>
                    <a:pt x="418164" y="988946"/>
                  </a:cubicBezTo>
                  <a:cubicBezTo>
                    <a:pt x="418164" y="988946"/>
                    <a:pt x="416536" y="990567"/>
                    <a:pt x="414908" y="990567"/>
                  </a:cubicBezTo>
                  <a:cubicBezTo>
                    <a:pt x="414908" y="990567"/>
                    <a:pt x="413279" y="992188"/>
                    <a:pt x="413279" y="992188"/>
                  </a:cubicBezTo>
                  <a:cubicBezTo>
                    <a:pt x="413279" y="992188"/>
                    <a:pt x="413279" y="992188"/>
                    <a:pt x="410023" y="990567"/>
                  </a:cubicBezTo>
                  <a:cubicBezTo>
                    <a:pt x="410023" y="990567"/>
                    <a:pt x="410023" y="990567"/>
                    <a:pt x="408395" y="990567"/>
                  </a:cubicBezTo>
                  <a:cubicBezTo>
                    <a:pt x="408395" y="990567"/>
                    <a:pt x="408395" y="990567"/>
                    <a:pt x="406767" y="987325"/>
                  </a:cubicBezTo>
                  <a:cubicBezTo>
                    <a:pt x="406767" y="987325"/>
                    <a:pt x="405138" y="985704"/>
                    <a:pt x="405138" y="985704"/>
                  </a:cubicBezTo>
                  <a:cubicBezTo>
                    <a:pt x="403510" y="985704"/>
                    <a:pt x="403510" y="985704"/>
                    <a:pt x="403510" y="984084"/>
                  </a:cubicBezTo>
                  <a:cubicBezTo>
                    <a:pt x="403510" y="982463"/>
                    <a:pt x="401882" y="982463"/>
                    <a:pt x="403510" y="980842"/>
                  </a:cubicBezTo>
                  <a:cubicBezTo>
                    <a:pt x="403510" y="980842"/>
                    <a:pt x="405138" y="977600"/>
                    <a:pt x="405138" y="977600"/>
                  </a:cubicBezTo>
                  <a:cubicBezTo>
                    <a:pt x="405138" y="977600"/>
                    <a:pt x="405138" y="977600"/>
                    <a:pt x="406767" y="975979"/>
                  </a:cubicBezTo>
                  <a:cubicBezTo>
                    <a:pt x="406767" y="975979"/>
                    <a:pt x="406767" y="975979"/>
                    <a:pt x="406767" y="974358"/>
                  </a:cubicBezTo>
                  <a:cubicBezTo>
                    <a:pt x="405138" y="971116"/>
                    <a:pt x="408395" y="969495"/>
                    <a:pt x="405138" y="971116"/>
                  </a:cubicBezTo>
                  <a:cubicBezTo>
                    <a:pt x="400254" y="972737"/>
                    <a:pt x="396997" y="971116"/>
                    <a:pt x="396997" y="971116"/>
                  </a:cubicBezTo>
                  <a:cubicBezTo>
                    <a:pt x="396997" y="971116"/>
                    <a:pt x="395369" y="971116"/>
                    <a:pt x="393741" y="971116"/>
                  </a:cubicBezTo>
                  <a:cubicBezTo>
                    <a:pt x="393741" y="971116"/>
                    <a:pt x="390485" y="971116"/>
                    <a:pt x="390485" y="971116"/>
                  </a:cubicBezTo>
                  <a:cubicBezTo>
                    <a:pt x="388856" y="971116"/>
                    <a:pt x="388856" y="971116"/>
                    <a:pt x="387228" y="972737"/>
                  </a:cubicBezTo>
                  <a:cubicBezTo>
                    <a:pt x="383972" y="974358"/>
                    <a:pt x="383972" y="974358"/>
                    <a:pt x="382344" y="974358"/>
                  </a:cubicBezTo>
                  <a:cubicBezTo>
                    <a:pt x="380715" y="974358"/>
                    <a:pt x="380715" y="974358"/>
                    <a:pt x="379087" y="974358"/>
                  </a:cubicBezTo>
                  <a:cubicBezTo>
                    <a:pt x="379087" y="974358"/>
                    <a:pt x="379087" y="974358"/>
                    <a:pt x="377459" y="974358"/>
                  </a:cubicBezTo>
                  <a:cubicBezTo>
                    <a:pt x="375831" y="974358"/>
                    <a:pt x="377459" y="974358"/>
                    <a:pt x="375831" y="975979"/>
                  </a:cubicBezTo>
                  <a:cubicBezTo>
                    <a:pt x="374202" y="975979"/>
                    <a:pt x="372574" y="975979"/>
                    <a:pt x="372574" y="975979"/>
                  </a:cubicBezTo>
                  <a:cubicBezTo>
                    <a:pt x="370946" y="975979"/>
                    <a:pt x="370946" y="974358"/>
                    <a:pt x="369318" y="975979"/>
                  </a:cubicBezTo>
                  <a:cubicBezTo>
                    <a:pt x="367690" y="975979"/>
                    <a:pt x="367690" y="975979"/>
                    <a:pt x="366061" y="977600"/>
                  </a:cubicBezTo>
                  <a:cubicBezTo>
                    <a:pt x="366061" y="977600"/>
                    <a:pt x="366061" y="979221"/>
                    <a:pt x="364433" y="979221"/>
                  </a:cubicBezTo>
                  <a:cubicBezTo>
                    <a:pt x="362805" y="979221"/>
                    <a:pt x="361177" y="977600"/>
                    <a:pt x="361177" y="977600"/>
                  </a:cubicBezTo>
                  <a:cubicBezTo>
                    <a:pt x="361177" y="977600"/>
                    <a:pt x="357920" y="979221"/>
                    <a:pt x="357920" y="979221"/>
                  </a:cubicBezTo>
                  <a:cubicBezTo>
                    <a:pt x="357920" y="979221"/>
                    <a:pt x="357920" y="979221"/>
                    <a:pt x="357920" y="977600"/>
                  </a:cubicBezTo>
                  <a:cubicBezTo>
                    <a:pt x="356292" y="975979"/>
                    <a:pt x="354664" y="977600"/>
                    <a:pt x="354664" y="977600"/>
                  </a:cubicBezTo>
                  <a:cubicBezTo>
                    <a:pt x="353036" y="979221"/>
                    <a:pt x="354664" y="979221"/>
                    <a:pt x="354664" y="980842"/>
                  </a:cubicBezTo>
                  <a:cubicBezTo>
                    <a:pt x="354664" y="982463"/>
                    <a:pt x="354664" y="982463"/>
                    <a:pt x="354664" y="984084"/>
                  </a:cubicBezTo>
                  <a:cubicBezTo>
                    <a:pt x="354664" y="985704"/>
                    <a:pt x="354664" y="985704"/>
                    <a:pt x="354664" y="987325"/>
                  </a:cubicBezTo>
                  <a:cubicBezTo>
                    <a:pt x="353036" y="987325"/>
                    <a:pt x="351408" y="985704"/>
                    <a:pt x="349779" y="985704"/>
                  </a:cubicBezTo>
                  <a:cubicBezTo>
                    <a:pt x="349779" y="985704"/>
                    <a:pt x="346523" y="984084"/>
                    <a:pt x="346523" y="984084"/>
                  </a:cubicBezTo>
                  <a:cubicBezTo>
                    <a:pt x="346523" y="984084"/>
                    <a:pt x="344895" y="984084"/>
                    <a:pt x="344895" y="984084"/>
                  </a:cubicBezTo>
                  <a:cubicBezTo>
                    <a:pt x="343267" y="985704"/>
                    <a:pt x="341638" y="985704"/>
                    <a:pt x="341638" y="985704"/>
                  </a:cubicBezTo>
                  <a:cubicBezTo>
                    <a:pt x="340010" y="985704"/>
                    <a:pt x="338382" y="984084"/>
                    <a:pt x="336754" y="984084"/>
                  </a:cubicBezTo>
                  <a:cubicBezTo>
                    <a:pt x="335126" y="985704"/>
                    <a:pt x="335126" y="984084"/>
                    <a:pt x="333497" y="984084"/>
                  </a:cubicBezTo>
                  <a:cubicBezTo>
                    <a:pt x="331869" y="984084"/>
                    <a:pt x="333497" y="982463"/>
                    <a:pt x="331869" y="984084"/>
                  </a:cubicBezTo>
                  <a:cubicBezTo>
                    <a:pt x="330241" y="984084"/>
                    <a:pt x="330241" y="984084"/>
                    <a:pt x="330241" y="984084"/>
                  </a:cubicBezTo>
                  <a:cubicBezTo>
                    <a:pt x="330241" y="984084"/>
                    <a:pt x="330241" y="984084"/>
                    <a:pt x="330241" y="980842"/>
                  </a:cubicBezTo>
                  <a:cubicBezTo>
                    <a:pt x="330241" y="980842"/>
                    <a:pt x="328613" y="979221"/>
                    <a:pt x="330241" y="979221"/>
                  </a:cubicBezTo>
                  <a:cubicBezTo>
                    <a:pt x="335126" y="977600"/>
                    <a:pt x="336754" y="977600"/>
                    <a:pt x="336754" y="977600"/>
                  </a:cubicBezTo>
                  <a:cubicBezTo>
                    <a:pt x="336754" y="977600"/>
                    <a:pt x="336754" y="977600"/>
                    <a:pt x="341638" y="972737"/>
                  </a:cubicBezTo>
                  <a:cubicBezTo>
                    <a:pt x="341638" y="972737"/>
                    <a:pt x="343267" y="969495"/>
                    <a:pt x="344895" y="971116"/>
                  </a:cubicBezTo>
                  <a:cubicBezTo>
                    <a:pt x="344895" y="971116"/>
                    <a:pt x="344895" y="971116"/>
                    <a:pt x="348151" y="967874"/>
                  </a:cubicBezTo>
                  <a:cubicBezTo>
                    <a:pt x="348151" y="967874"/>
                    <a:pt x="348151" y="967874"/>
                    <a:pt x="351408" y="966253"/>
                  </a:cubicBezTo>
                  <a:cubicBezTo>
                    <a:pt x="351408" y="966253"/>
                    <a:pt x="351408" y="966253"/>
                    <a:pt x="356292" y="963011"/>
                  </a:cubicBezTo>
                  <a:cubicBezTo>
                    <a:pt x="356292" y="963011"/>
                    <a:pt x="356292" y="963011"/>
                    <a:pt x="361177" y="958149"/>
                  </a:cubicBezTo>
                  <a:cubicBezTo>
                    <a:pt x="361177" y="958149"/>
                    <a:pt x="361177" y="958149"/>
                    <a:pt x="364433" y="956528"/>
                  </a:cubicBezTo>
                  <a:cubicBezTo>
                    <a:pt x="364433" y="956528"/>
                    <a:pt x="364433" y="956528"/>
                    <a:pt x="364433" y="954907"/>
                  </a:cubicBezTo>
                  <a:cubicBezTo>
                    <a:pt x="364433" y="954907"/>
                    <a:pt x="367690" y="954907"/>
                    <a:pt x="367690" y="954907"/>
                  </a:cubicBezTo>
                  <a:cubicBezTo>
                    <a:pt x="367690" y="954907"/>
                    <a:pt x="367690" y="954907"/>
                    <a:pt x="370946" y="954907"/>
                  </a:cubicBezTo>
                  <a:cubicBezTo>
                    <a:pt x="370946" y="954907"/>
                    <a:pt x="370946" y="954907"/>
                    <a:pt x="372574" y="954907"/>
                  </a:cubicBezTo>
                  <a:cubicBezTo>
                    <a:pt x="372574" y="954907"/>
                    <a:pt x="372574" y="954907"/>
                    <a:pt x="374202" y="954907"/>
                  </a:cubicBezTo>
                  <a:cubicBezTo>
                    <a:pt x="374202" y="954907"/>
                    <a:pt x="374202" y="954907"/>
                    <a:pt x="375831" y="954907"/>
                  </a:cubicBezTo>
                  <a:cubicBezTo>
                    <a:pt x="375831" y="954907"/>
                    <a:pt x="375831" y="954907"/>
                    <a:pt x="377459" y="954907"/>
                  </a:cubicBezTo>
                  <a:cubicBezTo>
                    <a:pt x="377459" y="954907"/>
                    <a:pt x="377459" y="954907"/>
                    <a:pt x="380715" y="954907"/>
                  </a:cubicBezTo>
                  <a:cubicBezTo>
                    <a:pt x="380715" y="954907"/>
                    <a:pt x="380715" y="954907"/>
                    <a:pt x="382344" y="953286"/>
                  </a:cubicBezTo>
                  <a:cubicBezTo>
                    <a:pt x="382344" y="953286"/>
                    <a:pt x="382344" y="953286"/>
                    <a:pt x="383972" y="953286"/>
                  </a:cubicBezTo>
                  <a:cubicBezTo>
                    <a:pt x="383972" y="953286"/>
                    <a:pt x="385600" y="953286"/>
                    <a:pt x="385600" y="953286"/>
                  </a:cubicBezTo>
                  <a:cubicBezTo>
                    <a:pt x="385600" y="953286"/>
                    <a:pt x="385600" y="953286"/>
                    <a:pt x="387228" y="953286"/>
                  </a:cubicBezTo>
                  <a:cubicBezTo>
                    <a:pt x="387228" y="953286"/>
                    <a:pt x="387228" y="953286"/>
                    <a:pt x="388856" y="951665"/>
                  </a:cubicBezTo>
                  <a:cubicBezTo>
                    <a:pt x="390485" y="951665"/>
                    <a:pt x="390485" y="951665"/>
                    <a:pt x="392113" y="951665"/>
                  </a:cubicBezTo>
                  <a:cubicBezTo>
                    <a:pt x="392113" y="951665"/>
                    <a:pt x="393741" y="951665"/>
                    <a:pt x="395369" y="951665"/>
                  </a:cubicBezTo>
                  <a:cubicBezTo>
                    <a:pt x="395369" y="951665"/>
                    <a:pt x="395369" y="951665"/>
                    <a:pt x="398626" y="951665"/>
                  </a:cubicBezTo>
                  <a:cubicBezTo>
                    <a:pt x="398626" y="951665"/>
                    <a:pt x="400254" y="951665"/>
                    <a:pt x="400254" y="951665"/>
                  </a:cubicBezTo>
                  <a:cubicBezTo>
                    <a:pt x="400254" y="953286"/>
                    <a:pt x="401882" y="953286"/>
                    <a:pt x="401882" y="953286"/>
                  </a:cubicBezTo>
                  <a:cubicBezTo>
                    <a:pt x="401882" y="953286"/>
                    <a:pt x="401882" y="953286"/>
                    <a:pt x="403510" y="953286"/>
                  </a:cubicBezTo>
                  <a:cubicBezTo>
                    <a:pt x="403510" y="953286"/>
                    <a:pt x="403510" y="950044"/>
                    <a:pt x="405138" y="951665"/>
                  </a:cubicBezTo>
                  <a:cubicBezTo>
                    <a:pt x="405138" y="953286"/>
                    <a:pt x="406767" y="953286"/>
                    <a:pt x="406767" y="953286"/>
                  </a:cubicBezTo>
                  <a:cubicBezTo>
                    <a:pt x="406767" y="953286"/>
                    <a:pt x="406767" y="953286"/>
                    <a:pt x="410023" y="954907"/>
                  </a:cubicBezTo>
                  <a:cubicBezTo>
                    <a:pt x="410023" y="954907"/>
                    <a:pt x="410023" y="954907"/>
                    <a:pt x="411651" y="953286"/>
                  </a:cubicBezTo>
                  <a:lnTo>
                    <a:pt x="413279" y="953286"/>
                  </a:lnTo>
                  <a:cubicBezTo>
                    <a:pt x="413279" y="953286"/>
                    <a:pt x="413279" y="953286"/>
                    <a:pt x="414908" y="951665"/>
                  </a:cubicBezTo>
                  <a:cubicBezTo>
                    <a:pt x="414908" y="951665"/>
                    <a:pt x="414908" y="948423"/>
                    <a:pt x="414908" y="948423"/>
                  </a:cubicBezTo>
                  <a:cubicBezTo>
                    <a:pt x="414908" y="946802"/>
                    <a:pt x="414908" y="946802"/>
                    <a:pt x="416536" y="946802"/>
                  </a:cubicBezTo>
                  <a:cubicBezTo>
                    <a:pt x="418164" y="945181"/>
                    <a:pt x="416536" y="946802"/>
                    <a:pt x="418164" y="945181"/>
                  </a:cubicBezTo>
                  <a:cubicBezTo>
                    <a:pt x="419792" y="943560"/>
                    <a:pt x="419792" y="943560"/>
                    <a:pt x="419792" y="941939"/>
                  </a:cubicBezTo>
                  <a:cubicBezTo>
                    <a:pt x="421420" y="941939"/>
                    <a:pt x="421420" y="940318"/>
                    <a:pt x="421420" y="940318"/>
                  </a:cubicBezTo>
                  <a:cubicBezTo>
                    <a:pt x="421420" y="940318"/>
                    <a:pt x="421420" y="940318"/>
                    <a:pt x="423049" y="938698"/>
                  </a:cubicBezTo>
                  <a:cubicBezTo>
                    <a:pt x="423049" y="938698"/>
                    <a:pt x="423049" y="938698"/>
                    <a:pt x="426305" y="937077"/>
                  </a:cubicBezTo>
                  <a:cubicBezTo>
                    <a:pt x="426305" y="937077"/>
                    <a:pt x="426305" y="937077"/>
                    <a:pt x="426305" y="935456"/>
                  </a:cubicBezTo>
                  <a:cubicBezTo>
                    <a:pt x="426305" y="933835"/>
                    <a:pt x="427933" y="930593"/>
                    <a:pt x="427933" y="928972"/>
                  </a:cubicBezTo>
                  <a:cubicBezTo>
                    <a:pt x="427933" y="927351"/>
                    <a:pt x="429561" y="925730"/>
                    <a:pt x="429561" y="925730"/>
                  </a:cubicBezTo>
                  <a:cubicBezTo>
                    <a:pt x="429561" y="925730"/>
                    <a:pt x="429561" y="925730"/>
                    <a:pt x="431190" y="925730"/>
                  </a:cubicBezTo>
                  <a:cubicBezTo>
                    <a:pt x="431190" y="925730"/>
                    <a:pt x="431190" y="925730"/>
                    <a:pt x="432818" y="925730"/>
                  </a:cubicBezTo>
                  <a:cubicBezTo>
                    <a:pt x="432818" y="925730"/>
                    <a:pt x="432818" y="925730"/>
                    <a:pt x="436074" y="927351"/>
                  </a:cubicBezTo>
                  <a:cubicBezTo>
                    <a:pt x="436074" y="927351"/>
                    <a:pt x="436074" y="927351"/>
                    <a:pt x="439331" y="927351"/>
                  </a:cubicBezTo>
                  <a:cubicBezTo>
                    <a:pt x="439331" y="927351"/>
                    <a:pt x="439331" y="927351"/>
                    <a:pt x="444215" y="925730"/>
                  </a:cubicBezTo>
                  <a:cubicBezTo>
                    <a:pt x="444215" y="925730"/>
                    <a:pt x="444215" y="925730"/>
                    <a:pt x="445844" y="925730"/>
                  </a:cubicBezTo>
                  <a:cubicBezTo>
                    <a:pt x="445844" y="925730"/>
                    <a:pt x="444215" y="925730"/>
                    <a:pt x="449100" y="924109"/>
                  </a:cubicBezTo>
                  <a:cubicBezTo>
                    <a:pt x="453985" y="924109"/>
                    <a:pt x="453985" y="924109"/>
                    <a:pt x="453985" y="924109"/>
                  </a:cubicBezTo>
                  <a:cubicBezTo>
                    <a:pt x="455613" y="922488"/>
                    <a:pt x="457241" y="920867"/>
                    <a:pt x="457241" y="920867"/>
                  </a:cubicBezTo>
                  <a:cubicBezTo>
                    <a:pt x="457241" y="920867"/>
                    <a:pt x="457241" y="920867"/>
                    <a:pt x="458869" y="919246"/>
                  </a:cubicBezTo>
                  <a:cubicBezTo>
                    <a:pt x="458869" y="919246"/>
                    <a:pt x="458869" y="919246"/>
                    <a:pt x="460497" y="919246"/>
                  </a:cubicBezTo>
                  <a:cubicBezTo>
                    <a:pt x="460497" y="919246"/>
                    <a:pt x="463754" y="917626"/>
                    <a:pt x="463754" y="916005"/>
                  </a:cubicBezTo>
                  <a:cubicBezTo>
                    <a:pt x="463754" y="916005"/>
                    <a:pt x="463754" y="907900"/>
                    <a:pt x="465382" y="907900"/>
                  </a:cubicBezTo>
                  <a:cubicBezTo>
                    <a:pt x="465382" y="907900"/>
                    <a:pt x="468638" y="907900"/>
                    <a:pt x="468638" y="907900"/>
                  </a:cubicBezTo>
                  <a:cubicBezTo>
                    <a:pt x="468638" y="907900"/>
                    <a:pt x="471895" y="906279"/>
                    <a:pt x="471895" y="904658"/>
                  </a:cubicBezTo>
                  <a:cubicBezTo>
                    <a:pt x="471895" y="904658"/>
                    <a:pt x="471895" y="903037"/>
                    <a:pt x="473523" y="903037"/>
                  </a:cubicBezTo>
                  <a:cubicBezTo>
                    <a:pt x="473523" y="901416"/>
                    <a:pt x="476779" y="899795"/>
                    <a:pt x="476779" y="899795"/>
                  </a:cubicBezTo>
                  <a:cubicBezTo>
                    <a:pt x="476779" y="899795"/>
                    <a:pt x="478408" y="898174"/>
                    <a:pt x="476779" y="896553"/>
                  </a:cubicBezTo>
                  <a:cubicBezTo>
                    <a:pt x="476779" y="894933"/>
                    <a:pt x="476779" y="894933"/>
                    <a:pt x="476779" y="894933"/>
                  </a:cubicBezTo>
                  <a:cubicBezTo>
                    <a:pt x="476779" y="894933"/>
                    <a:pt x="476779" y="894933"/>
                    <a:pt x="480036" y="891691"/>
                  </a:cubicBezTo>
                  <a:cubicBezTo>
                    <a:pt x="480036" y="891691"/>
                    <a:pt x="480036" y="891691"/>
                    <a:pt x="481665" y="888449"/>
                  </a:cubicBezTo>
                  <a:cubicBezTo>
                    <a:pt x="481665" y="888449"/>
                    <a:pt x="481665" y="888449"/>
                    <a:pt x="481665" y="885207"/>
                  </a:cubicBezTo>
                  <a:cubicBezTo>
                    <a:pt x="481665" y="885207"/>
                    <a:pt x="481665" y="885207"/>
                    <a:pt x="483293" y="881965"/>
                  </a:cubicBezTo>
                  <a:cubicBezTo>
                    <a:pt x="483293" y="881965"/>
                    <a:pt x="483293" y="881965"/>
                    <a:pt x="484921" y="880344"/>
                  </a:cubicBezTo>
                  <a:cubicBezTo>
                    <a:pt x="484921" y="880344"/>
                    <a:pt x="484921" y="880344"/>
                    <a:pt x="484921" y="877102"/>
                  </a:cubicBezTo>
                  <a:cubicBezTo>
                    <a:pt x="484921" y="877102"/>
                    <a:pt x="484921" y="877102"/>
                    <a:pt x="484921" y="873861"/>
                  </a:cubicBezTo>
                  <a:cubicBezTo>
                    <a:pt x="484921" y="873861"/>
                    <a:pt x="484921" y="873861"/>
                    <a:pt x="483293" y="870619"/>
                  </a:cubicBezTo>
                  <a:cubicBezTo>
                    <a:pt x="481665" y="868998"/>
                    <a:pt x="483293" y="868998"/>
                    <a:pt x="483293" y="867377"/>
                  </a:cubicBezTo>
                  <a:cubicBezTo>
                    <a:pt x="483293" y="865756"/>
                    <a:pt x="484921" y="862514"/>
                    <a:pt x="484921" y="862514"/>
                  </a:cubicBezTo>
                  <a:cubicBezTo>
                    <a:pt x="483293" y="860893"/>
                    <a:pt x="483293" y="859272"/>
                    <a:pt x="483293" y="859272"/>
                  </a:cubicBezTo>
                  <a:cubicBezTo>
                    <a:pt x="481665" y="859272"/>
                    <a:pt x="481665" y="857651"/>
                    <a:pt x="481665" y="856030"/>
                  </a:cubicBezTo>
                  <a:cubicBezTo>
                    <a:pt x="481665" y="856030"/>
                    <a:pt x="484921" y="852788"/>
                    <a:pt x="484921" y="852788"/>
                  </a:cubicBezTo>
                  <a:cubicBezTo>
                    <a:pt x="484921" y="852788"/>
                    <a:pt x="484921" y="852788"/>
                    <a:pt x="484921" y="851168"/>
                  </a:cubicBezTo>
                  <a:cubicBezTo>
                    <a:pt x="484921" y="851168"/>
                    <a:pt x="484921" y="849547"/>
                    <a:pt x="486549" y="849547"/>
                  </a:cubicBezTo>
                  <a:cubicBezTo>
                    <a:pt x="486549" y="851168"/>
                    <a:pt x="488177" y="849547"/>
                    <a:pt x="489806" y="849547"/>
                  </a:cubicBezTo>
                  <a:cubicBezTo>
                    <a:pt x="489806" y="849547"/>
                    <a:pt x="491434" y="847926"/>
                    <a:pt x="489806" y="846305"/>
                  </a:cubicBezTo>
                  <a:cubicBezTo>
                    <a:pt x="489806" y="844684"/>
                    <a:pt x="488177" y="843063"/>
                    <a:pt x="489806" y="843063"/>
                  </a:cubicBezTo>
                  <a:cubicBezTo>
                    <a:pt x="489806" y="843063"/>
                    <a:pt x="491434" y="843063"/>
                    <a:pt x="493062" y="843063"/>
                  </a:cubicBezTo>
                  <a:cubicBezTo>
                    <a:pt x="493062" y="844684"/>
                    <a:pt x="493062" y="843063"/>
                    <a:pt x="494690" y="844684"/>
                  </a:cubicBezTo>
                  <a:cubicBezTo>
                    <a:pt x="494690" y="844684"/>
                    <a:pt x="496318" y="844684"/>
                    <a:pt x="496318" y="846305"/>
                  </a:cubicBezTo>
                  <a:cubicBezTo>
                    <a:pt x="496318" y="847926"/>
                    <a:pt x="499575" y="847926"/>
                    <a:pt x="499575" y="846305"/>
                  </a:cubicBezTo>
                  <a:cubicBezTo>
                    <a:pt x="499575" y="844684"/>
                    <a:pt x="501203" y="843063"/>
                    <a:pt x="501203" y="841442"/>
                  </a:cubicBezTo>
                  <a:cubicBezTo>
                    <a:pt x="499575" y="841442"/>
                    <a:pt x="499575" y="839821"/>
                    <a:pt x="499575" y="839821"/>
                  </a:cubicBezTo>
                  <a:cubicBezTo>
                    <a:pt x="499575" y="839821"/>
                    <a:pt x="499575" y="839821"/>
                    <a:pt x="504459" y="838200"/>
                  </a:cubicBezTo>
                  <a:close/>
                  <a:moveTo>
                    <a:pt x="513309" y="755650"/>
                  </a:moveTo>
                  <a:cubicBezTo>
                    <a:pt x="513309" y="755650"/>
                    <a:pt x="516536" y="755650"/>
                    <a:pt x="516536" y="757269"/>
                  </a:cubicBezTo>
                  <a:cubicBezTo>
                    <a:pt x="518150" y="757269"/>
                    <a:pt x="519763" y="758887"/>
                    <a:pt x="521377" y="758887"/>
                  </a:cubicBezTo>
                  <a:cubicBezTo>
                    <a:pt x="521377" y="760506"/>
                    <a:pt x="522990" y="760506"/>
                    <a:pt x="524604" y="762125"/>
                  </a:cubicBezTo>
                  <a:cubicBezTo>
                    <a:pt x="524604" y="763743"/>
                    <a:pt x="532672" y="770218"/>
                    <a:pt x="532672" y="771836"/>
                  </a:cubicBezTo>
                  <a:cubicBezTo>
                    <a:pt x="532672" y="771836"/>
                    <a:pt x="534285" y="773455"/>
                    <a:pt x="534285" y="773455"/>
                  </a:cubicBezTo>
                  <a:cubicBezTo>
                    <a:pt x="535899" y="773455"/>
                    <a:pt x="535899" y="773455"/>
                    <a:pt x="535899" y="775074"/>
                  </a:cubicBezTo>
                  <a:cubicBezTo>
                    <a:pt x="537512" y="776692"/>
                    <a:pt x="539126" y="776692"/>
                    <a:pt x="539126" y="776692"/>
                  </a:cubicBezTo>
                  <a:cubicBezTo>
                    <a:pt x="539126" y="778311"/>
                    <a:pt x="545580" y="779930"/>
                    <a:pt x="545580" y="779930"/>
                  </a:cubicBezTo>
                  <a:cubicBezTo>
                    <a:pt x="545580" y="779930"/>
                    <a:pt x="545580" y="779930"/>
                    <a:pt x="548807" y="781548"/>
                  </a:cubicBezTo>
                  <a:cubicBezTo>
                    <a:pt x="548807" y="781548"/>
                    <a:pt x="550420" y="779930"/>
                    <a:pt x="550420" y="781548"/>
                  </a:cubicBezTo>
                  <a:cubicBezTo>
                    <a:pt x="552034" y="781548"/>
                    <a:pt x="553647" y="783167"/>
                    <a:pt x="553647" y="783167"/>
                  </a:cubicBezTo>
                  <a:cubicBezTo>
                    <a:pt x="553647" y="784785"/>
                    <a:pt x="555261" y="784785"/>
                    <a:pt x="555261" y="784785"/>
                  </a:cubicBezTo>
                  <a:cubicBezTo>
                    <a:pt x="555261" y="784785"/>
                    <a:pt x="556874" y="784785"/>
                    <a:pt x="558488" y="784785"/>
                  </a:cubicBezTo>
                  <a:cubicBezTo>
                    <a:pt x="558488" y="786404"/>
                    <a:pt x="560101" y="786404"/>
                    <a:pt x="560101" y="786404"/>
                  </a:cubicBezTo>
                  <a:cubicBezTo>
                    <a:pt x="560101" y="786404"/>
                    <a:pt x="560101" y="786404"/>
                    <a:pt x="564942" y="786404"/>
                  </a:cubicBezTo>
                  <a:cubicBezTo>
                    <a:pt x="564942" y="786404"/>
                    <a:pt x="563329" y="788023"/>
                    <a:pt x="566556" y="786404"/>
                  </a:cubicBezTo>
                  <a:cubicBezTo>
                    <a:pt x="568169" y="784785"/>
                    <a:pt x="571396" y="781548"/>
                    <a:pt x="571396" y="779930"/>
                  </a:cubicBezTo>
                  <a:cubicBezTo>
                    <a:pt x="571396" y="779930"/>
                    <a:pt x="571396" y="779930"/>
                    <a:pt x="574623" y="778311"/>
                  </a:cubicBezTo>
                  <a:cubicBezTo>
                    <a:pt x="574623" y="779930"/>
                    <a:pt x="574623" y="783167"/>
                    <a:pt x="573010" y="783167"/>
                  </a:cubicBezTo>
                  <a:cubicBezTo>
                    <a:pt x="573010" y="784785"/>
                    <a:pt x="573010" y="784785"/>
                    <a:pt x="571396" y="786404"/>
                  </a:cubicBezTo>
                  <a:cubicBezTo>
                    <a:pt x="571396" y="786404"/>
                    <a:pt x="571396" y="788023"/>
                    <a:pt x="571396" y="788023"/>
                  </a:cubicBezTo>
                  <a:cubicBezTo>
                    <a:pt x="569783" y="789641"/>
                    <a:pt x="569783" y="791260"/>
                    <a:pt x="571396" y="791260"/>
                  </a:cubicBezTo>
                  <a:cubicBezTo>
                    <a:pt x="571396" y="792879"/>
                    <a:pt x="573010" y="791260"/>
                    <a:pt x="574623" y="792879"/>
                  </a:cubicBezTo>
                  <a:cubicBezTo>
                    <a:pt x="574623" y="792879"/>
                    <a:pt x="577850" y="791260"/>
                    <a:pt x="577850" y="792879"/>
                  </a:cubicBezTo>
                  <a:cubicBezTo>
                    <a:pt x="576237" y="792879"/>
                    <a:pt x="576237" y="794497"/>
                    <a:pt x="574623" y="794497"/>
                  </a:cubicBezTo>
                  <a:cubicBezTo>
                    <a:pt x="574623" y="796116"/>
                    <a:pt x="574623" y="796116"/>
                    <a:pt x="574623" y="796116"/>
                  </a:cubicBezTo>
                  <a:cubicBezTo>
                    <a:pt x="574623" y="797734"/>
                    <a:pt x="574623" y="799353"/>
                    <a:pt x="574623" y="799353"/>
                  </a:cubicBezTo>
                  <a:cubicBezTo>
                    <a:pt x="574623" y="800972"/>
                    <a:pt x="574623" y="800972"/>
                    <a:pt x="573010" y="802590"/>
                  </a:cubicBezTo>
                  <a:cubicBezTo>
                    <a:pt x="573010" y="804209"/>
                    <a:pt x="573010" y="802590"/>
                    <a:pt x="571396" y="804209"/>
                  </a:cubicBezTo>
                  <a:cubicBezTo>
                    <a:pt x="571396" y="805828"/>
                    <a:pt x="569783" y="807446"/>
                    <a:pt x="569783" y="807446"/>
                  </a:cubicBezTo>
                  <a:cubicBezTo>
                    <a:pt x="569783" y="807446"/>
                    <a:pt x="564942" y="807446"/>
                    <a:pt x="563329" y="807446"/>
                  </a:cubicBezTo>
                  <a:cubicBezTo>
                    <a:pt x="561715" y="809065"/>
                    <a:pt x="560101" y="809065"/>
                    <a:pt x="560101" y="809065"/>
                  </a:cubicBezTo>
                  <a:cubicBezTo>
                    <a:pt x="558488" y="809065"/>
                    <a:pt x="558488" y="807446"/>
                    <a:pt x="556874" y="807446"/>
                  </a:cubicBezTo>
                  <a:cubicBezTo>
                    <a:pt x="556874" y="805828"/>
                    <a:pt x="553647" y="805828"/>
                    <a:pt x="553647" y="805828"/>
                  </a:cubicBezTo>
                  <a:cubicBezTo>
                    <a:pt x="553647" y="805828"/>
                    <a:pt x="553647" y="805828"/>
                    <a:pt x="550420" y="809065"/>
                  </a:cubicBezTo>
                  <a:cubicBezTo>
                    <a:pt x="550420" y="809065"/>
                    <a:pt x="547193" y="810683"/>
                    <a:pt x="547193" y="810683"/>
                  </a:cubicBezTo>
                  <a:cubicBezTo>
                    <a:pt x="547193" y="812302"/>
                    <a:pt x="545580" y="812302"/>
                    <a:pt x="545580" y="812302"/>
                  </a:cubicBezTo>
                  <a:cubicBezTo>
                    <a:pt x="545580" y="812302"/>
                    <a:pt x="545580" y="813921"/>
                    <a:pt x="543966" y="815539"/>
                  </a:cubicBezTo>
                  <a:cubicBezTo>
                    <a:pt x="542353" y="817158"/>
                    <a:pt x="543966" y="815539"/>
                    <a:pt x="542353" y="817158"/>
                  </a:cubicBezTo>
                  <a:cubicBezTo>
                    <a:pt x="542353" y="820395"/>
                    <a:pt x="542353" y="818777"/>
                    <a:pt x="542353" y="820395"/>
                  </a:cubicBezTo>
                  <a:cubicBezTo>
                    <a:pt x="540739" y="822014"/>
                    <a:pt x="542353" y="825251"/>
                    <a:pt x="540739" y="825251"/>
                  </a:cubicBezTo>
                  <a:cubicBezTo>
                    <a:pt x="539126" y="825251"/>
                    <a:pt x="537512" y="825251"/>
                    <a:pt x="537512" y="825251"/>
                  </a:cubicBezTo>
                  <a:cubicBezTo>
                    <a:pt x="537512" y="825251"/>
                    <a:pt x="537512" y="825251"/>
                    <a:pt x="534285" y="825251"/>
                  </a:cubicBezTo>
                  <a:cubicBezTo>
                    <a:pt x="534285" y="825251"/>
                    <a:pt x="531058" y="823632"/>
                    <a:pt x="529445" y="823632"/>
                  </a:cubicBezTo>
                  <a:cubicBezTo>
                    <a:pt x="527831" y="823632"/>
                    <a:pt x="524604" y="823632"/>
                    <a:pt x="524604" y="822014"/>
                  </a:cubicBezTo>
                  <a:cubicBezTo>
                    <a:pt x="524604" y="822014"/>
                    <a:pt x="524604" y="822014"/>
                    <a:pt x="521377" y="820395"/>
                  </a:cubicBezTo>
                  <a:cubicBezTo>
                    <a:pt x="521377" y="820395"/>
                    <a:pt x="521377" y="818777"/>
                    <a:pt x="519763" y="818777"/>
                  </a:cubicBezTo>
                  <a:cubicBezTo>
                    <a:pt x="518150" y="817158"/>
                    <a:pt x="518150" y="817158"/>
                    <a:pt x="516536" y="817158"/>
                  </a:cubicBezTo>
                  <a:cubicBezTo>
                    <a:pt x="514923" y="817158"/>
                    <a:pt x="514923" y="817158"/>
                    <a:pt x="513309" y="817158"/>
                  </a:cubicBezTo>
                  <a:cubicBezTo>
                    <a:pt x="511696" y="818777"/>
                    <a:pt x="511696" y="817158"/>
                    <a:pt x="511696" y="817158"/>
                  </a:cubicBezTo>
                  <a:cubicBezTo>
                    <a:pt x="510082" y="817158"/>
                    <a:pt x="510082" y="815539"/>
                    <a:pt x="508469" y="815539"/>
                  </a:cubicBezTo>
                  <a:cubicBezTo>
                    <a:pt x="508469" y="815539"/>
                    <a:pt x="508469" y="813921"/>
                    <a:pt x="506855" y="815539"/>
                  </a:cubicBezTo>
                  <a:cubicBezTo>
                    <a:pt x="506855" y="815539"/>
                    <a:pt x="505242" y="815539"/>
                    <a:pt x="503628" y="817158"/>
                  </a:cubicBezTo>
                  <a:cubicBezTo>
                    <a:pt x="502015" y="818777"/>
                    <a:pt x="503628" y="820395"/>
                    <a:pt x="502015" y="820395"/>
                  </a:cubicBezTo>
                  <a:cubicBezTo>
                    <a:pt x="500401" y="820395"/>
                    <a:pt x="500401" y="820395"/>
                    <a:pt x="498788" y="820395"/>
                  </a:cubicBezTo>
                  <a:cubicBezTo>
                    <a:pt x="497174" y="818777"/>
                    <a:pt x="495560" y="818777"/>
                    <a:pt x="495560" y="817158"/>
                  </a:cubicBezTo>
                  <a:cubicBezTo>
                    <a:pt x="495560" y="817158"/>
                    <a:pt x="495560" y="815539"/>
                    <a:pt x="495560" y="815539"/>
                  </a:cubicBezTo>
                  <a:cubicBezTo>
                    <a:pt x="495560" y="815539"/>
                    <a:pt x="492333" y="815539"/>
                    <a:pt x="492333" y="817158"/>
                  </a:cubicBezTo>
                  <a:cubicBezTo>
                    <a:pt x="492333" y="817158"/>
                    <a:pt x="492333" y="818777"/>
                    <a:pt x="492333" y="818777"/>
                  </a:cubicBezTo>
                  <a:cubicBezTo>
                    <a:pt x="492333" y="820395"/>
                    <a:pt x="490720" y="822014"/>
                    <a:pt x="492333" y="822014"/>
                  </a:cubicBezTo>
                  <a:cubicBezTo>
                    <a:pt x="492333" y="822014"/>
                    <a:pt x="493947" y="823632"/>
                    <a:pt x="495560" y="823632"/>
                  </a:cubicBezTo>
                  <a:cubicBezTo>
                    <a:pt x="497174" y="823632"/>
                    <a:pt x="497174" y="823632"/>
                    <a:pt x="498788" y="825251"/>
                  </a:cubicBezTo>
                  <a:cubicBezTo>
                    <a:pt x="498788" y="826870"/>
                    <a:pt x="500401" y="826870"/>
                    <a:pt x="500401" y="826870"/>
                  </a:cubicBezTo>
                  <a:cubicBezTo>
                    <a:pt x="502015" y="828488"/>
                    <a:pt x="502015" y="828488"/>
                    <a:pt x="502015" y="828488"/>
                  </a:cubicBezTo>
                  <a:cubicBezTo>
                    <a:pt x="502015" y="830107"/>
                    <a:pt x="502015" y="830107"/>
                    <a:pt x="502015" y="831726"/>
                  </a:cubicBezTo>
                  <a:cubicBezTo>
                    <a:pt x="500401" y="831726"/>
                    <a:pt x="498788" y="833344"/>
                    <a:pt x="498788" y="833344"/>
                  </a:cubicBezTo>
                  <a:cubicBezTo>
                    <a:pt x="497174" y="833344"/>
                    <a:pt x="495560" y="831726"/>
                    <a:pt x="495560" y="831726"/>
                  </a:cubicBezTo>
                  <a:cubicBezTo>
                    <a:pt x="493947" y="831726"/>
                    <a:pt x="492333" y="831726"/>
                    <a:pt x="492333" y="833344"/>
                  </a:cubicBezTo>
                  <a:cubicBezTo>
                    <a:pt x="492333" y="834963"/>
                    <a:pt x="493947" y="834963"/>
                    <a:pt x="492333" y="834963"/>
                  </a:cubicBezTo>
                  <a:cubicBezTo>
                    <a:pt x="492333" y="834963"/>
                    <a:pt x="492333" y="834963"/>
                    <a:pt x="489106" y="836582"/>
                  </a:cubicBezTo>
                  <a:cubicBezTo>
                    <a:pt x="487493" y="838200"/>
                    <a:pt x="487493" y="838200"/>
                    <a:pt x="487493" y="838200"/>
                  </a:cubicBezTo>
                  <a:cubicBezTo>
                    <a:pt x="485879" y="838200"/>
                    <a:pt x="485879" y="836582"/>
                    <a:pt x="485879" y="836582"/>
                  </a:cubicBezTo>
                  <a:cubicBezTo>
                    <a:pt x="484266" y="836582"/>
                    <a:pt x="484266" y="834963"/>
                    <a:pt x="484266" y="833344"/>
                  </a:cubicBezTo>
                  <a:cubicBezTo>
                    <a:pt x="484266" y="833344"/>
                    <a:pt x="484266" y="833344"/>
                    <a:pt x="484266" y="831726"/>
                  </a:cubicBezTo>
                  <a:cubicBezTo>
                    <a:pt x="484266" y="831726"/>
                    <a:pt x="484266" y="831726"/>
                    <a:pt x="485879" y="828488"/>
                  </a:cubicBezTo>
                  <a:cubicBezTo>
                    <a:pt x="485879" y="828488"/>
                    <a:pt x="485879" y="826870"/>
                    <a:pt x="485879" y="826870"/>
                  </a:cubicBezTo>
                  <a:cubicBezTo>
                    <a:pt x="484266" y="825251"/>
                    <a:pt x="484266" y="825251"/>
                    <a:pt x="484266" y="825251"/>
                  </a:cubicBezTo>
                  <a:cubicBezTo>
                    <a:pt x="484266" y="825251"/>
                    <a:pt x="484266" y="822014"/>
                    <a:pt x="482652" y="822014"/>
                  </a:cubicBezTo>
                  <a:cubicBezTo>
                    <a:pt x="482652" y="823632"/>
                    <a:pt x="481039" y="822014"/>
                    <a:pt x="481039" y="822014"/>
                  </a:cubicBezTo>
                  <a:cubicBezTo>
                    <a:pt x="481039" y="820395"/>
                    <a:pt x="479425" y="818777"/>
                    <a:pt x="481039" y="817158"/>
                  </a:cubicBezTo>
                  <a:cubicBezTo>
                    <a:pt x="481039" y="817158"/>
                    <a:pt x="481039" y="817158"/>
                    <a:pt x="482652" y="813921"/>
                  </a:cubicBezTo>
                  <a:cubicBezTo>
                    <a:pt x="482652" y="813921"/>
                    <a:pt x="482652" y="813921"/>
                    <a:pt x="484266" y="812302"/>
                  </a:cubicBezTo>
                  <a:cubicBezTo>
                    <a:pt x="484266" y="812302"/>
                    <a:pt x="484266" y="812302"/>
                    <a:pt x="489106" y="810683"/>
                  </a:cubicBezTo>
                  <a:lnTo>
                    <a:pt x="489106" y="807446"/>
                  </a:lnTo>
                  <a:cubicBezTo>
                    <a:pt x="489106" y="807446"/>
                    <a:pt x="489106" y="807446"/>
                    <a:pt x="490720" y="805828"/>
                  </a:cubicBezTo>
                  <a:cubicBezTo>
                    <a:pt x="489106" y="805828"/>
                    <a:pt x="489106" y="804209"/>
                    <a:pt x="489106" y="802590"/>
                  </a:cubicBezTo>
                  <a:cubicBezTo>
                    <a:pt x="490720" y="802590"/>
                    <a:pt x="490720" y="799353"/>
                    <a:pt x="492333" y="799353"/>
                  </a:cubicBezTo>
                  <a:cubicBezTo>
                    <a:pt x="492333" y="799353"/>
                    <a:pt x="492333" y="799353"/>
                    <a:pt x="493947" y="800972"/>
                  </a:cubicBezTo>
                  <a:cubicBezTo>
                    <a:pt x="493947" y="800972"/>
                    <a:pt x="493947" y="800972"/>
                    <a:pt x="498788" y="802590"/>
                  </a:cubicBezTo>
                  <a:cubicBezTo>
                    <a:pt x="498788" y="802590"/>
                    <a:pt x="498788" y="802590"/>
                    <a:pt x="502015" y="804209"/>
                  </a:cubicBezTo>
                  <a:cubicBezTo>
                    <a:pt x="502015" y="804209"/>
                    <a:pt x="502015" y="804209"/>
                    <a:pt x="505242" y="804209"/>
                  </a:cubicBezTo>
                  <a:cubicBezTo>
                    <a:pt x="505242" y="804209"/>
                    <a:pt x="506855" y="802590"/>
                    <a:pt x="506855" y="800972"/>
                  </a:cubicBezTo>
                  <a:cubicBezTo>
                    <a:pt x="505242" y="800972"/>
                    <a:pt x="505242" y="797734"/>
                    <a:pt x="505242" y="796116"/>
                  </a:cubicBezTo>
                  <a:cubicBezTo>
                    <a:pt x="505242" y="796116"/>
                    <a:pt x="505242" y="791260"/>
                    <a:pt x="505242" y="791260"/>
                  </a:cubicBezTo>
                  <a:cubicBezTo>
                    <a:pt x="505242" y="791260"/>
                    <a:pt x="508469" y="789641"/>
                    <a:pt x="508469" y="791260"/>
                  </a:cubicBezTo>
                  <a:cubicBezTo>
                    <a:pt x="508469" y="791260"/>
                    <a:pt x="508469" y="791260"/>
                    <a:pt x="510082" y="789641"/>
                  </a:cubicBezTo>
                  <a:cubicBezTo>
                    <a:pt x="510082" y="789641"/>
                    <a:pt x="511696" y="788023"/>
                    <a:pt x="511696" y="786404"/>
                  </a:cubicBezTo>
                  <a:cubicBezTo>
                    <a:pt x="511696" y="784785"/>
                    <a:pt x="511696" y="781548"/>
                    <a:pt x="511696" y="779930"/>
                  </a:cubicBezTo>
                  <a:cubicBezTo>
                    <a:pt x="511696" y="778311"/>
                    <a:pt x="511696" y="776692"/>
                    <a:pt x="513309" y="776692"/>
                  </a:cubicBezTo>
                  <a:cubicBezTo>
                    <a:pt x="513309" y="776692"/>
                    <a:pt x="514923" y="776692"/>
                    <a:pt x="513309" y="775074"/>
                  </a:cubicBezTo>
                  <a:cubicBezTo>
                    <a:pt x="513309" y="773455"/>
                    <a:pt x="514923" y="770218"/>
                    <a:pt x="514923" y="770218"/>
                  </a:cubicBezTo>
                  <a:cubicBezTo>
                    <a:pt x="513309" y="770218"/>
                    <a:pt x="513309" y="766981"/>
                    <a:pt x="513309" y="765362"/>
                  </a:cubicBezTo>
                  <a:cubicBezTo>
                    <a:pt x="511696" y="765362"/>
                    <a:pt x="510082" y="765362"/>
                    <a:pt x="510082" y="763743"/>
                  </a:cubicBezTo>
                  <a:cubicBezTo>
                    <a:pt x="510082" y="762125"/>
                    <a:pt x="511696" y="757269"/>
                    <a:pt x="511696" y="757269"/>
                  </a:cubicBezTo>
                  <a:cubicBezTo>
                    <a:pt x="511696" y="757269"/>
                    <a:pt x="511696" y="757269"/>
                    <a:pt x="513309" y="755650"/>
                  </a:cubicBezTo>
                  <a:close/>
                  <a:moveTo>
                    <a:pt x="522749" y="558841"/>
                  </a:moveTo>
                  <a:cubicBezTo>
                    <a:pt x="522749" y="558841"/>
                    <a:pt x="527665" y="557212"/>
                    <a:pt x="532581" y="562099"/>
                  </a:cubicBezTo>
                  <a:cubicBezTo>
                    <a:pt x="535858" y="568614"/>
                    <a:pt x="532581" y="562099"/>
                    <a:pt x="532581" y="566985"/>
                  </a:cubicBezTo>
                  <a:cubicBezTo>
                    <a:pt x="532581" y="570243"/>
                    <a:pt x="534220" y="570243"/>
                    <a:pt x="534220" y="571872"/>
                  </a:cubicBezTo>
                  <a:cubicBezTo>
                    <a:pt x="534220" y="573501"/>
                    <a:pt x="534220" y="576759"/>
                    <a:pt x="534220" y="578388"/>
                  </a:cubicBezTo>
                  <a:cubicBezTo>
                    <a:pt x="534220" y="578388"/>
                    <a:pt x="535858" y="581646"/>
                    <a:pt x="535858" y="581646"/>
                  </a:cubicBezTo>
                  <a:cubicBezTo>
                    <a:pt x="535858" y="581646"/>
                    <a:pt x="537497" y="584903"/>
                    <a:pt x="537497" y="586532"/>
                  </a:cubicBezTo>
                  <a:cubicBezTo>
                    <a:pt x="537497" y="586532"/>
                    <a:pt x="537497" y="597935"/>
                    <a:pt x="540774" y="597935"/>
                  </a:cubicBezTo>
                  <a:cubicBezTo>
                    <a:pt x="542413" y="597935"/>
                    <a:pt x="539136" y="599564"/>
                    <a:pt x="537497" y="604450"/>
                  </a:cubicBezTo>
                  <a:cubicBezTo>
                    <a:pt x="534220" y="607708"/>
                    <a:pt x="537497" y="604450"/>
                    <a:pt x="535858" y="606079"/>
                  </a:cubicBezTo>
                  <a:cubicBezTo>
                    <a:pt x="535858" y="609337"/>
                    <a:pt x="535858" y="609337"/>
                    <a:pt x="535858" y="610966"/>
                  </a:cubicBezTo>
                  <a:cubicBezTo>
                    <a:pt x="535858" y="614224"/>
                    <a:pt x="537497" y="619111"/>
                    <a:pt x="537497" y="620739"/>
                  </a:cubicBezTo>
                  <a:cubicBezTo>
                    <a:pt x="537497" y="620739"/>
                    <a:pt x="537497" y="623997"/>
                    <a:pt x="539136" y="623997"/>
                  </a:cubicBezTo>
                  <a:cubicBezTo>
                    <a:pt x="539136" y="625626"/>
                    <a:pt x="542413" y="630513"/>
                    <a:pt x="542413" y="630513"/>
                  </a:cubicBezTo>
                  <a:cubicBezTo>
                    <a:pt x="544052" y="632142"/>
                    <a:pt x="544052" y="637029"/>
                    <a:pt x="544052" y="638658"/>
                  </a:cubicBezTo>
                  <a:cubicBezTo>
                    <a:pt x="545691" y="641915"/>
                    <a:pt x="544052" y="640286"/>
                    <a:pt x="542413" y="641915"/>
                  </a:cubicBezTo>
                  <a:cubicBezTo>
                    <a:pt x="542413" y="643544"/>
                    <a:pt x="542413" y="646802"/>
                    <a:pt x="542413" y="648431"/>
                  </a:cubicBezTo>
                  <a:cubicBezTo>
                    <a:pt x="544052" y="651689"/>
                    <a:pt x="544052" y="651689"/>
                    <a:pt x="545691" y="654947"/>
                  </a:cubicBezTo>
                  <a:cubicBezTo>
                    <a:pt x="547329" y="658204"/>
                    <a:pt x="547329" y="661462"/>
                    <a:pt x="548968" y="663091"/>
                  </a:cubicBezTo>
                  <a:cubicBezTo>
                    <a:pt x="548968" y="666349"/>
                    <a:pt x="550607" y="667978"/>
                    <a:pt x="550607" y="669607"/>
                  </a:cubicBezTo>
                  <a:cubicBezTo>
                    <a:pt x="550607" y="671236"/>
                    <a:pt x="553884" y="676123"/>
                    <a:pt x="553884" y="676123"/>
                  </a:cubicBezTo>
                  <a:cubicBezTo>
                    <a:pt x="553884" y="676123"/>
                    <a:pt x="557162" y="681009"/>
                    <a:pt x="558800" y="682638"/>
                  </a:cubicBezTo>
                  <a:cubicBezTo>
                    <a:pt x="557162" y="682638"/>
                    <a:pt x="553884" y="681009"/>
                    <a:pt x="553884" y="681009"/>
                  </a:cubicBezTo>
                  <a:cubicBezTo>
                    <a:pt x="553884" y="677751"/>
                    <a:pt x="550607" y="677751"/>
                    <a:pt x="550607" y="677751"/>
                  </a:cubicBezTo>
                  <a:cubicBezTo>
                    <a:pt x="550607" y="676123"/>
                    <a:pt x="544052" y="676123"/>
                    <a:pt x="544052" y="676123"/>
                  </a:cubicBezTo>
                  <a:cubicBezTo>
                    <a:pt x="544052" y="676123"/>
                    <a:pt x="539136" y="676123"/>
                    <a:pt x="539136" y="676123"/>
                  </a:cubicBezTo>
                  <a:cubicBezTo>
                    <a:pt x="537497" y="674494"/>
                    <a:pt x="535858" y="677751"/>
                    <a:pt x="534220" y="676123"/>
                  </a:cubicBezTo>
                  <a:cubicBezTo>
                    <a:pt x="532581" y="676123"/>
                    <a:pt x="534220" y="677751"/>
                    <a:pt x="532581" y="679380"/>
                  </a:cubicBezTo>
                  <a:cubicBezTo>
                    <a:pt x="532581" y="681009"/>
                    <a:pt x="532581" y="681009"/>
                    <a:pt x="532581" y="682638"/>
                  </a:cubicBezTo>
                  <a:cubicBezTo>
                    <a:pt x="532581" y="684267"/>
                    <a:pt x="530942" y="687525"/>
                    <a:pt x="529303" y="690783"/>
                  </a:cubicBezTo>
                  <a:cubicBezTo>
                    <a:pt x="529303" y="690783"/>
                    <a:pt x="527665" y="692412"/>
                    <a:pt x="527665" y="694041"/>
                  </a:cubicBezTo>
                  <a:cubicBezTo>
                    <a:pt x="527665" y="695669"/>
                    <a:pt x="527665" y="697298"/>
                    <a:pt x="527665" y="697298"/>
                  </a:cubicBezTo>
                  <a:cubicBezTo>
                    <a:pt x="527665" y="697298"/>
                    <a:pt x="527665" y="697298"/>
                    <a:pt x="527665" y="703814"/>
                  </a:cubicBezTo>
                  <a:cubicBezTo>
                    <a:pt x="527665" y="703814"/>
                    <a:pt x="527665" y="703814"/>
                    <a:pt x="524387" y="711959"/>
                  </a:cubicBezTo>
                  <a:cubicBezTo>
                    <a:pt x="524387" y="711959"/>
                    <a:pt x="524387" y="711959"/>
                    <a:pt x="526026" y="715216"/>
                  </a:cubicBezTo>
                  <a:cubicBezTo>
                    <a:pt x="526026" y="715216"/>
                    <a:pt x="527665" y="718474"/>
                    <a:pt x="529303" y="718474"/>
                  </a:cubicBezTo>
                  <a:cubicBezTo>
                    <a:pt x="530942" y="718474"/>
                    <a:pt x="530942" y="721732"/>
                    <a:pt x="532581" y="721732"/>
                  </a:cubicBezTo>
                  <a:cubicBezTo>
                    <a:pt x="534220" y="723361"/>
                    <a:pt x="534220" y="724990"/>
                    <a:pt x="534220" y="724990"/>
                  </a:cubicBezTo>
                  <a:cubicBezTo>
                    <a:pt x="534220" y="724990"/>
                    <a:pt x="534220" y="724990"/>
                    <a:pt x="535858" y="728248"/>
                  </a:cubicBezTo>
                  <a:cubicBezTo>
                    <a:pt x="535858" y="728248"/>
                    <a:pt x="539136" y="731506"/>
                    <a:pt x="540774" y="729877"/>
                  </a:cubicBezTo>
                  <a:cubicBezTo>
                    <a:pt x="540774" y="729877"/>
                    <a:pt x="542413" y="733134"/>
                    <a:pt x="542413" y="733134"/>
                  </a:cubicBezTo>
                  <a:cubicBezTo>
                    <a:pt x="542413" y="733134"/>
                    <a:pt x="542413" y="733134"/>
                    <a:pt x="542413" y="736392"/>
                  </a:cubicBezTo>
                  <a:cubicBezTo>
                    <a:pt x="542413" y="736392"/>
                    <a:pt x="542413" y="738021"/>
                    <a:pt x="540774" y="739650"/>
                  </a:cubicBezTo>
                  <a:cubicBezTo>
                    <a:pt x="540774" y="742908"/>
                    <a:pt x="540774" y="742908"/>
                    <a:pt x="539136" y="742908"/>
                  </a:cubicBezTo>
                  <a:cubicBezTo>
                    <a:pt x="537497" y="744537"/>
                    <a:pt x="537497" y="739650"/>
                    <a:pt x="537497" y="739650"/>
                  </a:cubicBezTo>
                  <a:cubicBezTo>
                    <a:pt x="537497" y="738021"/>
                    <a:pt x="535858" y="738021"/>
                    <a:pt x="535858" y="736392"/>
                  </a:cubicBezTo>
                  <a:cubicBezTo>
                    <a:pt x="535858" y="734763"/>
                    <a:pt x="530942" y="736392"/>
                    <a:pt x="530942" y="734763"/>
                  </a:cubicBezTo>
                  <a:cubicBezTo>
                    <a:pt x="530942" y="734763"/>
                    <a:pt x="526026" y="734763"/>
                    <a:pt x="526026" y="733134"/>
                  </a:cubicBezTo>
                  <a:cubicBezTo>
                    <a:pt x="526026" y="733134"/>
                    <a:pt x="524387" y="733134"/>
                    <a:pt x="522749" y="733134"/>
                  </a:cubicBezTo>
                  <a:cubicBezTo>
                    <a:pt x="522749" y="733134"/>
                    <a:pt x="522749" y="734763"/>
                    <a:pt x="521110" y="736392"/>
                  </a:cubicBezTo>
                  <a:cubicBezTo>
                    <a:pt x="521110" y="738021"/>
                    <a:pt x="519471" y="741279"/>
                    <a:pt x="519471" y="741279"/>
                  </a:cubicBezTo>
                  <a:cubicBezTo>
                    <a:pt x="519471" y="742908"/>
                    <a:pt x="517833" y="744537"/>
                    <a:pt x="516194" y="744537"/>
                  </a:cubicBezTo>
                  <a:cubicBezTo>
                    <a:pt x="514555" y="744537"/>
                    <a:pt x="514555" y="744537"/>
                    <a:pt x="512916" y="744537"/>
                  </a:cubicBezTo>
                  <a:cubicBezTo>
                    <a:pt x="512916" y="744537"/>
                    <a:pt x="514555" y="741279"/>
                    <a:pt x="514555" y="739650"/>
                  </a:cubicBezTo>
                  <a:cubicBezTo>
                    <a:pt x="512916" y="738021"/>
                    <a:pt x="512916" y="738021"/>
                    <a:pt x="511278" y="738021"/>
                  </a:cubicBezTo>
                  <a:cubicBezTo>
                    <a:pt x="511278" y="736392"/>
                    <a:pt x="509639" y="736392"/>
                    <a:pt x="509639" y="733134"/>
                  </a:cubicBezTo>
                  <a:cubicBezTo>
                    <a:pt x="511278" y="731506"/>
                    <a:pt x="509639" y="733134"/>
                    <a:pt x="511278" y="729877"/>
                  </a:cubicBezTo>
                  <a:cubicBezTo>
                    <a:pt x="511278" y="726619"/>
                    <a:pt x="511278" y="729877"/>
                    <a:pt x="511278" y="728248"/>
                  </a:cubicBezTo>
                  <a:cubicBezTo>
                    <a:pt x="512916" y="726619"/>
                    <a:pt x="512916" y="724990"/>
                    <a:pt x="514555" y="724990"/>
                  </a:cubicBezTo>
                  <a:cubicBezTo>
                    <a:pt x="514555" y="723361"/>
                    <a:pt x="514555" y="720103"/>
                    <a:pt x="514555" y="720103"/>
                  </a:cubicBezTo>
                  <a:cubicBezTo>
                    <a:pt x="514555" y="720103"/>
                    <a:pt x="514555" y="723361"/>
                    <a:pt x="511278" y="715216"/>
                  </a:cubicBezTo>
                  <a:cubicBezTo>
                    <a:pt x="511278" y="715216"/>
                    <a:pt x="511278" y="711959"/>
                    <a:pt x="511278" y="710330"/>
                  </a:cubicBezTo>
                  <a:cubicBezTo>
                    <a:pt x="511278" y="710330"/>
                    <a:pt x="512916" y="707072"/>
                    <a:pt x="512916" y="707072"/>
                  </a:cubicBezTo>
                  <a:cubicBezTo>
                    <a:pt x="512916" y="707072"/>
                    <a:pt x="514555" y="703814"/>
                    <a:pt x="516194" y="703814"/>
                  </a:cubicBezTo>
                  <a:cubicBezTo>
                    <a:pt x="517833" y="702185"/>
                    <a:pt x="516194" y="700556"/>
                    <a:pt x="516194" y="697298"/>
                  </a:cubicBezTo>
                  <a:cubicBezTo>
                    <a:pt x="516194" y="694041"/>
                    <a:pt x="516194" y="694041"/>
                    <a:pt x="516194" y="692412"/>
                  </a:cubicBezTo>
                  <a:cubicBezTo>
                    <a:pt x="514555" y="690783"/>
                    <a:pt x="512916" y="690783"/>
                    <a:pt x="512916" y="689154"/>
                  </a:cubicBezTo>
                  <a:cubicBezTo>
                    <a:pt x="512916" y="689154"/>
                    <a:pt x="512916" y="685896"/>
                    <a:pt x="511278" y="684267"/>
                  </a:cubicBezTo>
                  <a:cubicBezTo>
                    <a:pt x="511278" y="682638"/>
                    <a:pt x="511278" y="681009"/>
                    <a:pt x="512916" y="679380"/>
                  </a:cubicBezTo>
                  <a:cubicBezTo>
                    <a:pt x="512916" y="677751"/>
                    <a:pt x="516194" y="677751"/>
                    <a:pt x="517833" y="667978"/>
                  </a:cubicBezTo>
                  <a:cubicBezTo>
                    <a:pt x="517833" y="659833"/>
                    <a:pt x="516194" y="666349"/>
                    <a:pt x="517833" y="654947"/>
                  </a:cubicBezTo>
                  <a:lnTo>
                    <a:pt x="517833" y="653318"/>
                  </a:lnTo>
                  <a:cubicBezTo>
                    <a:pt x="516194" y="651689"/>
                    <a:pt x="517833" y="650060"/>
                    <a:pt x="516194" y="648431"/>
                  </a:cubicBezTo>
                  <a:cubicBezTo>
                    <a:pt x="516194" y="645173"/>
                    <a:pt x="514555" y="646802"/>
                    <a:pt x="516194" y="643544"/>
                  </a:cubicBezTo>
                  <a:cubicBezTo>
                    <a:pt x="516194" y="640286"/>
                    <a:pt x="516194" y="643544"/>
                    <a:pt x="516194" y="641915"/>
                  </a:cubicBezTo>
                  <a:cubicBezTo>
                    <a:pt x="517833" y="641915"/>
                    <a:pt x="517833" y="641915"/>
                    <a:pt x="517833" y="640286"/>
                  </a:cubicBezTo>
                  <a:cubicBezTo>
                    <a:pt x="519471" y="640286"/>
                    <a:pt x="519471" y="637029"/>
                    <a:pt x="517833" y="635400"/>
                  </a:cubicBezTo>
                  <a:cubicBezTo>
                    <a:pt x="517833" y="635400"/>
                    <a:pt x="517833" y="632142"/>
                    <a:pt x="517833" y="630513"/>
                  </a:cubicBezTo>
                  <a:cubicBezTo>
                    <a:pt x="517833" y="627255"/>
                    <a:pt x="516194" y="628884"/>
                    <a:pt x="516194" y="627255"/>
                  </a:cubicBezTo>
                  <a:cubicBezTo>
                    <a:pt x="516194" y="625626"/>
                    <a:pt x="514555" y="625626"/>
                    <a:pt x="512916" y="623997"/>
                  </a:cubicBezTo>
                  <a:cubicBezTo>
                    <a:pt x="512916" y="623997"/>
                    <a:pt x="512916" y="622368"/>
                    <a:pt x="511278" y="620739"/>
                  </a:cubicBezTo>
                  <a:cubicBezTo>
                    <a:pt x="511278" y="619111"/>
                    <a:pt x="508000" y="617482"/>
                    <a:pt x="508000" y="614224"/>
                  </a:cubicBezTo>
                  <a:cubicBezTo>
                    <a:pt x="508000" y="610966"/>
                    <a:pt x="508000" y="612595"/>
                    <a:pt x="509639" y="610966"/>
                  </a:cubicBezTo>
                  <a:cubicBezTo>
                    <a:pt x="511278" y="609337"/>
                    <a:pt x="509639" y="607708"/>
                    <a:pt x="509639" y="604450"/>
                  </a:cubicBezTo>
                  <a:cubicBezTo>
                    <a:pt x="509639" y="601193"/>
                    <a:pt x="509639" y="602821"/>
                    <a:pt x="511278" y="601193"/>
                  </a:cubicBezTo>
                  <a:cubicBezTo>
                    <a:pt x="512916" y="599564"/>
                    <a:pt x="512916" y="599564"/>
                    <a:pt x="512916" y="596306"/>
                  </a:cubicBezTo>
                  <a:cubicBezTo>
                    <a:pt x="512916" y="593048"/>
                    <a:pt x="511278" y="593048"/>
                    <a:pt x="511278" y="591419"/>
                  </a:cubicBezTo>
                  <a:cubicBezTo>
                    <a:pt x="511278" y="589790"/>
                    <a:pt x="511278" y="589790"/>
                    <a:pt x="511278" y="586532"/>
                  </a:cubicBezTo>
                  <a:cubicBezTo>
                    <a:pt x="511278" y="583274"/>
                    <a:pt x="511278" y="584903"/>
                    <a:pt x="512916" y="581646"/>
                  </a:cubicBezTo>
                  <a:cubicBezTo>
                    <a:pt x="514555" y="580017"/>
                    <a:pt x="512916" y="580017"/>
                    <a:pt x="516194" y="580017"/>
                  </a:cubicBezTo>
                  <a:cubicBezTo>
                    <a:pt x="519471" y="578388"/>
                    <a:pt x="519471" y="581646"/>
                    <a:pt x="519471" y="581646"/>
                  </a:cubicBezTo>
                  <a:cubicBezTo>
                    <a:pt x="519471" y="581646"/>
                    <a:pt x="519471" y="580017"/>
                    <a:pt x="521110" y="578388"/>
                  </a:cubicBezTo>
                  <a:cubicBezTo>
                    <a:pt x="521110" y="576759"/>
                    <a:pt x="521110" y="576759"/>
                    <a:pt x="522749" y="576759"/>
                  </a:cubicBezTo>
                  <a:cubicBezTo>
                    <a:pt x="524387" y="575130"/>
                    <a:pt x="524387" y="573501"/>
                    <a:pt x="524387" y="571872"/>
                  </a:cubicBezTo>
                  <a:cubicBezTo>
                    <a:pt x="524387" y="570243"/>
                    <a:pt x="524387" y="568614"/>
                    <a:pt x="522749" y="566985"/>
                  </a:cubicBezTo>
                  <a:cubicBezTo>
                    <a:pt x="522749" y="566985"/>
                    <a:pt x="521110" y="565357"/>
                    <a:pt x="521110" y="563728"/>
                  </a:cubicBezTo>
                  <a:cubicBezTo>
                    <a:pt x="521110" y="563728"/>
                    <a:pt x="522749" y="558841"/>
                    <a:pt x="522749" y="558841"/>
                  </a:cubicBezTo>
                  <a:close/>
                  <a:moveTo>
                    <a:pt x="14968" y="0"/>
                  </a:moveTo>
                  <a:cubicBezTo>
                    <a:pt x="18294" y="0"/>
                    <a:pt x="16631" y="1732"/>
                    <a:pt x="19957" y="1732"/>
                  </a:cubicBezTo>
                  <a:cubicBezTo>
                    <a:pt x="21620" y="3464"/>
                    <a:pt x="19957" y="3464"/>
                    <a:pt x="21620" y="1732"/>
                  </a:cubicBezTo>
                  <a:cubicBezTo>
                    <a:pt x="23283" y="1732"/>
                    <a:pt x="26609" y="1732"/>
                    <a:pt x="28272" y="1732"/>
                  </a:cubicBezTo>
                  <a:cubicBezTo>
                    <a:pt x="28272" y="0"/>
                    <a:pt x="29935" y="1732"/>
                    <a:pt x="31599" y="1732"/>
                  </a:cubicBezTo>
                  <a:cubicBezTo>
                    <a:pt x="31599" y="1732"/>
                    <a:pt x="33262" y="1732"/>
                    <a:pt x="34925" y="3464"/>
                  </a:cubicBezTo>
                  <a:cubicBezTo>
                    <a:pt x="34925" y="5195"/>
                    <a:pt x="34925" y="5195"/>
                    <a:pt x="34925" y="6927"/>
                  </a:cubicBezTo>
                  <a:cubicBezTo>
                    <a:pt x="34925" y="6927"/>
                    <a:pt x="34925" y="8659"/>
                    <a:pt x="34925" y="8659"/>
                  </a:cubicBezTo>
                  <a:cubicBezTo>
                    <a:pt x="34925" y="10391"/>
                    <a:pt x="33262" y="10391"/>
                    <a:pt x="31599" y="12123"/>
                  </a:cubicBezTo>
                  <a:cubicBezTo>
                    <a:pt x="29935" y="12123"/>
                    <a:pt x="29935" y="12123"/>
                    <a:pt x="29935" y="13854"/>
                  </a:cubicBezTo>
                  <a:cubicBezTo>
                    <a:pt x="28272" y="15586"/>
                    <a:pt x="28272" y="15586"/>
                    <a:pt x="26609" y="15586"/>
                  </a:cubicBezTo>
                  <a:cubicBezTo>
                    <a:pt x="26609" y="15586"/>
                    <a:pt x="24946" y="17318"/>
                    <a:pt x="24946" y="17318"/>
                  </a:cubicBezTo>
                  <a:cubicBezTo>
                    <a:pt x="24946" y="17318"/>
                    <a:pt x="23283" y="19050"/>
                    <a:pt x="21620" y="19050"/>
                  </a:cubicBezTo>
                  <a:cubicBezTo>
                    <a:pt x="21620" y="19050"/>
                    <a:pt x="18294" y="19050"/>
                    <a:pt x="18294" y="19050"/>
                  </a:cubicBezTo>
                  <a:cubicBezTo>
                    <a:pt x="16631" y="19050"/>
                    <a:pt x="16631" y="19050"/>
                    <a:pt x="14968" y="19050"/>
                  </a:cubicBezTo>
                  <a:cubicBezTo>
                    <a:pt x="14968" y="19050"/>
                    <a:pt x="11641" y="17318"/>
                    <a:pt x="9978" y="17318"/>
                  </a:cubicBezTo>
                  <a:cubicBezTo>
                    <a:pt x="9978" y="15586"/>
                    <a:pt x="9978" y="15586"/>
                    <a:pt x="9978" y="15586"/>
                  </a:cubicBezTo>
                  <a:cubicBezTo>
                    <a:pt x="9978" y="15586"/>
                    <a:pt x="9978" y="15586"/>
                    <a:pt x="4989" y="13854"/>
                  </a:cubicBezTo>
                  <a:cubicBezTo>
                    <a:pt x="3326" y="12123"/>
                    <a:pt x="1663" y="12123"/>
                    <a:pt x="1663" y="12123"/>
                  </a:cubicBezTo>
                  <a:cubicBezTo>
                    <a:pt x="0" y="12123"/>
                    <a:pt x="0" y="10391"/>
                    <a:pt x="0" y="8659"/>
                  </a:cubicBezTo>
                  <a:cubicBezTo>
                    <a:pt x="1663" y="6927"/>
                    <a:pt x="1663" y="6927"/>
                    <a:pt x="3326" y="6927"/>
                  </a:cubicBezTo>
                  <a:cubicBezTo>
                    <a:pt x="4989" y="5195"/>
                    <a:pt x="6652" y="5195"/>
                    <a:pt x="6652" y="5195"/>
                  </a:cubicBezTo>
                  <a:cubicBezTo>
                    <a:pt x="8315" y="5195"/>
                    <a:pt x="11641" y="3464"/>
                    <a:pt x="11641" y="1732"/>
                  </a:cubicBezTo>
                  <a:cubicBezTo>
                    <a:pt x="13305" y="0"/>
                    <a:pt x="13305" y="1732"/>
                    <a:pt x="14968" y="0"/>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5" name="iśḷïḑè">
              <a:extLst>
                <a:ext uri="{FF2B5EF4-FFF2-40B4-BE49-F238E27FC236}">
                  <a16:creationId xmlns:a16="http://schemas.microsoft.com/office/drawing/2014/main" xmlns="" id="{10217EA3-5669-412B-A0D9-D092A49D93E1}"/>
                </a:ext>
              </a:extLst>
            </p:cNvPr>
            <p:cNvSpPr/>
            <p:nvPr/>
          </p:nvSpPr>
          <p:spPr bwMode="auto">
            <a:xfrm>
              <a:off x="7856153" y="2791772"/>
              <a:ext cx="144849" cy="177173"/>
            </a:xfrm>
            <a:custGeom>
              <a:avLst/>
              <a:gdLst>
                <a:gd name="connsiteX0" fmla="*/ 119448 w 144849"/>
                <a:gd name="connsiteY0" fmla="*/ 146691 h 177173"/>
                <a:gd name="connsiteX1" fmla="*/ 122623 w 144849"/>
                <a:gd name="connsiteY1" fmla="*/ 146691 h 177173"/>
                <a:gd name="connsiteX2" fmla="*/ 124211 w 144849"/>
                <a:gd name="connsiteY2" fmla="*/ 153041 h 177173"/>
                <a:gd name="connsiteX3" fmla="*/ 121036 w 144849"/>
                <a:gd name="connsiteY3" fmla="*/ 156216 h 177173"/>
                <a:gd name="connsiteX4" fmla="*/ 117861 w 144849"/>
                <a:gd name="connsiteY4" fmla="*/ 157804 h 177173"/>
                <a:gd name="connsiteX5" fmla="*/ 114686 w 144849"/>
                <a:gd name="connsiteY5" fmla="*/ 159391 h 177173"/>
                <a:gd name="connsiteX6" fmla="*/ 111511 w 144849"/>
                <a:gd name="connsiteY6" fmla="*/ 157804 h 177173"/>
                <a:gd name="connsiteX7" fmla="*/ 109923 w 144849"/>
                <a:gd name="connsiteY7" fmla="*/ 154628 h 177173"/>
                <a:gd name="connsiteX8" fmla="*/ 111511 w 144849"/>
                <a:gd name="connsiteY8" fmla="*/ 151453 h 177173"/>
                <a:gd name="connsiteX9" fmla="*/ 116273 w 144849"/>
                <a:gd name="connsiteY9" fmla="*/ 148278 h 177173"/>
                <a:gd name="connsiteX10" fmla="*/ 119448 w 144849"/>
                <a:gd name="connsiteY10" fmla="*/ 146691 h 177173"/>
                <a:gd name="connsiteX11" fmla="*/ 141674 w 144849"/>
                <a:gd name="connsiteY11" fmla="*/ 143516 h 177173"/>
                <a:gd name="connsiteX12" fmla="*/ 144849 w 144849"/>
                <a:gd name="connsiteY12" fmla="*/ 146691 h 177173"/>
                <a:gd name="connsiteX13" fmla="*/ 143262 w 144849"/>
                <a:gd name="connsiteY13" fmla="*/ 151453 h 177173"/>
                <a:gd name="connsiteX14" fmla="*/ 141674 w 144849"/>
                <a:gd name="connsiteY14" fmla="*/ 148278 h 177173"/>
                <a:gd name="connsiteX15" fmla="*/ 141674 w 144849"/>
                <a:gd name="connsiteY15" fmla="*/ 143516 h 177173"/>
                <a:gd name="connsiteX16" fmla="*/ 113098 w 144849"/>
                <a:gd name="connsiteY16" fmla="*/ 130815 h 177173"/>
                <a:gd name="connsiteX17" fmla="*/ 114686 w 144849"/>
                <a:gd name="connsiteY17" fmla="*/ 133990 h 177173"/>
                <a:gd name="connsiteX18" fmla="*/ 114686 w 144849"/>
                <a:gd name="connsiteY18" fmla="*/ 138753 h 177173"/>
                <a:gd name="connsiteX19" fmla="*/ 113098 w 144849"/>
                <a:gd name="connsiteY19" fmla="*/ 143516 h 177173"/>
                <a:gd name="connsiteX20" fmla="*/ 111511 w 144849"/>
                <a:gd name="connsiteY20" fmla="*/ 145103 h 177173"/>
                <a:gd name="connsiteX21" fmla="*/ 108336 w 144849"/>
                <a:gd name="connsiteY21" fmla="*/ 151453 h 177173"/>
                <a:gd name="connsiteX22" fmla="*/ 105161 w 144849"/>
                <a:gd name="connsiteY22" fmla="*/ 156216 h 177173"/>
                <a:gd name="connsiteX23" fmla="*/ 103573 w 144849"/>
                <a:gd name="connsiteY23" fmla="*/ 157804 h 177173"/>
                <a:gd name="connsiteX24" fmla="*/ 103573 w 144849"/>
                <a:gd name="connsiteY24" fmla="*/ 153041 h 177173"/>
                <a:gd name="connsiteX25" fmla="*/ 100398 w 144849"/>
                <a:gd name="connsiteY25" fmla="*/ 151453 h 177173"/>
                <a:gd name="connsiteX26" fmla="*/ 100398 w 144849"/>
                <a:gd name="connsiteY26" fmla="*/ 157804 h 177173"/>
                <a:gd name="connsiteX27" fmla="*/ 100398 w 144849"/>
                <a:gd name="connsiteY27" fmla="*/ 160979 h 177173"/>
                <a:gd name="connsiteX28" fmla="*/ 100398 w 144849"/>
                <a:gd name="connsiteY28" fmla="*/ 165741 h 177173"/>
                <a:gd name="connsiteX29" fmla="*/ 95635 w 144849"/>
                <a:gd name="connsiteY29" fmla="*/ 162566 h 177173"/>
                <a:gd name="connsiteX30" fmla="*/ 92460 w 144849"/>
                <a:gd name="connsiteY30" fmla="*/ 159391 h 177173"/>
                <a:gd name="connsiteX31" fmla="*/ 89285 w 144849"/>
                <a:gd name="connsiteY31" fmla="*/ 157804 h 177173"/>
                <a:gd name="connsiteX32" fmla="*/ 89285 w 144849"/>
                <a:gd name="connsiteY32" fmla="*/ 153041 h 177173"/>
                <a:gd name="connsiteX33" fmla="*/ 92460 w 144849"/>
                <a:gd name="connsiteY33" fmla="*/ 151453 h 177173"/>
                <a:gd name="connsiteX34" fmla="*/ 94048 w 144849"/>
                <a:gd name="connsiteY34" fmla="*/ 148278 h 177173"/>
                <a:gd name="connsiteX35" fmla="*/ 95635 w 144849"/>
                <a:gd name="connsiteY35" fmla="*/ 145103 h 177173"/>
                <a:gd name="connsiteX36" fmla="*/ 95635 w 144849"/>
                <a:gd name="connsiteY36" fmla="*/ 141928 h 177173"/>
                <a:gd name="connsiteX37" fmla="*/ 95635 w 144849"/>
                <a:gd name="connsiteY37" fmla="*/ 140341 h 177173"/>
                <a:gd name="connsiteX38" fmla="*/ 97223 w 144849"/>
                <a:gd name="connsiteY38" fmla="*/ 137165 h 177173"/>
                <a:gd name="connsiteX39" fmla="*/ 100398 w 144849"/>
                <a:gd name="connsiteY39" fmla="*/ 132403 h 177173"/>
                <a:gd name="connsiteX40" fmla="*/ 103573 w 144849"/>
                <a:gd name="connsiteY40" fmla="*/ 133990 h 177173"/>
                <a:gd name="connsiteX41" fmla="*/ 106748 w 144849"/>
                <a:gd name="connsiteY41" fmla="*/ 135578 h 177173"/>
                <a:gd name="connsiteX42" fmla="*/ 106748 w 144849"/>
                <a:gd name="connsiteY42" fmla="*/ 138753 h 177173"/>
                <a:gd name="connsiteX43" fmla="*/ 105161 w 144849"/>
                <a:gd name="connsiteY43" fmla="*/ 141928 h 177173"/>
                <a:gd name="connsiteX44" fmla="*/ 103573 w 144849"/>
                <a:gd name="connsiteY44" fmla="*/ 145103 h 177173"/>
                <a:gd name="connsiteX45" fmla="*/ 103573 w 144849"/>
                <a:gd name="connsiteY45" fmla="*/ 148278 h 177173"/>
                <a:gd name="connsiteX46" fmla="*/ 105161 w 144849"/>
                <a:gd name="connsiteY46" fmla="*/ 146691 h 177173"/>
                <a:gd name="connsiteX47" fmla="*/ 106748 w 144849"/>
                <a:gd name="connsiteY47" fmla="*/ 145103 h 177173"/>
                <a:gd name="connsiteX48" fmla="*/ 109923 w 144849"/>
                <a:gd name="connsiteY48" fmla="*/ 140341 h 177173"/>
                <a:gd name="connsiteX49" fmla="*/ 109923 w 144849"/>
                <a:gd name="connsiteY49" fmla="*/ 137165 h 177173"/>
                <a:gd name="connsiteX50" fmla="*/ 111511 w 144849"/>
                <a:gd name="connsiteY50" fmla="*/ 133990 h 177173"/>
                <a:gd name="connsiteX51" fmla="*/ 113098 w 144849"/>
                <a:gd name="connsiteY51" fmla="*/ 130815 h 177173"/>
                <a:gd name="connsiteX52" fmla="*/ 38422 w 144849"/>
                <a:gd name="connsiteY52" fmla="*/ 127641 h 177173"/>
                <a:gd name="connsiteX53" fmla="*/ 38422 w 144849"/>
                <a:gd name="connsiteY53" fmla="*/ 130816 h 177173"/>
                <a:gd name="connsiteX54" fmla="*/ 40073 w 144849"/>
                <a:gd name="connsiteY54" fmla="*/ 135578 h 177173"/>
                <a:gd name="connsiteX55" fmla="*/ 40073 w 144849"/>
                <a:gd name="connsiteY55" fmla="*/ 143516 h 177173"/>
                <a:gd name="connsiteX56" fmla="*/ 36771 w 144849"/>
                <a:gd name="connsiteY56" fmla="*/ 145104 h 177173"/>
                <a:gd name="connsiteX57" fmla="*/ 30167 w 144849"/>
                <a:gd name="connsiteY57" fmla="*/ 151454 h 177173"/>
                <a:gd name="connsiteX58" fmla="*/ 26865 w 144849"/>
                <a:gd name="connsiteY58" fmla="*/ 153041 h 177173"/>
                <a:gd name="connsiteX59" fmla="*/ 25214 w 144849"/>
                <a:gd name="connsiteY59" fmla="*/ 157804 h 177173"/>
                <a:gd name="connsiteX60" fmla="*/ 20261 w 144849"/>
                <a:gd name="connsiteY60" fmla="*/ 162566 h 177173"/>
                <a:gd name="connsiteX61" fmla="*/ 15308 w 144849"/>
                <a:gd name="connsiteY61" fmla="*/ 167329 h 177173"/>
                <a:gd name="connsiteX62" fmla="*/ 12006 w 144849"/>
                <a:gd name="connsiteY62" fmla="*/ 170504 h 177173"/>
                <a:gd name="connsiteX63" fmla="*/ 5402 w 144849"/>
                <a:gd name="connsiteY63" fmla="*/ 172091 h 177173"/>
                <a:gd name="connsiteX64" fmla="*/ 449 w 144849"/>
                <a:gd name="connsiteY64" fmla="*/ 176854 h 177173"/>
                <a:gd name="connsiteX65" fmla="*/ 3751 w 144849"/>
                <a:gd name="connsiteY65" fmla="*/ 170504 h 177173"/>
                <a:gd name="connsiteX66" fmla="*/ 7053 w 144849"/>
                <a:gd name="connsiteY66" fmla="*/ 165741 h 177173"/>
                <a:gd name="connsiteX67" fmla="*/ 12006 w 144849"/>
                <a:gd name="connsiteY67" fmla="*/ 162566 h 177173"/>
                <a:gd name="connsiteX68" fmla="*/ 18610 w 144849"/>
                <a:gd name="connsiteY68" fmla="*/ 157804 h 177173"/>
                <a:gd name="connsiteX69" fmla="*/ 20261 w 144849"/>
                <a:gd name="connsiteY69" fmla="*/ 153041 h 177173"/>
                <a:gd name="connsiteX70" fmla="*/ 25214 w 144849"/>
                <a:gd name="connsiteY70" fmla="*/ 148279 h 177173"/>
                <a:gd name="connsiteX71" fmla="*/ 31818 w 144849"/>
                <a:gd name="connsiteY71" fmla="*/ 140341 h 177173"/>
                <a:gd name="connsiteX72" fmla="*/ 36771 w 144849"/>
                <a:gd name="connsiteY72" fmla="*/ 132403 h 177173"/>
                <a:gd name="connsiteX73" fmla="*/ 38422 w 144849"/>
                <a:gd name="connsiteY73" fmla="*/ 127641 h 177173"/>
                <a:gd name="connsiteX74" fmla="*/ 129714 w 144849"/>
                <a:gd name="connsiteY74" fmla="*/ 103828 h 177173"/>
                <a:gd name="connsiteX75" fmla="*/ 133101 w 144849"/>
                <a:gd name="connsiteY75" fmla="*/ 103828 h 177173"/>
                <a:gd name="connsiteX76" fmla="*/ 139874 w 144849"/>
                <a:gd name="connsiteY76" fmla="*/ 108755 h 177173"/>
                <a:gd name="connsiteX77" fmla="*/ 141568 w 144849"/>
                <a:gd name="connsiteY77" fmla="*/ 112039 h 177173"/>
                <a:gd name="connsiteX78" fmla="*/ 141568 w 144849"/>
                <a:gd name="connsiteY78" fmla="*/ 116966 h 177173"/>
                <a:gd name="connsiteX79" fmla="*/ 141568 w 144849"/>
                <a:gd name="connsiteY79" fmla="*/ 125177 h 177173"/>
                <a:gd name="connsiteX80" fmla="*/ 143261 w 144849"/>
                <a:gd name="connsiteY80" fmla="*/ 130104 h 177173"/>
                <a:gd name="connsiteX81" fmla="*/ 139874 w 144849"/>
                <a:gd name="connsiteY81" fmla="*/ 131746 h 177173"/>
                <a:gd name="connsiteX82" fmla="*/ 133101 w 144849"/>
                <a:gd name="connsiteY82" fmla="*/ 131746 h 177173"/>
                <a:gd name="connsiteX83" fmla="*/ 134794 w 144849"/>
                <a:gd name="connsiteY83" fmla="*/ 138315 h 177173"/>
                <a:gd name="connsiteX84" fmla="*/ 136487 w 144849"/>
                <a:gd name="connsiteY84" fmla="*/ 141599 h 177173"/>
                <a:gd name="connsiteX85" fmla="*/ 136487 w 144849"/>
                <a:gd name="connsiteY85" fmla="*/ 144884 h 177173"/>
                <a:gd name="connsiteX86" fmla="*/ 133101 w 144849"/>
                <a:gd name="connsiteY86" fmla="*/ 148169 h 177173"/>
                <a:gd name="connsiteX87" fmla="*/ 129714 w 144849"/>
                <a:gd name="connsiteY87" fmla="*/ 149811 h 177173"/>
                <a:gd name="connsiteX88" fmla="*/ 126327 w 144849"/>
                <a:gd name="connsiteY88" fmla="*/ 146526 h 177173"/>
                <a:gd name="connsiteX89" fmla="*/ 129714 w 144849"/>
                <a:gd name="connsiteY89" fmla="*/ 141599 h 177173"/>
                <a:gd name="connsiteX90" fmla="*/ 128021 w 144849"/>
                <a:gd name="connsiteY90" fmla="*/ 136673 h 177173"/>
                <a:gd name="connsiteX91" fmla="*/ 124634 w 144849"/>
                <a:gd name="connsiteY91" fmla="*/ 136673 h 177173"/>
                <a:gd name="connsiteX92" fmla="*/ 119554 w 144849"/>
                <a:gd name="connsiteY92" fmla="*/ 133388 h 177173"/>
                <a:gd name="connsiteX93" fmla="*/ 119554 w 144849"/>
                <a:gd name="connsiteY93" fmla="*/ 128461 h 177173"/>
                <a:gd name="connsiteX94" fmla="*/ 121247 w 144849"/>
                <a:gd name="connsiteY94" fmla="*/ 125177 h 177173"/>
                <a:gd name="connsiteX95" fmla="*/ 122941 w 144849"/>
                <a:gd name="connsiteY95" fmla="*/ 121893 h 177173"/>
                <a:gd name="connsiteX96" fmla="*/ 126327 w 144849"/>
                <a:gd name="connsiteY96" fmla="*/ 120250 h 177173"/>
                <a:gd name="connsiteX97" fmla="*/ 126327 w 144849"/>
                <a:gd name="connsiteY97" fmla="*/ 118608 h 177173"/>
                <a:gd name="connsiteX98" fmla="*/ 124634 w 144849"/>
                <a:gd name="connsiteY98" fmla="*/ 113681 h 177173"/>
                <a:gd name="connsiteX99" fmla="*/ 121247 w 144849"/>
                <a:gd name="connsiteY99" fmla="*/ 110397 h 177173"/>
                <a:gd name="connsiteX100" fmla="*/ 119554 w 144849"/>
                <a:gd name="connsiteY100" fmla="*/ 105470 h 177173"/>
                <a:gd name="connsiteX101" fmla="*/ 122941 w 144849"/>
                <a:gd name="connsiteY101" fmla="*/ 107112 h 177173"/>
                <a:gd name="connsiteX102" fmla="*/ 126327 w 144849"/>
                <a:gd name="connsiteY102" fmla="*/ 105470 h 177173"/>
                <a:gd name="connsiteX103" fmla="*/ 129714 w 144849"/>
                <a:gd name="connsiteY103" fmla="*/ 103828 h 177173"/>
                <a:gd name="connsiteX104" fmla="*/ 79760 w 144849"/>
                <a:gd name="connsiteY104" fmla="*/ 103828 h 177173"/>
                <a:gd name="connsiteX105" fmla="*/ 84523 w 144849"/>
                <a:gd name="connsiteY105" fmla="*/ 103828 h 177173"/>
                <a:gd name="connsiteX106" fmla="*/ 87698 w 144849"/>
                <a:gd name="connsiteY106" fmla="*/ 110443 h 177173"/>
                <a:gd name="connsiteX107" fmla="*/ 82935 w 144849"/>
                <a:gd name="connsiteY107" fmla="*/ 113750 h 177173"/>
                <a:gd name="connsiteX108" fmla="*/ 81348 w 144849"/>
                <a:gd name="connsiteY108" fmla="*/ 117057 h 177173"/>
                <a:gd name="connsiteX109" fmla="*/ 87698 w 144849"/>
                <a:gd name="connsiteY109" fmla="*/ 120365 h 177173"/>
                <a:gd name="connsiteX110" fmla="*/ 90873 w 144849"/>
                <a:gd name="connsiteY110" fmla="*/ 123672 h 177173"/>
                <a:gd name="connsiteX111" fmla="*/ 94048 w 144849"/>
                <a:gd name="connsiteY111" fmla="*/ 123672 h 177173"/>
                <a:gd name="connsiteX112" fmla="*/ 97223 w 144849"/>
                <a:gd name="connsiteY112" fmla="*/ 123672 h 177173"/>
                <a:gd name="connsiteX113" fmla="*/ 100398 w 144849"/>
                <a:gd name="connsiteY113" fmla="*/ 125326 h 177173"/>
                <a:gd name="connsiteX114" fmla="*/ 100398 w 144849"/>
                <a:gd name="connsiteY114" fmla="*/ 128633 h 177173"/>
                <a:gd name="connsiteX115" fmla="*/ 95635 w 144849"/>
                <a:gd name="connsiteY115" fmla="*/ 133594 h 177173"/>
                <a:gd name="connsiteX116" fmla="*/ 90873 w 144849"/>
                <a:gd name="connsiteY116" fmla="*/ 136901 h 177173"/>
                <a:gd name="connsiteX117" fmla="*/ 89285 w 144849"/>
                <a:gd name="connsiteY117" fmla="*/ 141862 h 177173"/>
                <a:gd name="connsiteX118" fmla="*/ 86110 w 144849"/>
                <a:gd name="connsiteY118" fmla="*/ 138555 h 177173"/>
                <a:gd name="connsiteX119" fmla="*/ 84523 w 144849"/>
                <a:gd name="connsiteY119" fmla="*/ 140209 h 177173"/>
                <a:gd name="connsiteX120" fmla="*/ 81348 w 144849"/>
                <a:gd name="connsiteY120" fmla="*/ 141862 h 177173"/>
                <a:gd name="connsiteX121" fmla="*/ 79760 w 144849"/>
                <a:gd name="connsiteY121" fmla="*/ 143516 h 177173"/>
                <a:gd name="connsiteX122" fmla="*/ 79760 w 144849"/>
                <a:gd name="connsiteY122" fmla="*/ 141862 h 177173"/>
                <a:gd name="connsiteX123" fmla="*/ 81348 w 144849"/>
                <a:gd name="connsiteY123" fmla="*/ 135248 h 177173"/>
                <a:gd name="connsiteX124" fmla="*/ 81348 w 144849"/>
                <a:gd name="connsiteY124" fmla="*/ 133594 h 177173"/>
                <a:gd name="connsiteX125" fmla="*/ 82935 w 144849"/>
                <a:gd name="connsiteY125" fmla="*/ 125326 h 177173"/>
                <a:gd name="connsiteX126" fmla="*/ 81348 w 144849"/>
                <a:gd name="connsiteY126" fmla="*/ 120365 h 177173"/>
                <a:gd name="connsiteX127" fmla="*/ 79760 w 144849"/>
                <a:gd name="connsiteY127" fmla="*/ 118711 h 177173"/>
                <a:gd name="connsiteX128" fmla="*/ 78173 w 144849"/>
                <a:gd name="connsiteY128" fmla="*/ 113750 h 177173"/>
                <a:gd name="connsiteX129" fmla="*/ 79760 w 144849"/>
                <a:gd name="connsiteY129" fmla="*/ 112096 h 177173"/>
                <a:gd name="connsiteX130" fmla="*/ 79760 w 144849"/>
                <a:gd name="connsiteY130" fmla="*/ 107135 h 177173"/>
                <a:gd name="connsiteX131" fmla="*/ 79760 w 144849"/>
                <a:gd name="connsiteY131" fmla="*/ 103828 h 177173"/>
                <a:gd name="connsiteX132" fmla="*/ 100398 w 144849"/>
                <a:gd name="connsiteY132" fmla="*/ 99065 h 177173"/>
                <a:gd name="connsiteX133" fmla="*/ 103573 w 144849"/>
                <a:gd name="connsiteY133" fmla="*/ 102240 h 177173"/>
                <a:gd name="connsiteX134" fmla="*/ 106748 w 144849"/>
                <a:gd name="connsiteY134" fmla="*/ 105415 h 177173"/>
                <a:gd name="connsiteX135" fmla="*/ 108336 w 144849"/>
                <a:gd name="connsiteY135" fmla="*/ 107003 h 177173"/>
                <a:gd name="connsiteX136" fmla="*/ 113098 w 144849"/>
                <a:gd name="connsiteY136" fmla="*/ 110178 h 177173"/>
                <a:gd name="connsiteX137" fmla="*/ 114686 w 144849"/>
                <a:gd name="connsiteY137" fmla="*/ 111765 h 177173"/>
                <a:gd name="connsiteX138" fmla="*/ 113098 w 144849"/>
                <a:gd name="connsiteY138" fmla="*/ 114940 h 177173"/>
                <a:gd name="connsiteX139" fmla="*/ 111511 w 144849"/>
                <a:gd name="connsiteY139" fmla="*/ 119703 h 177173"/>
                <a:gd name="connsiteX140" fmla="*/ 109923 w 144849"/>
                <a:gd name="connsiteY140" fmla="*/ 113353 h 177173"/>
                <a:gd name="connsiteX141" fmla="*/ 105161 w 144849"/>
                <a:gd name="connsiteY141" fmla="*/ 111765 h 177173"/>
                <a:gd name="connsiteX142" fmla="*/ 105161 w 144849"/>
                <a:gd name="connsiteY142" fmla="*/ 114940 h 177173"/>
                <a:gd name="connsiteX143" fmla="*/ 103573 w 144849"/>
                <a:gd name="connsiteY143" fmla="*/ 118115 h 177173"/>
                <a:gd name="connsiteX144" fmla="*/ 98811 w 144849"/>
                <a:gd name="connsiteY144" fmla="*/ 118115 h 177173"/>
                <a:gd name="connsiteX145" fmla="*/ 101986 w 144849"/>
                <a:gd name="connsiteY145" fmla="*/ 111765 h 177173"/>
                <a:gd name="connsiteX146" fmla="*/ 100398 w 144849"/>
                <a:gd name="connsiteY146" fmla="*/ 105415 h 177173"/>
                <a:gd name="connsiteX147" fmla="*/ 100398 w 144849"/>
                <a:gd name="connsiteY147" fmla="*/ 99065 h 177173"/>
                <a:gd name="connsiteX148" fmla="*/ 78173 w 144849"/>
                <a:gd name="connsiteY148" fmla="*/ 89541 h 177173"/>
                <a:gd name="connsiteX149" fmla="*/ 82936 w 144849"/>
                <a:gd name="connsiteY149" fmla="*/ 92716 h 177173"/>
                <a:gd name="connsiteX150" fmla="*/ 81348 w 144849"/>
                <a:gd name="connsiteY150" fmla="*/ 94303 h 177173"/>
                <a:gd name="connsiteX151" fmla="*/ 78173 w 144849"/>
                <a:gd name="connsiteY151" fmla="*/ 94303 h 177173"/>
                <a:gd name="connsiteX152" fmla="*/ 78173 w 144849"/>
                <a:gd name="connsiteY152" fmla="*/ 89541 h 177173"/>
                <a:gd name="connsiteX153" fmla="*/ 48098 w 144849"/>
                <a:gd name="connsiteY153" fmla="*/ 84778 h 177173"/>
                <a:gd name="connsiteX154" fmla="*/ 53126 w 144849"/>
                <a:gd name="connsiteY154" fmla="*/ 87953 h 177173"/>
                <a:gd name="connsiteX155" fmla="*/ 56477 w 144849"/>
                <a:gd name="connsiteY155" fmla="*/ 89541 h 177173"/>
                <a:gd name="connsiteX156" fmla="*/ 59829 w 144849"/>
                <a:gd name="connsiteY156" fmla="*/ 91129 h 177173"/>
                <a:gd name="connsiteX157" fmla="*/ 69883 w 144849"/>
                <a:gd name="connsiteY157" fmla="*/ 94304 h 177173"/>
                <a:gd name="connsiteX158" fmla="*/ 71559 w 144849"/>
                <a:gd name="connsiteY158" fmla="*/ 95891 h 177173"/>
                <a:gd name="connsiteX159" fmla="*/ 71559 w 144849"/>
                <a:gd name="connsiteY159" fmla="*/ 102241 h 177173"/>
                <a:gd name="connsiteX160" fmla="*/ 71559 w 144849"/>
                <a:gd name="connsiteY160" fmla="*/ 108591 h 177173"/>
                <a:gd name="connsiteX161" fmla="*/ 68207 w 144849"/>
                <a:gd name="connsiteY161" fmla="*/ 111766 h 177173"/>
                <a:gd name="connsiteX162" fmla="*/ 64856 w 144849"/>
                <a:gd name="connsiteY162" fmla="*/ 111766 h 177173"/>
                <a:gd name="connsiteX163" fmla="*/ 61504 w 144849"/>
                <a:gd name="connsiteY163" fmla="*/ 107004 h 177173"/>
                <a:gd name="connsiteX164" fmla="*/ 59829 w 144849"/>
                <a:gd name="connsiteY164" fmla="*/ 102241 h 177173"/>
                <a:gd name="connsiteX165" fmla="*/ 58153 w 144849"/>
                <a:gd name="connsiteY165" fmla="*/ 97479 h 177173"/>
                <a:gd name="connsiteX166" fmla="*/ 54801 w 144849"/>
                <a:gd name="connsiteY166" fmla="*/ 94304 h 177173"/>
                <a:gd name="connsiteX167" fmla="*/ 53126 w 144849"/>
                <a:gd name="connsiteY167" fmla="*/ 89541 h 177173"/>
                <a:gd name="connsiteX168" fmla="*/ 49774 w 144849"/>
                <a:gd name="connsiteY168" fmla="*/ 87953 h 177173"/>
                <a:gd name="connsiteX169" fmla="*/ 48098 w 144849"/>
                <a:gd name="connsiteY169" fmla="*/ 84778 h 177173"/>
                <a:gd name="connsiteX170" fmla="*/ 90874 w 144849"/>
                <a:gd name="connsiteY170" fmla="*/ 83191 h 177173"/>
                <a:gd name="connsiteX171" fmla="*/ 95635 w 144849"/>
                <a:gd name="connsiteY171" fmla="*/ 86365 h 177173"/>
                <a:gd name="connsiteX172" fmla="*/ 94048 w 144849"/>
                <a:gd name="connsiteY172" fmla="*/ 83191 h 177173"/>
                <a:gd name="connsiteX173" fmla="*/ 118059 w 144849"/>
                <a:gd name="connsiteY173" fmla="*/ 80611 h 177173"/>
                <a:gd name="connsiteX174" fmla="*/ 121035 w 144849"/>
                <a:gd name="connsiteY174" fmla="*/ 83191 h 177173"/>
                <a:gd name="connsiteX175" fmla="*/ 121035 w 144849"/>
                <a:gd name="connsiteY175" fmla="*/ 84778 h 177173"/>
                <a:gd name="connsiteX176" fmla="*/ 121035 w 144849"/>
                <a:gd name="connsiteY176" fmla="*/ 87953 h 177173"/>
                <a:gd name="connsiteX177" fmla="*/ 117860 w 144849"/>
                <a:gd name="connsiteY177" fmla="*/ 89541 h 177173"/>
                <a:gd name="connsiteX178" fmla="*/ 114685 w 144849"/>
                <a:gd name="connsiteY178" fmla="*/ 87953 h 177173"/>
                <a:gd name="connsiteX179" fmla="*/ 114685 w 144849"/>
                <a:gd name="connsiteY179" fmla="*/ 86366 h 177173"/>
                <a:gd name="connsiteX180" fmla="*/ 116273 w 144849"/>
                <a:gd name="connsiteY180" fmla="*/ 81603 h 177173"/>
                <a:gd name="connsiteX181" fmla="*/ 118059 w 144849"/>
                <a:gd name="connsiteY181" fmla="*/ 80611 h 177173"/>
                <a:gd name="connsiteX182" fmla="*/ 92461 w 144849"/>
                <a:gd name="connsiteY182" fmla="*/ 76841 h 177173"/>
                <a:gd name="connsiteX183" fmla="*/ 97223 w 144849"/>
                <a:gd name="connsiteY183" fmla="*/ 78428 h 177173"/>
                <a:gd name="connsiteX184" fmla="*/ 98811 w 144849"/>
                <a:gd name="connsiteY184" fmla="*/ 83191 h 177173"/>
                <a:gd name="connsiteX185" fmla="*/ 98811 w 144849"/>
                <a:gd name="connsiteY185" fmla="*/ 84779 h 177173"/>
                <a:gd name="connsiteX186" fmla="*/ 101986 w 144849"/>
                <a:gd name="connsiteY186" fmla="*/ 84779 h 177173"/>
                <a:gd name="connsiteX187" fmla="*/ 103573 w 144849"/>
                <a:gd name="connsiteY187" fmla="*/ 80016 h 177173"/>
                <a:gd name="connsiteX188" fmla="*/ 108336 w 144849"/>
                <a:gd name="connsiteY188" fmla="*/ 83191 h 177173"/>
                <a:gd name="connsiteX189" fmla="*/ 109923 w 144849"/>
                <a:gd name="connsiteY189" fmla="*/ 83191 h 177173"/>
                <a:gd name="connsiteX190" fmla="*/ 113098 w 144849"/>
                <a:gd name="connsiteY190" fmla="*/ 86366 h 177173"/>
                <a:gd name="connsiteX191" fmla="*/ 109923 w 144849"/>
                <a:gd name="connsiteY191" fmla="*/ 89541 h 177173"/>
                <a:gd name="connsiteX192" fmla="*/ 109923 w 144849"/>
                <a:gd name="connsiteY192" fmla="*/ 92716 h 177173"/>
                <a:gd name="connsiteX193" fmla="*/ 113098 w 144849"/>
                <a:gd name="connsiteY193" fmla="*/ 95891 h 177173"/>
                <a:gd name="connsiteX194" fmla="*/ 116273 w 144849"/>
                <a:gd name="connsiteY194" fmla="*/ 95891 h 177173"/>
                <a:gd name="connsiteX195" fmla="*/ 117861 w 144849"/>
                <a:gd name="connsiteY195" fmla="*/ 97479 h 177173"/>
                <a:gd name="connsiteX196" fmla="*/ 117861 w 144849"/>
                <a:gd name="connsiteY196" fmla="*/ 100654 h 177173"/>
                <a:gd name="connsiteX197" fmla="*/ 117861 w 144849"/>
                <a:gd name="connsiteY197" fmla="*/ 103829 h 177173"/>
                <a:gd name="connsiteX198" fmla="*/ 116273 w 144849"/>
                <a:gd name="connsiteY198" fmla="*/ 107004 h 177173"/>
                <a:gd name="connsiteX199" fmla="*/ 113098 w 144849"/>
                <a:gd name="connsiteY199" fmla="*/ 105416 h 177173"/>
                <a:gd name="connsiteX200" fmla="*/ 108336 w 144849"/>
                <a:gd name="connsiteY200" fmla="*/ 100654 h 177173"/>
                <a:gd name="connsiteX201" fmla="*/ 106748 w 144849"/>
                <a:gd name="connsiteY201" fmla="*/ 100654 h 177173"/>
                <a:gd name="connsiteX202" fmla="*/ 103573 w 144849"/>
                <a:gd name="connsiteY202" fmla="*/ 99066 h 177173"/>
                <a:gd name="connsiteX203" fmla="*/ 100398 w 144849"/>
                <a:gd name="connsiteY203" fmla="*/ 92716 h 177173"/>
                <a:gd name="connsiteX204" fmla="*/ 95636 w 144849"/>
                <a:gd name="connsiteY204" fmla="*/ 89541 h 177173"/>
                <a:gd name="connsiteX205" fmla="*/ 95636 w 144849"/>
                <a:gd name="connsiteY205" fmla="*/ 87954 h 177173"/>
                <a:gd name="connsiteX206" fmla="*/ 95636 w 144849"/>
                <a:gd name="connsiteY206" fmla="*/ 86366 h 177173"/>
                <a:gd name="connsiteX207" fmla="*/ 95636 w 144849"/>
                <a:gd name="connsiteY207" fmla="*/ 86366 h 177173"/>
                <a:gd name="connsiteX208" fmla="*/ 89286 w 144849"/>
                <a:gd name="connsiteY208" fmla="*/ 86366 h 177173"/>
                <a:gd name="connsiteX209" fmla="*/ 89286 w 144849"/>
                <a:gd name="connsiteY209" fmla="*/ 87953 h 177173"/>
                <a:gd name="connsiteX210" fmla="*/ 92461 w 144849"/>
                <a:gd name="connsiteY210" fmla="*/ 94303 h 177173"/>
                <a:gd name="connsiteX211" fmla="*/ 90873 w 144849"/>
                <a:gd name="connsiteY211" fmla="*/ 97478 h 177173"/>
                <a:gd name="connsiteX212" fmla="*/ 89286 w 144849"/>
                <a:gd name="connsiteY212" fmla="*/ 92716 h 177173"/>
                <a:gd name="connsiteX213" fmla="*/ 86110 w 144849"/>
                <a:gd name="connsiteY213" fmla="*/ 89541 h 177173"/>
                <a:gd name="connsiteX214" fmla="*/ 82935 w 144849"/>
                <a:gd name="connsiteY214" fmla="*/ 86366 h 177173"/>
                <a:gd name="connsiteX215" fmla="*/ 79760 w 144849"/>
                <a:gd name="connsiteY215" fmla="*/ 84778 h 177173"/>
                <a:gd name="connsiteX216" fmla="*/ 81348 w 144849"/>
                <a:gd name="connsiteY216" fmla="*/ 81603 h 177173"/>
                <a:gd name="connsiteX217" fmla="*/ 82935 w 144849"/>
                <a:gd name="connsiteY217" fmla="*/ 80015 h 177173"/>
                <a:gd name="connsiteX218" fmla="*/ 86110 w 144849"/>
                <a:gd name="connsiteY218" fmla="*/ 80015 h 177173"/>
                <a:gd name="connsiteX219" fmla="*/ 90873 w 144849"/>
                <a:gd name="connsiteY219" fmla="*/ 83190 h 177173"/>
                <a:gd name="connsiteX220" fmla="*/ 89286 w 144849"/>
                <a:gd name="connsiteY220" fmla="*/ 80016 h 177173"/>
                <a:gd name="connsiteX221" fmla="*/ 87698 w 144849"/>
                <a:gd name="connsiteY221" fmla="*/ 78428 h 177173"/>
                <a:gd name="connsiteX222" fmla="*/ 92461 w 144849"/>
                <a:gd name="connsiteY222" fmla="*/ 76841 h 177173"/>
                <a:gd name="connsiteX223" fmla="*/ 64623 w 144849"/>
                <a:gd name="connsiteY223" fmla="*/ 669 h 177173"/>
                <a:gd name="connsiteX224" fmla="*/ 67911 w 144849"/>
                <a:gd name="connsiteY224" fmla="*/ 2286 h 177173"/>
                <a:gd name="connsiteX225" fmla="*/ 72844 w 144849"/>
                <a:gd name="connsiteY225" fmla="*/ 3902 h 177173"/>
                <a:gd name="connsiteX226" fmla="*/ 76132 w 144849"/>
                <a:gd name="connsiteY226" fmla="*/ 7135 h 177173"/>
                <a:gd name="connsiteX227" fmla="*/ 79420 w 144849"/>
                <a:gd name="connsiteY227" fmla="*/ 7135 h 177173"/>
                <a:gd name="connsiteX228" fmla="*/ 82709 w 144849"/>
                <a:gd name="connsiteY228" fmla="*/ 5518 h 177173"/>
                <a:gd name="connsiteX229" fmla="*/ 85997 w 144849"/>
                <a:gd name="connsiteY229" fmla="*/ 8751 h 177173"/>
                <a:gd name="connsiteX230" fmla="*/ 84353 w 144849"/>
                <a:gd name="connsiteY230" fmla="*/ 13600 h 177173"/>
                <a:gd name="connsiteX231" fmla="*/ 84353 w 144849"/>
                <a:gd name="connsiteY231" fmla="*/ 18449 h 177173"/>
                <a:gd name="connsiteX232" fmla="*/ 84353 w 144849"/>
                <a:gd name="connsiteY232" fmla="*/ 21682 h 177173"/>
                <a:gd name="connsiteX233" fmla="*/ 85997 w 144849"/>
                <a:gd name="connsiteY233" fmla="*/ 24915 h 177173"/>
                <a:gd name="connsiteX234" fmla="*/ 89286 w 144849"/>
                <a:gd name="connsiteY234" fmla="*/ 28147 h 177173"/>
                <a:gd name="connsiteX235" fmla="*/ 87642 w 144849"/>
                <a:gd name="connsiteY235" fmla="*/ 34613 h 177173"/>
                <a:gd name="connsiteX236" fmla="*/ 85997 w 144849"/>
                <a:gd name="connsiteY236" fmla="*/ 36229 h 177173"/>
                <a:gd name="connsiteX237" fmla="*/ 85997 w 144849"/>
                <a:gd name="connsiteY237" fmla="*/ 39462 h 177173"/>
                <a:gd name="connsiteX238" fmla="*/ 84353 w 144849"/>
                <a:gd name="connsiteY238" fmla="*/ 42695 h 177173"/>
                <a:gd name="connsiteX239" fmla="*/ 81065 w 144849"/>
                <a:gd name="connsiteY239" fmla="*/ 45927 h 177173"/>
                <a:gd name="connsiteX240" fmla="*/ 76132 w 144849"/>
                <a:gd name="connsiteY240" fmla="*/ 49160 h 177173"/>
                <a:gd name="connsiteX241" fmla="*/ 74488 w 144849"/>
                <a:gd name="connsiteY241" fmla="*/ 54009 h 177173"/>
                <a:gd name="connsiteX242" fmla="*/ 71199 w 144849"/>
                <a:gd name="connsiteY242" fmla="*/ 55626 h 177173"/>
                <a:gd name="connsiteX243" fmla="*/ 71199 w 144849"/>
                <a:gd name="connsiteY243" fmla="*/ 63707 h 177173"/>
                <a:gd name="connsiteX244" fmla="*/ 72844 w 144849"/>
                <a:gd name="connsiteY244" fmla="*/ 66940 h 177173"/>
                <a:gd name="connsiteX245" fmla="*/ 72844 w 144849"/>
                <a:gd name="connsiteY245" fmla="*/ 70173 h 177173"/>
                <a:gd name="connsiteX246" fmla="*/ 74488 w 144849"/>
                <a:gd name="connsiteY246" fmla="*/ 73406 h 177173"/>
                <a:gd name="connsiteX247" fmla="*/ 77776 w 144849"/>
                <a:gd name="connsiteY247" fmla="*/ 78255 h 177173"/>
                <a:gd name="connsiteX248" fmla="*/ 79420 w 144849"/>
                <a:gd name="connsiteY248" fmla="*/ 81487 h 177173"/>
                <a:gd name="connsiteX249" fmla="*/ 74488 w 144849"/>
                <a:gd name="connsiteY249" fmla="*/ 83104 h 177173"/>
                <a:gd name="connsiteX250" fmla="*/ 71199 w 144849"/>
                <a:gd name="connsiteY250" fmla="*/ 86337 h 177173"/>
                <a:gd name="connsiteX251" fmla="*/ 67911 w 144849"/>
                <a:gd name="connsiteY251" fmla="*/ 86337 h 177173"/>
                <a:gd name="connsiteX252" fmla="*/ 62978 w 144849"/>
                <a:gd name="connsiteY252" fmla="*/ 84720 h 177173"/>
                <a:gd name="connsiteX253" fmla="*/ 59690 w 144849"/>
                <a:gd name="connsiteY253" fmla="*/ 83104 h 177173"/>
                <a:gd name="connsiteX254" fmla="*/ 56401 w 144849"/>
                <a:gd name="connsiteY254" fmla="*/ 76638 h 177173"/>
                <a:gd name="connsiteX255" fmla="*/ 59690 w 144849"/>
                <a:gd name="connsiteY255" fmla="*/ 75022 h 177173"/>
                <a:gd name="connsiteX256" fmla="*/ 64623 w 144849"/>
                <a:gd name="connsiteY256" fmla="*/ 75022 h 177173"/>
                <a:gd name="connsiteX257" fmla="*/ 67911 w 144849"/>
                <a:gd name="connsiteY257" fmla="*/ 71789 h 177173"/>
                <a:gd name="connsiteX258" fmla="*/ 62978 w 144849"/>
                <a:gd name="connsiteY258" fmla="*/ 68557 h 177173"/>
                <a:gd name="connsiteX259" fmla="*/ 61334 w 144849"/>
                <a:gd name="connsiteY259" fmla="*/ 68557 h 177173"/>
                <a:gd name="connsiteX260" fmla="*/ 58046 w 144849"/>
                <a:gd name="connsiteY260" fmla="*/ 68557 h 177173"/>
                <a:gd name="connsiteX261" fmla="*/ 54757 w 144849"/>
                <a:gd name="connsiteY261" fmla="*/ 70173 h 177173"/>
                <a:gd name="connsiteX262" fmla="*/ 51469 w 144849"/>
                <a:gd name="connsiteY262" fmla="*/ 71789 h 177173"/>
                <a:gd name="connsiteX263" fmla="*/ 48180 w 144849"/>
                <a:gd name="connsiteY263" fmla="*/ 68557 h 177173"/>
                <a:gd name="connsiteX264" fmla="*/ 46536 w 144849"/>
                <a:gd name="connsiteY264" fmla="*/ 63707 h 177173"/>
                <a:gd name="connsiteX265" fmla="*/ 46536 w 144849"/>
                <a:gd name="connsiteY265" fmla="*/ 62091 h 177173"/>
                <a:gd name="connsiteX266" fmla="*/ 46536 w 144849"/>
                <a:gd name="connsiteY266" fmla="*/ 55626 h 177173"/>
                <a:gd name="connsiteX267" fmla="*/ 44892 w 144849"/>
                <a:gd name="connsiteY267" fmla="*/ 50777 h 177173"/>
                <a:gd name="connsiteX268" fmla="*/ 43248 w 144849"/>
                <a:gd name="connsiteY268" fmla="*/ 45927 h 177173"/>
                <a:gd name="connsiteX269" fmla="*/ 43248 w 144849"/>
                <a:gd name="connsiteY269" fmla="*/ 42695 h 177173"/>
                <a:gd name="connsiteX270" fmla="*/ 46536 w 144849"/>
                <a:gd name="connsiteY270" fmla="*/ 42695 h 177173"/>
                <a:gd name="connsiteX271" fmla="*/ 49825 w 144849"/>
                <a:gd name="connsiteY271" fmla="*/ 44311 h 177173"/>
                <a:gd name="connsiteX272" fmla="*/ 53113 w 144849"/>
                <a:gd name="connsiteY272" fmla="*/ 44311 h 177173"/>
                <a:gd name="connsiteX273" fmla="*/ 53113 w 144849"/>
                <a:gd name="connsiteY273" fmla="*/ 41078 h 177173"/>
                <a:gd name="connsiteX274" fmla="*/ 53113 w 144849"/>
                <a:gd name="connsiteY274" fmla="*/ 34613 h 177173"/>
                <a:gd name="connsiteX275" fmla="*/ 53113 w 144849"/>
                <a:gd name="connsiteY275" fmla="*/ 31380 h 177173"/>
                <a:gd name="connsiteX276" fmla="*/ 54757 w 144849"/>
                <a:gd name="connsiteY276" fmla="*/ 28147 h 177173"/>
                <a:gd name="connsiteX277" fmla="*/ 54757 w 144849"/>
                <a:gd name="connsiteY277" fmla="*/ 23298 h 177173"/>
                <a:gd name="connsiteX278" fmla="*/ 54757 w 144849"/>
                <a:gd name="connsiteY278" fmla="*/ 15217 h 177173"/>
                <a:gd name="connsiteX279" fmla="*/ 56401 w 144849"/>
                <a:gd name="connsiteY279" fmla="*/ 8751 h 177173"/>
                <a:gd name="connsiteX280" fmla="*/ 58046 w 144849"/>
                <a:gd name="connsiteY280" fmla="*/ 3902 h 177173"/>
                <a:gd name="connsiteX281" fmla="*/ 64623 w 144849"/>
                <a:gd name="connsiteY281" fmla="*/ 669 h 1771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Lst>
              <a:rect l="l" t="t" r="r" b="b"/>
              <a:pathLst>
                <a:path w="144849" h="177173">
                  <a:moveTo>
                    <a:pt x="119448" y="146691"/>
                  </a:moveTo>
                  <a:cubicBezTo>
                    <a:pt x="121036" y="146691"/>
                    <a:pt x="121036" y="145103"/>
                    <a:pt x="122623" y="146691"/>
                  </a:cubicBezTo>
                  <a:cubicBezTo>
                    <a:pt x="124211" y="149866"/>
                    <a:pt x="124211" y="151453"/>
                    <a:pt x="124211" y="153041"/>
                  </a:cubicBezTo>
                  <a:cubicBezTo>
                    <a:pt x="124211" y="154628"/>
                    <a:pt x="122623" y="154628"/>
                    <a:pt x="121036" y="156216"/>
                  </a:cubicBezTo>
                  <a:cubicBezTo>
                    <a:pt x="119448" y="157804"/>
                    <a:pt x="117861" y="157804"/>
                    <a:pt x="117861" y="157804"/>
                  </a:cubicBezTo>
                  <a:cubicBezTo>
                    <a:pt x="117861" y="157804"/>
                    <a:pt x="117861" y="157804"/>
                    <a:pt x="114686" y="159391"/>
                  </a:cubicBezTo>
                  <a:cubicBezTo>
                    <a:pt x="114686" y="159391"/>
                    <a:pt x="113098" y="157804"/>
                    <a:pt x="111511" y="157804"/>
                  </a:cubicBezTo>
                  <a:cubicBezTo>
                    <a:pt x="109923" y="157804"/>
                    <a:pt x="108336" y="154628"/>
                    <a:pt x="109923" y="154628"/>
                  </a:cubicBezTo>
                  <a:cubicBezTo>
                    <a:pt x="111511" y="153041"/>
                    <a:pt x="111511" y="151453"/>
                    <a:pt x="111511" y="151453"/>
                  </a:cubicBezTo>
                  <a:cubicBezTo>
                    <a:pt x="113098" y="151453"/>
                    <a:pt x="114686" y="149866"/>
                    <a:pt x="116273" y="148278"/>
                  </a:cubicBezTo>
                  <a:cubicBezTo>
                    <a:pt x="117861" y="146691"/>
                    <a:pt x="116273" y="146691"/>
                    <a:pt x="119448" y="146691"/>
                  </a:cubicBezTo>
                  <a:close/>
                  <a:moveTo>
                    <a:pt x="141674" y="143516"/>
                  </a:moveTo>
                  <a:cubicBezTo>
                    <a:pt x="141674" y="143516"/>
                    <a:pt x="144849" y="145103"/>
                    <a:pt x="144849" y="146691"/>
                  </a:cubicBezTo>
                  <a:cubicBezTo>
                    <a:pt x="144849" y="148278"/>
                    <a:pt x="143262" y="151453"/>
                    <a:pt x="143262" y="151453"/>
                  </a:cubicBezTo>
                  <a:cubicBezTo>
                    <a:pt x="141674" y="149866"/>
                    <a:pt x="141674" y="149866"/>
                    <a:pt x="141674" y="148278"/>
                  </a:cubicBezTo>
                  <a:cubicBezTo>
                    <a:pt x="141674" y="145103"/>
                    <a:pt x="140086" y="141928"/>
                    <a:pt x="141674" y="143516"/>
                  </a:cubicBezTo>
                  <a:close/>
                  <a:moveTo>
                    <a:pt x="113098" y="130815"/>
                  </a:moveTo>
                  <a:cubicBezTo>
                    <a:pt x="114686" y="132403"/>
                    <a:pt x="113098" y="130815"/>
                    <a:pt x="114686" y="133990"/>
                  </a:cubicBezTo>
                  <a:cubicBezTo>
                    <a:pt x="114686" y="137165"/>
                    <a:pt x="114686" y="137165"/>
                    <a:pt x="114686" y="138753"/>
                  </a:cubicBezTo>
                  <a:cubicBezTo>
                    <a:pt x="114686" y="140341"/>
                    <a:pt x="114686" y="141928"/>
                    <a:pt x="113098" y="143516"/>
                  </a:cubicBezTo>
                  <a:cubicBezTo>
                    <a:pt x="113098" y="145103"/>
                    <a:pt x="113098" y="143516"/>
                    <a:pt x="111511" y="145103"/>
                  </a:cubicBezTo>
                  <a:cubicBezTo>
                    <a:pt x="109923" y="148278"/>
                    <a:pt x="108336" y="151453"/>
                    <a:pt x="108336" y="151453"/>
                  </a:cubicBezTo>
                  <a:cubicBezTo>
                    <a:pt x="108336" y="151453"/>
                    <a:pt x="105161" y="154628"/>
                    <a:pt x="105161" y="156216"/>
                  </a:cubicBezTo>
                  <a:cubicBezTo>
                    <a:pt x="103573" y="157804"/>
                    <a:pt x="103573" y="162566"/>
                    <a:pt x="103573" y="157804"/>
                  </a:cubicBezTo>
                  <a:cubicBezTo>
                    <a:pt x="103573" y="153041"/>
                    <a:pt x="103573" y="153041"/>
                    <a:pt x="103573" y="153041"/>
                  </a:cubicBezTo>
                  <a:cubicBezTo>
                    <a:pt x="103573" y="153041"/>
                    <a:pt x="100398" y="149866"/>
                    <a:pt x="100398" y="151453"/>
                  </a:cubicBezTo>
                  <a:cubicBezTo>
                    <a:pt x="100398" y="154628"/>
                    <a:pt x="100398" y="154628"/>
                    <a:pt x="100398" y="157804"/>
                  </a:cubicBezTo>
                  <a:cubicBezTo>
                    <a:pt x="100398" y="159391"/>
                    <a:pt x="98810" y="157804"/>
                    <a:pt x="100398" y="160979"/>
                  </a:cubicBezTo>
                  <a:cubicBezTo>
                    <a:pt x="100398" y="164154"/>
                    <a:pt x="100398" y="165741"/>
                    <a:pt x="100398" y="165741"/>
                  </a:cubicBezTo>
                  <a:cubicBezTo>
                    <a:pt x="100398" y="165741"/>
                    <a:pt x="97223" y="162566"/>
                    <a:pt x="95635" y="162566"/>
                  </a:cubicBezTo>
                  <a:cubicBezTo>
                    <a:pt x="95635" y="162566"/>
                    <a:pt x="94048" y="160979"/>
                    <a:pt x="92460" y="159391"/>
                  </a:cubicBezTo>
                  <a:cubicBezTo>
                    <a:pt x="90873" y="159391"/>
                    <a:pt x="89285" y="157804"/>
                    <a:pt x="89285" y="157804"/>
                  </a:cubicBezTo>
                  <a:cubicBezTo>
                    <a:pt x="89285" y="153041"/>
                    <a:pt x="87698" y="153041"/>
                    <a:pt x="89285" y="153041"/>
                  </a:cubicBezTo>
                  <a:cubicBezTo>
                    <a:pt x="92460" y="151453"/>
                    <a:pt x="90873" y="151453"/>
                    <a:pt x="92460" y="151453"/>
                  </a:cubicBezTo>
                  <a:cubicBezTo>
                    <a:pt x="94048" y="149866"/>
                    <a:pt x="94048" y="148278"/>
                    <a:pt x="94048" y="148278"/>
                  </a:cubicBezTo>
                  <a:cubicBezTo>
                    <a:pt x="94048" y="148278"/>
                    <a:pt x="95635" y="145103"/>
                    <a:pt x="95635" y="145103"/>
                  </a:cubicBezTo>
                  <a:cubicBezTo>
                    <a:pt x="95635" y="143516"/>
                    <a:pt x="95635" y="143516"/>
                    <a:pt x="95635" y="141928"/>
                  </a:cubicBezTo>
                  <a:cubicBezTo>
                    <a:pt x="95635" y="140341"/>
                    <a:pt x="94048" y="140341"/>
                    <a:pt x="95635" y="140341"/>
                  </a:cubicBezTo>
                  <a:cubicBezTo>
                    <a:pt x="95635" y="138753"/>
                    <a:pt x="95635" y="137165"/>
                    <a:pt x="97223" y="137165"/>
                  </a:cubicBezTo>
                  <a:cubicBezTo>
                    <a:pt x="97223" y="137165"/>
                    <a:pt x="98810" y="132403"/>
                    <a:pt x="100398" y="132403"/>
                  </a:cubicBezTo>
                  <a:cubicBezTo>
                    <a:pt x="101986" y="132403"/>
                    <a:pt x="101986" y="132403"/>
                    <a:pt x="103573" y="133990"/>
                  </a:cubicBezTo>
                  <a:cubicBezTo>
                    <a:pt x="106748" y="135578"/>
                    <a:pt x="106748" y="133990"/>
                    <a:pt x="106748" y="135578"/>
                  </a:cubicBezTo>
                  <a:cubicBezTo>
                    <a:pt x="106748" y="137165"/>
                    <a:pt x="106748" y="138753"/>
                    <a:pt x="106748" y="138753"/>
                  </a:cubicBezTo>
                  <a:cubicBezTo>
                    <a:pt x="105161" y="140341"/>
                    <a:pt x="105161" y="140341"/>
                    <a:pt x="105161" y="141928"/>
                  </a:cubicBezTo>
                  <a:cubicBezTo>
                    <a:pt x="103573" y="143516"/>
                    <a:pt x="101986" y="143516"/>
                    <a:pt x="103573" y="145103"/>
                  </a:cubicBezTo>
                  <a:cubicBezTo>
                    <a:pt x="103573" y="148278"/>
                    <a:pt x="101986" y="148278"/>
                    <a:pt x="103573" y="148278"/>
                  </a:cubicBezTo>
                  <a:cubicBezTo>
                    <a:pt x="105161" y="146691"/>
                    <a:pt x="103573" y="149866"/>
                    <a:pt x="105161" y="146691"/>
                  </a:cubicBezTo>
                  <a:cubicBezTo>
                    <a:pt x="106748" y="145103"/>
                    <a:pt x="106748" y="146691"/>
                    <a:pt x="106748" y="145103"/>
                  </a:cubicBezTo>
                  <a:cubicBezTo>
                    <a:pt x="108336" y="143516"/>
                    <a:pt x="108336" y="141928"/>
                    <a:pt x="109923" y="140341"/>
                  </a:cubicBezTo>
                  <a:cubicBezTo>
                    <a:pt x="109923" y="140341"/>
                    <a:pt x="109923" y="138753"/>
                    <a:pt x="109923" y="137165"/>
                  </a:cubicBezTo>
                  <a:cubicBezTo>
                    <a:pt x="109923" y="135578"/>
                    <a:pt x="109923" y="135578"/>
                    <a:pt x="111511" y="133990"/>
                  </a:cubicBezTo>
                  <a:cubicBezTo>
                    <a:pt x="111511" y="132403"/>
                    <a:pt x="109923" y="129228"/>
                    <a:pt x="113098" y="130815"/>
                  </a:cubicBezTo>
                  <a:close/>
                  <a:moveTo>
                    <a:pt x="38422" y="127641"/>
                  </a:moveTo>
                  <a:cubicBezTo>
                    <a:pt x="38422" y="127641"/>
                    <a:pt x="40073" y="129228"/>
                    <a:pt x="38422" y="130816"/>
                  </a:cubicBezTo>
                  <a:cubicBezTo>
                    <a:pt x="38422" y="132403"/>
                    <a:pt x="38422" y="132403"/>
                    <a:pt x="40073" y="135578"/>
                  </a:cubicBezTo>
                  <a:cubicBezTo>
                    <a:pt x="40073" y="137166"/>
                    <a:pt x="40073" y="137166"/>
                    <a:pt x="40073" y="143516"/>
                  </a:cubicBezTo>
                  <a:cubicBezTo>
                    <a:pt x="38422" y="149866"/>
                    <a:pt x="40073" y="143516"/>
                    <a:pt x="36771" y="145104"/>
                  </a:cubicBezTo>
                  <a:cubicBezTo>
                    <a:pt x="31818" y="146691"/>
                    <a:pt x="35120" y="146691"/>
                    <a:pt x="30167" y="151454"/>
                  </a:cubicBezTo>
                  <a:cubicBezTo>
                    <a:pt x="26865" y="151454"/>
                    <a:pt x="30167" y="151454"/>
                    <a:pt x="26865" y="153041"/>
                  </a:cubicBezTo>
                  <a:cubicBezTo>
                    <a:pt x="23563" y="156216"/>
                    <a:pt x="26865" y="153041"/>
                    <a:pt x="25214" y="157804"/>
                  </a:cubicBezTo>
                  <a:cubicBezTo>
                    <a:pt x="25214" y="157804"/>
                    <a:pt x="25214" y="159391"/>
                    <a:pt x="20261" y="162566"/>
                  </a:cubicBezTo>
                  <a:cubicBezTo>
                    <a:pt x="18610" y="164154"/>
                    <a:pt x="16959" y="165741"/>
                    <a:pt x="15308" y="167329"/>
                  </a:cubicBezTo>
                  <a:cubicBezTo>
                    <a:pt x="13657" y="168916"/>
                    <a:pt x="13657" y="168916"/>
                    <a:pt x="12006" y="170504"/>
                  </a:cubicBezTo>
                  <a:cubicBezTo>
                    <a:pt x="8704" y="170504"/>
                    <a:pt x="8704" y="172091"/>
                    <a:pt x="5402" y="172091"/>
                  </a:cubicBezTo>
                  <a:cubicBezTo>
                    <a:pt x="3751" y="173679"/>
                    <a:pt x="2100" y="178441"/>
                    <a:pt x="449" y="176854"/>
                  </a:cubicBezTo>
                  <a:cubicBezTo>
                    <a:pt x="-1202" y="175266"/>
                    <a:pt x="2100" y="172091"/>
                    <a:pt x="3751" y="170504"/>
                  </a:cubicBezTo>
                  <a:cubicBezTo>
                    <a:pt x="3751" y="167329"/>
                    <a:pt x="5402" y="167329"/>
                    <a:pt x="7053" y="165741"/>
                  </a:cubicBezTo>
                  <a:cubicBezTo>
                    <a:pt x="8704" y="164154"/>
                    <a:pt x="12006" y="164154"/>
                    <a:pt x="12006" y="162566"/>
                  </a:cubicBezTo>
                  <a:cubicBezTo>
                    <a:pt x="13657" y="160979"/>
                    <a:pt x="16959" y="159391"/>
                    <a:pt x="18610" y="157804"/>
                  </a:cubicBezTo>
                  <a:cubicBezTo>
                    <a:pt x="20261" y="154629"/>
                    <a:pt x="20261" y="154629"/>
                    <a:pt x="20261" y="153041"/>
                  </a:cubicBezTo>
                  <a:cubicBezTo>
                    <a:pt x="20261" y="151454"/>
                    <a:pt x="21912" y="151454"/>
                    <a:pt x="25214" y="148279"/>
                  </a:cubicBezTo>
                  <a:cubicBezTo>
                    <a:pt x="28516" y="146691"/>
                    <a:pt x="28516" y="146691"/>
                    <a:pt x="31818" y="140341"/>
                  </a:cubicBezTo>
                  <a:cubicBezTo>
                    <a:pt x="33469" y="138753"/>
                    <a:pt x="35120" y="138753"/>
                    <a:pt x="36771" y="132403"/>
                  </a:cubicBezTo>
                  <a:cubicBezTo>
                    <a:pt x="36771" y="130816"/>
                    <a:pt x="38422" y="127641"/>
                    <a:pt x="38422" y="127641"/>
                  </a:cubicBezTo>
                  <a:close/>
                  <a:moveTo>
                    <a:pt x="129714" y="103828"/>
                  </a:moveTo>
                  <a:cubicBezTo>
                    <a:pt x="129714" y="103828"/>
                    <a:pt x="133101" y="103828"/>
                    <a:pt x="133101" y="103828"/>
                  </a:cubicBezTo>
                  <a:cubicBezTo>
                    <a:pt x="134794" y="103828"/>
                    <a:pt x="136487" y="105470"/>
                    <a:pt x="139874" y="108755"/>
                  </a:cubicBezTo>
                  <a:cubicBezTo>
                    <a:pt x="139874" y="108755"/>
                    <a:pt x="141568" y="110397"/>
                    <a:pt x="141568" y="112039"/>
                  </a:cubicBezTo>
                  <a:cubicBezTo>
                    <a:pt x="141568" y="113681"/>
                    <a:pt x="141568" y="115324"/>
                    <a:pt x="141568" y="116966"/>
                  </a:cubicBezTo>
                  <a:cubicBezTo>
                    <a:pt x="141568" y="118608"/>
                    <a:pt x="141568" y="118608"/>
                    <a:pt x="141568" y="125177"/>
                  </a:cubicBezTo>
                  <a:cubicBezTo>
                    <a:pt x="141568" y="130104"/>
                    <a:pt x="141568" y="125177"/>
                    <a:pt x="143261" y="130104"/>
                  </a:cubicBezTo>
                  <a:cubicBezTo>
                    <a:pt x="143261" y="130104"/>
                    <a:pt x="141568" y="131746"/>
                    <a:pt x="139874" y="131746"/>
                  </a:cubicBezTo>
                  <a:cubicBezTo>
                    <a:pt x="138181" y="133388"/>
                    <a:pt x="138181" y="131746"/>
                    <a:pt x="133101" y="131746"/>
                  </a:cubicBezTo>
                  <a:cubicBezTo>
                    <a:pt x="129714" y="131746"/>
                    <a:pt x="133101" y="133388"/>
                    <a:pt x="134794" y="138315"/>
                  </a:cubicBezTo>
                  <a:cubicBezTo>
                    <a:pt x="136487" y="139957"/>
                    <a:pt x="136487" y="141599"/>
                    <a:pt x="136487" y="141599"/>
                  </a:cubicBezTo>
                  <a:cubicBezTo>
                    <a:pt x="136487" y="141599"/>
                    <a:pt x="136487" y="143242"/>
                    <a:pt x="136487" y="144884"/>
                  </a:cubicBezTo>
                  <a:cubicBezTo>
                    <a:pt x="136487" y="146526"/>
                    <a:pt x="134794" y="146526"/>
                    <a:pt x="133101" y="148169"/>
                  </a:cubicBezTo>
                  <a:cubicBezTo>
                    <a:pt x="131407" y="149811"/>
                    <a:pt x="131407" y="151453"/>
                    <a:pt x="129714" y="149811"/>
                  </a:cubicBezTo>
                  <a:cubicBezTo>
                    <a:pt x="126327" y="149811"/>
                    <a:pt x="128021" y="148169"/>
                    <a:pt x="126327" y="146526"/>
                  </a:cubicBezTo>
                  <a:cubicBezTo>
                    <a:pt x="126327" y="144884"/>
                    <a:pt x="128021" y="143242"/>
                    <a:pt x="129714" y="141599"/>
                  </a:cubicBezTo>
                  <a:cubicBezTo>
                    <a:pt x="129714" y="138315"/>
                    <a:pt x="128021" y="138315"/>
                    <a:pt x="128021" y="136673"/>
                  </a:cubicBezTo>
                  <a:cubicBezTo>
                    <a:pt x="126327" y="135030"/>
                    <a:pt x="124634" y="136673"/>
                    <a:pt x="124634" y="136673"/>
                  </a:cubicBezTo>
                  <a:cubicBezTo>
                    <a:pt x="122941" y="136673"/>
                    <a:pt x="121247" y="133388"/>
                    <a:pt x="119554" y="133388"/>
                  </a:cubicBezTo>
                  <a:cubicBezTo>
                    <a:pt x="117861" y="133388"/>
                    <a:pt x="119554" y="130104"/>
                    <a:pt x="119554" y="128461"/>
                  </a:cubicBezTo>
                  <a:cubicBezTo>
                    <a:pt x="119554" y="126819"/>
                    <a:pt x="119554" y="126819"/>
                    <a:pt x="121247" y="125177"/>
                  </a:cubicBezTo>
                  <a:cubicBezTo>
                    <a:pt x="122941" y="123535"/>
                    <a:pt x="124634" y="123535"/>
                    <a:pt x="122941" y="121893"/>
                  </a:cubicBezTo>
                  <a:cubicBezTo>
                    <a:pt x="122941" y="120250"/>
                    <a:pt x="124634" y="121893"/>
                    <a:pt x="126327" y="120250"/>
                  </a:cubicBezTo>
                  <a:cubicBezTo>
                    <a:pt x="128021" y="118608"/>
                    <a:pt x="126327" y="120250"/>
                    <a:pt x="126327" y="118608"/>
                  </a:cubicBezTo>
                  <a:cubicBezTo>
                    <a:pt x="124634" y="116966"/>
                    <a:pt x="126327" y="115324"/>
                    <a:pt x="124634" y="113681"/>
                  </a:cubicBezTo>
                  <a:cubicBezTo>
                    <a:pt x="124634" y="112039"/>
                    <a:pt x="122941" y="112039"/>
                    <a:pt x="121247" y="110397"/>
                  </a:cubicBezTo>
                  <a:cubicBezTo>
                    <a:pt x="117861" y="108755"/>
                    <a:pt x="119554" y="108755"/>
                    <a:pt x="119554" y="105470"/>
                  </a:cubicBezTo>
                  <a:cubicBezTo>
                    <a:pt x="119554" y="103828"/>
                    <a:pt x="122941" y="108755"/>
                    <a:pt x="122941" y="107112"/>
                  </a:cubicBezTo>
                  <a:cubicBezTo>
                    <a:pt x="122941" y="103828"/>
                    <a:pt x="126327" y="105470"/>
                    <a:pt x="126327" y="105470"/>
                  </a:cubicBezTo>
                  <a:cubicBezTo>
                    <a:pt x="128021" y="105470"/>
                    <a:pt x="128021" y="105470"/>
                    <a:pt x="129714" y="103828"/>
                  </a:cubicBezTo>
                  <a:close/>
                  <a:moveTo>
                    <a:pt x="79760" y="103828"/>
                  </a:moveTo>
                  <a:cubicBezTo>
                    <a:pt x="78173" y="103828"/>
                    <a:pt x="82935" y="103828"/>
                    <a:pt x="84523" y="103828"/>
                  </a:cubicBezTo>
                  <a:cubicBezTo>
                    <a:pt x="86110" y="105482"/>
                    <a:pt x="87698" y="107135"/>
                    <a:pt x="87698" y="110443"/>
                  </a:cubicBezTo>
                  <a:cubicBezTo>
                    <a:pt x="87698" y="110443"/>
                    <a:pt x="86110" y="110443"/>
                    <a:pt x="82935" y="113750"/>
                  </a:cubicBezTo>
                  <a:cubicBezTo>
                    <a:pt x="82935" y="115404"/>
                    <a:pt x="82935" y="117057"/>
                    <a:pt x="81348" y="117057"/>
                  </a:cubicBezTo>
                  <a:cubicBezTo>
                    <a:pt x="79760" y="118711"/>
                    <a:pt x="84523" y="120365"/>
                    <a:pt x="87698" y="120365"/>
                  </a:cubicBezTo>
                  <a:cubicBezTo>
                    <a:pt x="89285" y="120365"/>
                    <a:pt x="89285" y="122018"/>
                    <a:pt x="90873" y="123672"/>
                  </a:cubicBezTo>
                  <a:cubicBezTo>
                    <a:pt x="90873" y="123672"/>
                    <a:pt x="94048" y="123672"/>
                    <a:pt x="94048" y="123672"/>
                  </a:cubicBezTo>
                  <a:cubicBezTo>
                    <a:pt x="95635" y="122018"/>
                    <a:pt x="97223" y="123672"/>
                    <a:pt x="97223" y="123672"/>
                  </a:cubicBezTo>
                  <a:cubicBezTo>
                    <a:pt x="97223" y="123672"/>
                    <a:pt x="97223" y="123672"/>
                    <a:pt x="100398" y="125326"/>
                  </a:cubicBezTo>
                  <a:cubicBezTo>
                    <a:pt x="100398" y="125326"/>
                    <a:pt x="100398" y="125326"/>
                    <a:pt x="100398" y="128633"/>
                  </a:cubicBezTo>
                  <a:cubicBezTo>
                    <a:pt x="100398" y="128633"/>
                    <a:pt x="98810" y="130287"/>
                    <a:pt x="95635" y="133594"/>
                  </a:cubicBezTo>
                  <a:cubicBezTo>
                    <a:pt x="94048" y="133594"/>
                    <a:pt x="94048" y="133594"/>
                    <a:pt x="90873" y="136901"/>
                  </a:cubicBezTo>
                  <a:cubicBezTo>
                    <a:pt x="89285" y="138555"/>
                    <a:pt x="92460" y="138555"/>
                    <a:pt x="89285" y="141862"/>
                  </a:cubicBezTo>
                  <a:cubicBezTo>
                    <a:pt x="89285" y="141862"/>
                    <a:pt x="86110" y="138555"/>
                    <a:pt x="86110" y="138555"/>
                  </a:cubicBezTo>
                  <a:cubicBezTo>
                    <a:pt x="86110" y="140209"/>
                    <a:pt x="86110" y="140209"/>
                    <a:pt x="84523" y="140209"/>
                  </a:cubicBezTo>
                  <a:cubicBezTo>
                    <a:pt x="82935" y="140209"/>
                    <a:pt x="82935" y="140209"/>
                    <a:pt x="81348" y="141862"/>
                  </a:cubicBezTo>
                  <a:cubicBezTo>
                    <a:pt x="79760" y="143516"/>
                    <a:pt x="81348" y="143516"/>
                    <a:pt x="79760" y="143516"/>
                  </a:cubicBezTo>
                  <a:cubicBezTo>
                    <a:pt x="78173" y="143516"/>
                    <a:pt x="79760" y="143516"/>
                    <a:pt x="79760" y="141862"/>
                  </a:cubicBezTo>
                  <a:cubicBezTo>
                    <a:pt x="78173" y="138555"/>
                    <a:pt x="79760" y="140209"/>
                    <a:pt x="81348" y="135248"/>
                  </a:cubicBezTo>
                  <a:cubicBezTo>
                    <a:pt x="82935" y="131940"/>
                    <a:pt x="81348" y="135248"/>
                    <a:pt x="81348" y="133594"/>
                  </a:cubicBezTo>
                  <a:cubicBezTo>
                    <a:pt x="82935" y="130287"/>
                    <a:pt x="82935" y="126979"/>
                    <a:pt x="82935" y="125326"/>
                  </a:cubicBezTo>
                  <a:cubicBezTo>
                    <a:pt x="81348" y="122018"/>
                    <a:pt x="81348" y="122018"/>
                    <a:pt x="81348" y="120365"/>
                  </a:cubicBezTo>
                  <a:cubicBezTo>
                    <a:pt x="79760" y="117057"/>
                    <a:pt x="81348" y="120365"/>
                    <a:pt x="79760" y="118711"/>
                  </a:cubicBezTo>
                  <a:cubicBezTo>
                    <a:pt x="79760" y="115404"/>
                    <a:pt x="79760" y="115404"/>
                    <a:pt x="78173" y="113750"/>
                  </a:cubicBezTo>
                  <a:cubicBezTo>
                    <a:pt x="78173" y="112096"/>
                    <a:pt x="78173" y="113750"/>
                    <a:pt x="79760" y="112096"/>
                  </a:cubicBezTo>
                  <a:cubicBezTo>
                    <a:pt x="79760" y="110443"/>
                    <a:pt x="79760" y="110443"/>
                    <a:pt x="79760" y="107135"/>
                  </a:cubicBezTo>
                  <a:cubicBezTo>
                    <a:pt x="79760" y="105482"/>
                    <a:pt x="81348" y="105482"/>
                    <a:pt x="79760" y="103828"/>
                  </a:cubicBezTo>
                  <a:close/>
                  <a:moveTo>
                    <a:pt x="100398" y="99065"/>
                  </a:moveTo>
                  <a:cubicBezTo>
                    <a:pt x="101986" y="97478"/>
                    <a:pt x="101986" y="102240"/>
                    <a:pt x="103573" y="102240"/>
                  </a:cubicBezTo>
                  <a:cubicBezTo>
                    <a:pt x="105161" y="103828"/>
                    <a:pt x="105161" y="103828"/>
                    <a:pt x="106748" y="105415"/>
                  </a:cubicBezTo>
                  <a:cubicBezTo>
                    <a:pt x="106748" y="105415"/>
                    <a:pt x="108336" y="107003"/>
                    <a:pt x="108336" y="107003"/>
                  </a:cubicBezTo>
                  <a:cubicBezTo>
                    <a:pt x="109923" y="108590"/>
                    <a:pt x="113098" y="110178"/>
                    <a:pt x="113098" y="110178"/>
                  </a:cubicBezTo>
                  <a:cubicBezTo>
                    <a:pt x="114686" y="108590"/>
                    <a:pt x="114686" y="111765"/>
                    <a:pt x="114686" y="111765"/>
                  </a:cubicBezTo>
                  <a:cubicBezTo>
                    <a:pt x="114686" y="113353"/>
                    <a:pt x="114686" y="114940"/>
                    <a:pt x="113098" y="114940"/>
                  </a:cubicBezTo>
                  <a:cubicBezTo>
                    <a:pt x="113098" y="116528"/>
                    <a:pt x="113098" y="118115"/>
                    <a:pt x="111511" y="119703"/>
                  </a:cubicBezTo>
                  <a:cubicBezTo>
                    <a:pt x="109923" y="119703"/>
                    <a:pt x="109923" y="114940"/>
                    <a:pt x="109923" y="113353"/>
                  </a:cubicBezTo>
                  <a:cubicBezTo>
                    <a:pt x="108336" y="111765"/>
                    <a:pt x="106748" y="111765"/>
                    <a:pt x="105161" y="111765"/>
                  </a:cubicBezTo>
                  <a:cubicBezTo>
                    <a:pt x="105161" y="111765"/>
                    <a:pt x="105161" y="113353"/>
                    <a:pt x="105161" y="114940"/>
                  </a:cubicBezTo>
                  <a:cubicBezTo>
                    <a:pt x="105161" y="116528"/>
                    <a:pt x="105161" y="118115"/>
                    <a:pt x="103573" y="118115"/>
                  </a:cubicBezTo>
                  <a:cubicBezTo>
                    <a:pt x="101986" y="119703"/>
                    <a:pt x="100398" y="118115"/>
                    <a:pt x="98811" y="118115"/>
                  </a:cubicBezTo>
                  <a:cubicBezTo>
                    <a:pt x="95636" y="116528"/>
                    <a:pt x="100398" y="114940"/>
                    <a:pt x="101986" y="111765"/>
                  </a:cubicBezTo>
                  <a:cubicBezTo>
                    <a:pt x="103573" y="110178"/>
                    <a:pt x="101986" y="108590"/>
                    <a:pt x="100398" y="105415"/>
                  </a:cubicBezTo>
                  <a:cubicBezTo>
                    <a:pt x="100398" y="103828"/>
                    <a:pt x="97223" y="99065"/>
                    <a:pt x="100398" y="99065"/>
                  </a:cubicBezTo>
                  <a:close/>
                  <a:moveTo>
                    <a:pt x="78173" y="89541"/>
                  </a:moveTo>
                  <a:cubicBezTo>
                    <a:pt x="78173" y="89541"/>
                    <a:pt x="82936" y="89541"/>
                    <a:pt x="82936" y="92716"/>
                  </a:cubicBezTo>
                  <a:cubicBezTo>
                    <a:pt x="81348" y="94303"/>
                    <a:pt x="82936" y="94303"/>
                    <a:pt x="81348" y="94303"/>
                  </a:cubicBezTo>
                  <a:cubicBezTo>
                    <a:pt x="81348" y="95891"/>
                    <a:pt x="79761" y="94303"/>
                    <a:pt x="78173" y="94303"/>
                  </a:cubicBezTo>
                  <a:cubicBezTo>
                    <a:pt x="76586" y="94303"/>
                    <a:pt x="78173" y="91128"/>
                    <a:pt x="78173" y="89541"/>
                  </a:cubicBezTo>
                  <a:close/>
                  <a:moveTo>
                    <a:pt x="48098" y="84778"/>
                  </a:moveTo>
                  <a:cubicBezTo>
                    <a:pt x="49774" y="83191"/>
                    <a:pt x="51450" y="86366"/>
                    <a:pt x="53126" y="87953"/>
                  </a:cubicBezTo>
                  <a:cubicBezTo>
                    <a:pt x="54801" y="91129"/>
                    <a:pt x="54801" y="89541"/>
                    <a:pt x="56477" y="89541"/>
                  </a:cubicBezTo>
                  <a:cubicBezTo>
                    <a:pt x="56477" y="91129"/>
                    <a:pt x="58153" y="91129"/>
                    <a:pt x="59829" y="91129"/>
                  </a:cubicBezTo>
                  <a:cubicBezTo>
                    <a:pt x="61504" y="89541"/>
                    <a:pt x="63180" y="91129"/>
                    <a:pt x="69883" y="94304"/>
                  </a:cubicBezTo>
                  <a:cubicBezTo>
                    <a:pt x="76586" y="95891"/>
                    <a:pt x="71559" y="94304"/>
                    <a:pt x="71559" y="95891"/>
                  </a:cubicBezTo>
                  <a:cubicBezTo>
                    <a:pt x="71559" y="97479"/>
                    <a:pt x="71559" y="99066"/>
                    <a:pt x="71559" y="102241"/>
                  </a:cubicBezTo>
                  <a:cubicBezTo>
                    <a:pt x="71559" y="105416"/>
                    <a:pt x="71559" y="108591"/>
                    <a:pt x="71559" y="108591"/>
                  </a:cubicBezTo>
                  <a:cubicBezTo>
                    <a:pt x="71559" y="110179"/>
                    <a:pt x="69883" y="110179"/>
                    <a:pt x="68207" y="111766"/>
                  </a:cubicBezTo>
                  <a:cubicBezTo>
                    <a:pt x="66531" y="113354"/>
                    <a:pt x="66531" y="113354"/>
                    <a:pt x="64856" y="111766"/>
                  </a:cubicBezTo>
                  <a:cubicBezTo>
                    <a:pt x="63180" y="110179"/>
                    <a:pt x="63180" y="108591"/>
                    <a:pt x="61504" y="107004"/>
                  </a:cubicBezTo>
                  <a:cubicBezTo>
                    <a:pt x="61504" y="105416"/>
                    <a:pt x="61504" y="103829"/>
                    <a:pt x="59829" y="102241"/>
                  </a:cubicBezTo>
                  <a:cubicBezTo>
                    <a:pt x="58153" y="99066"/>
                    <a:pt x="59829" y="99066"/>
                    <a:pt x="58153" y="97479"/>
                  </a:cubicBezTo>
                  <a:cubicBezTo>
                    <a:pt x="56477" y="97479"/>
                    <a:pt x="56477" y="95891"/>
                    <a:pt x="54801" y="94304"/>
                  </a:cubicBezTo>
                  <a:cubicBezTo>
                    <a:pt x="53126" y="92716"/>
                    <a:pt x="54801" y="91129"/>
                    <a:pt x="53126" y="89541"/>
                  </a:cubicBezTo>
                  <a:cubicBezTo>
                    <a:pt x="49774" y="87953"/>
                    <a:pt x="51450" y="87953"/>
                    <a:pt x="49774" y="87953"/>
                  </a:cubicBezTo>
                  <a:cubicBezTo>
                    <a:pt x="48098" y="86366"/>
                    <a:pt x="46423" y="84778"/>
                    <a:pt x="48098" y="84778"/>
                  </a:cubicBezTo>
                  <a:close/>
                  <a:moveTo>
                    <a:pt x="90874" y="83191"/>
                  </a:moveTo>
                  <a:lnTo>
                    <a:pt x="95635" y="86365"/>
                  </a:lnTo>
                  <a:lnTo>
                    <a:pt x="94048" y="83191"/>
                  </a:lnTo>
                  <a:close/>
                  <a:moveTo>
                    <a:pt x="118059" y="80611"/>
                  </a:moveTo>
                  <a:cubicBezTo>
                    <a:pt x="118654" y="81206"/>
                    <a:pt x="119448" y="82397"/>
                    <a:pt x="121035" y="83191"/>
                  </a:cubicBezTo>
                  <a:cubicBezTo>
                    <a:pt x="122623" y="83191"/>
                    <a:pt x="121035" y="83191"/>
                    <a:pt x="121035" y="84778"/>
                  </a:cubicBezTo>
                  <a:cubicBezTo>
                    <a:pt x="121035" y="86366"/>
                    <a:pt x="121035" y="86366"/>
                    <a:pt x="121035" y="87953"/>
                  </a:cubicBezTo>
                  <a:cubicBezTo>
                    <a:pt x="121035" y="89541"/>
                    <a:pt x="121035" y="89541"/>
                    <a:pt x="117860" y="89541"/>
                  </a:cubicBezTo>
                  <a:cubicBezTo>
                    <a:pt x="114685" y="87953"/>
                    <a:pt x="117860" y="89541"/>
                    <a:pt x="114685" y="87953"/>
                  </a:cubicBezTo>
                  <a:cubicBezTo>
                    <a:pt x="113098" y="86366"/>
                    <a:pt x="114685" y="87953"/>
                    <a:pt x="114685" y="86366"/>
                  </a:cubicBezTo>
                  <a:cubicBezTo>
                    <a:pt x="114685" y="84778"/>
                    <a:pt x="116273" y="81603"/>
                    <a:pt x="116273" y="81603"/>
                  </a:cubicBezTo>
                  <a:cubicBezTo>
                    <a:pt x="117066" y="80016"/>
                    <a:pt x="117463" y="80016"/>
                    <a:pt x="118059" y="80611"/>
                  </a:cubicBezTo>
                  <a:close/>
                  <a:moveTo>
                    <a:pt x="92461" y="76841"/>
                  </a:moveTo>
                  <a:cubicBezTo>
                    <a:pt x="92461" y="76841"/>
                    <a:pt x="95636" y="76841"/>
                    <a:pt x="97223" y="78428"/>
                  </a:cubicBezTo>
                  <a:cubicBezTo>
                    <a:pt x="98811" y="81603"/>
                    <a:pt x="98811" y="81603"/>
                    <a:pt x="98811" y="83191"/>
                  </a:cubicBezTo>
                  <a:cubicBezTo>
                    <a:pt x="98811" y="83191"/>
                    <a:pt x="98811" y="84779"/>
                    <a:pt x="98811" y="84779"/>
                  </a:cubicBezTo>
                  <a:cubicBezTo>
                    <a:pt x="100398" y="84779"/>
                    <a:pt x="100398" y="84779"/>
                    <a:pt x="101986" y="84779"/>
                  </a:cubicBezTo>
                  <a:cubicBezTo>
                    <a:pt x="101986" y="83191"/>
                    <a:pt x="101986" y="81603"/>
                    <a:pt x="103573" y="80016"/>
                  </a:cubicBezTo>
                  <a:cubicBezTo>
                    <a:pt x="105161" y="78428"/>
                    <a:pt x="106748" y="80016"/>
                    <a:pt x="108336" y="83191"/>
                  </a:cubicBezTo>
                  <a:cubicBezTo>
                    <a:pt x="109923" y="84779"/>
                    <a:pt x="109923" y="83191"/>
                    <a:pt x="109923" y="83191"/>
                  </a:cubicBezTo>
                  <a:cubicBezTo>
                    <a:pt x="111511" y="83191"/>
                    <a:pt x="111511" y="83191"/>
                    <a:pt x="113098" y="86366"/>
                  </a:cubicBezTo>
                  <a:cubicBezTo>
                    <a:pt x="113098" y="87954"/>
                    <a:pt x="109923" y="89541"/>
                    <a:pt x="109923" y="89541"/>
                  </a:cubicBezTo>
                  <a:cubicBezTo>
                    <a:pt x="109923" y="92716"/>
                    <a:pt x="109923" y="89541"/>
                    <a:pt x="109923" y="92716"/>
                  </a:cubicBezTo>
                  <a:cubicBezTo>
                    <a:pt x="109923" y="94304"/>
                    <a:pt x="111511" y="94304"/>
                    <a:pt x="113098" y="95891"/>
                  </a:cubicBezTo>
                  <a:cubicBezTo>
                    <a:pt x="113098" y="95891"/>
                    <a:pt x="114686" y="95891"/>
                    <a:pt x="116273" y="95891"/>
                  </a:cubicBezTo>
                  <a:cubicBezTo>
                    <a:pt x="117861" y="94304"/>
                    <a:pt x="117861" y="97479"/>
                    <a:pt x="117861" y="97479"/>
                  </a:cubicBezTo>
                  <a:cubicBezTo>
                    <a:pt x="117861" y="99066"/>
                    <a:pt x="117861" y="99066"/>
                    <a:pt x="117861" y="100654"/>
                  </a:cubicBezTo>
                  <a:cubicBezTo>
                    <a:pt x="117861" y="102241"/>
                    <a:pt x="117861" y="103829"/>
                    <a:pt x="117861" y="103829"/>
                  </a:cubicBezTo>
                  <a:cubicBezTo>
                    <a:pt x="117861" y="105416"/>
                    <a:pt x="117861" y="107004"/>
                    <a:pt x="116273" y="107004"/>
                  </a:cubicBezTo>
                  <a:cubicBezTo>
                    <a:pt x="116273" y="107004"/>
                    <a:pt x="114686" y="107004"/>
                    <a:pt x="113098" y="105416"/>
                  </a:cubicBezTo>
                  <a:cubicBezTo>
                    <a:pt x="113098" y="105416"/>
                    <a:pt x="111511" y="103829"/>
                    <a:pt x="108336" y="100654"/>
                  </a:cubicBezTo>
                  <a:cubicBezTo>
                    <a:pt x="105161" y="99066"/>
                    <a:pt x="108336" y="100654"/>
                    <a:pt x="106748" y="100654"/>
                  </a:cubicBezTo>
                  <a:cubicBezTo>
                    <a:pt x="103573" y="99066"/>
                    <a:pt x="103573" y="99066"/>
                    <a:pt x="103573" y="99066"/>
                  </a:cubicBezTo>
                  <a:cubicBezTo>
                    <a:pt x="101986" y="97479"/>
                    <a:pt x="101986" y="95891"/>
                    <a:pt x="100398" y="92716"/>
                  </a:cubicBezTo>
                  <a:cubicBezTo>
                    <a:pt x="100398" y="91129"/>
                    <a:pt x="98811" y="91129"/>
                    <a:pt x="95636" y="89541"/>
                  </a:cubicBezTo>
                  <a:cubicBezTo>
                    <a:pt x="92461" y="87954"/>
                    <a:pt x="95636" y="89541"/>
                    <a:pt x="95636" y="87954"/>
                  </a:cubicBezTo>
                  <a:cubicBezTo>
                    <a:pt x="95636" y="86366"/>
                    <a:pt x="95636" y="86366"/>
                    <a:pt x="95636" y="86366"/>
                  </a:cubicBezTo>
                  <a:lnTo>
                    <a:pt x="95636" y="86366"/>
                  </a:lnTo>
                  <a:lnTo>
                    <a:pt x="89286" y="86366"/>
                  </a:lnTo>
                  <a:cubicBezTo>
                    <a:pt x="87698" y="86366"/>
                    <a:pt x="89286" y="86366"/>
                    <a:pt x="89286" y="87953"/>
                  </a:cubicBezTo>
                  <a:cubicBezTo>
                    <a:pt x="89286" y="89541"/>
                    <a:pt x="90873" y="89541"/>
                    <a:pt x="92461" y="94303"/>
                  </a:cubicBezTo>
                  <a:cubicBezTo>
                    <a:pt x="94048" y="99066"/>
                    <a:pt x="92461" y="95891"/>
                    <a:pt x="90873" y="97478"/>
                  </a:cubicBezTo>
                  <a:cubicBezTo>
                    <a:pt x="89286" y="97478"/>
                    <a:pt x="90873" y="94303"/>
                    <a:pt x="89286" y="92716"/>
                  </a:cubicBezTo>
                  <a:cubicBezTo>
                    <a:pt x="89286" y="89541"/>
                    <a:pt x="89286" y="91128"/>
                    <a:pt x="86110" y="89541"/>
                  </a:cubicBezTo>
                  <a:cubicBezTo>
                    <a:pt x="84523" y="89541"/>
                    <a:pt x="86110" y="89541"/>
                    <a:pt x="82935" y="86366"/>
                  </a:cubicBezTo>
                  <a:cubicBezTo>
                    <a:pt x="82935" y="84778"/>
                    <a:pt x="81348" y="84778"/>
                    <a:pt x="79760" y="84778"/>
                  </a:cubicBezTo>
                  <a:cubicBezTo>
                    <a:pt x="78173" y="83190"/>
                    <a:pt x="79760" y="83190"/>
                    <a:pt x="81348" y="81603"/>
                  </a:cubicBezTo>
                  <a:cubicBezTo>
                    <a:pt x="81348" y="81603"/>
                    <a:pt x="81348" y="80015"/>
                    <a:pt x="82935" y="80015"/>
                  </a:cubicBezTo>
                  <a:cubicBezTo>
                    <a:pt x="84523" y="78428"/>
                    <a:pt x="86110" y="80015"/>
                    <a:pt x="86110" y="80015"/>
                  </a:cubicBezTo>
                  <a:lnTo>
                    <a:pt x="90873" y="83190"/>
                  </a:lnTo>
                  <a:lnTo>
                    <a:pt x="89286" y="80016"/>
                  </a:lnTo>
                  <a:cubicBezTo>
                    <a:pt x="87698" y="80016"/>
                    <a:pt x="86111" y="78428"/>
                    <a:pt x="87698" y="78428"/>
                  </a:cubicBezTo>
                  <a:cubicBezTo>
                    <a:pt x="89286" y="78428"/>
                    <a:pt x="90873" y="76841"/>
                    <a:pt x="92461" y="76841"/>
                  </a:cubicBezTo>
                  <a:close/>
                  <a:moveTo>
                    <a:pt x="64623" y="669"/>
                  </a:moveTo>
                  <a:cubicBezTo>
                    <a:pt x="67911" y="-947"/>
                    <a:pt x="66267" y="669"/>
                    <a:pt x="67911" y="2286"/>
                  </a:cubicBezTo>
                  <a:cubicBezTo>
                    <a:pt x="69555" y="3902"/>
                    <a:pt x="71199" y="2286"/>
                    <a:pt x="72844" y="3902"/>
                  </a:cubicBezTo>
                  <a:cubicBezTo>
                    <a:pt x="76132" y="3902"/>
                    <a:pt x="74488" y="5518"/>
                    <a:pt x="76132" y="7135"/>
                  </a:cubicBezTo>
                  <a:cubicBezTo>
                    <a:pt x="77776" y="10367"/>
                    <a:pt x="76132" y="7135"/>
                    <a:pt x="79420" y="7135"/>
                  </a:cubicBezTo>
                  <a:cubicBezTo>
                    <a:pt x="81065" y="5518"/>
                    <a:pt x="81065" y="5518"/>
                    <a:pt x="82709" y="5518"/>
                  </a:cubicBezTo>
                  <a:cubicBezTo>
                    <a:pt x="84353" y="3902"/>
                    <a:pt x="85997" y="7135"/>
                    <a:pt x="85997" y="8751"/>
                  </a:cubicBezTo>
                  <a:cubicBezTo>
                    <a:pt x="85997" y="8751"/>
                    <a:pt x="85997" y="11984"/>
                    <a:pt x="84353" y="13600"/>
                  </a:cubicBezTo>
                  <a:cubicBezTo>
                    <a:pt x="84353" y="15217"/>
                    <a:pt x="84353" y="16833"/>
                    <a:pt x="84353" y="18449"/>
                  </a:cubicBezTo>
                  <a:cubicBezTo>
                    <a:pt x="82709" y="20066"/>
                    <a:pt x="84353" y="20066"/>
                    <a:pt x="84353" y="21682"/>
                  </a:cubicBezTo>
                  <a:cubicBezTo>
                    <a:pt x="84353" y="24915"/>
                    <a:pt x="85997" y="24915"/>
                    <a:pt x="85997" y="24915"/>
                  </a:cubicBezTo>
                  <a:cubicBezTo>
                    <a:pt x="85997" y="24915"/>
                    <a:pt x="89286" y="28147"/>
                    <a:pt x="89286" y="28147"/>
                  </a:cubicBezTo>
                  <a:cubicBezTo>
                    <a:pt x="89286" y="29764"/>
                    <a:pt x="89286" y="31380"/>
                    <a:pt x="87642" y="34613"/>
                  </a:cubicBezTo>
                  <a:cubicBezTo>
                    <a:pt x="85997" y="36229"/>
                    <a:pt x="87642" y="34613"/>
                    <a:pt x="85997" y="36229"/>
                  </a:cubicBezTo>
                  <a:cubicBezTo>
                    <a:pt x="85997" y="37846"/>
                    <a:pt x="85997" y="39462"/>
                    <a:pt x="85997" y="39462"/>
                  </a:cubicBezTo>
                  <a:cubicBezTo>
                    <a:pt x="84353" y="41078"/>
                    <a:pt x="84353" y="42695"/>
                    <a:pt x="84353" y="42695"/>
                  </a:cubicBezTo>
                  <a:cubicBezTo>
                    <a:pt x="84353" y="42695"/>
                    <a:pt x="82709" y="44311"/>
                    <a:pt x="81065" y="45927"/>
                  </a:cubicBezTo>
                  <a:cubicBezTo>
                    <a:pt x="79420" y="47544"/>
                    <a:pt x="76132" y="49160"/>
                    <a:pt x="76132" y="49160"/>
                  </a:cubicBezTo>
                  <a:cubicBezTo>
                    <a:pt x="74488" y="49160"/>
                    <a:pt x="74488" y="52393"/>
                    <a:pt x="74488" y="54009"/>
                  </a:cubicBezTo>
                  <a:cubicBezTo>
                    <a:pt x="74488" y="54009"/>
                    <a:pt x="71199" y="55626"/>
                    <a:pt x="71199" y="55626"/>
                  </a:cubicBezTo>
                  <a:cubicBezTo>
                    <a:pt x="69555" y="57242"/>
                    <a:pt x="71199" y="57242"/>
                    <a:pt x="71199" y="63707"/>
                  </a:cubicBezTo>
                  <a:cubicBezTo>
                    <a:pt x="71199" y="70173"/>
                    <a:pt x="71199" y="65324"/>
                    <a:pt x="72844" y="66940"/>
                  </a:cubicBezTo>
                  <a:cubicBezTo>
                    <a:pt x="72844" y="68557"/>
                    <a:pt x="72844" y="70173"/>
                    <a:pt x="72844" y="70173"/>
                  </a:cubicBezTo>
                  <a:cubicBezTo>
                    <a:pt x="72844" y="70173"/>
                    <a:pt x="74488" y="73406"/>
                    <a:pt x="74488" y="73406"/>
                  </a:cubicBezTo>
                  <a:cubicBezTo>
                    <a:pt x="74488" y="75022"/>
                    <a:pt x="77776" y="78255"/>
                    <a:pt x="77776" y="78255"/>
                  </a:cubicBezTo>
                  <a:cubicBezTo>
                    <a:pt x="77776" y="78255"/>
                    <a:pt x="77776" y="78255"/>
                    <a:pt x="79420" y="81487"/>
                  </a:cubicBezTo>
                  <a:cubicBezTo>
                    <a:pt x="79420" y="81487"/>
                    <a:pt x="79420" y="81487"/>
                    <a:pt x="74488" y="83104"/>
                  </a:cubicBezTo>
                  <a:cubicBezTo>
                    <a:pt x="72844" y="84720"/>
                    <a:pt x="72844" y="86337"/>
                    <a:pt x="71199" y="86337"/>
                  </a:cubicBezTo>
                  <a:cubicBezTo>
                    <a:pt x="69555" y="87953"/>
                    <a:pt x="71199" y="87953"/>
                    <a:pt x="67911" y="86337"/>
                  </a:cubicBezTo>
                  <a:cubicBezTo>
                    <a:pt x="66267" y="84720"/>
                    <a:pt x="64623" y="86337"/>
                    <a:pt x="62978" y="84720"/>
                  </a:cubicBezTo>
                  <a:cubicBezTo>
                    <a:pt x="59690" y="83104"/>
                    <a:pt x="61334" y="84720"/>
                    <a:pt x="59690" y="83104"/>
                  </a:cubicBezTo>
                  <a:cubicBezTo>
                    <a:pt x="56401" y="81487"/>
                    <a:pt x="58046" y="81487"/>
                    <a:pt x="56401" y="76638"/>
                  </a:cubicBezTo>
                  <a:cubicBezTo>
                    <a:pt x="56401" y="75022"/>
                    <a:pt x="58046" y="75022"/>
                    <a:pt x="59690" y="75022"/>
                  </a:cubicBezTo>
                  <a:cubicBezTo>
                    <a:pt x="62978" y="75022"/>
                    <a:pt x="62978" y="75022"/>
                    <a:pt x="64623" y="75022"/>
                  </a:cubicBezTo>
                  <a:cubicBezTo>
                    <a:pt x="66267" y="73406"/>
                    <a:pt x="67911" y="73406"/>
                    <a:pt x="67911" y="71789"/>
                  </a:cubicBezTo>
                  <a:cubicBezTo>
                    <a:pt x="69555" y="70173"/>
                    <a:pt x="66267" y="70173"/>
                    <a:pt x="62978" y="68557"/>
                  </a:cubicBezTo>
                  <a:cubicBezTo>
                    <a:pt x="61334" y="68557"/>
                    <a:pt x="62978" y="68557"/>
                    <a:pt x="61334" y="68557"/>
                  </a:cubicBezTo>
                  <a:cubicBezTo>
                    <a:pt x="59690" y="68557"/>
                    <a:pt x="59690" y="68557"/>
                    <a:pt x="58046" y="68557"/>
                  </a:cubicBezTo>
                  <a:cubicBezTo>
                    <a:pt x="54757" y="70173"/>
                    <a:pt x="58046" y="68557"/>
                    <a:pt x="54757" y="70173"/>
                  </a:cubicBezTo>
                  <a:cubicBezTo>
                    <a:pt x="53113" y="71789"/>
                    <a:pt x="54757" y="71789"/>
                    <a:pt x="51469" y="71789"/>
                  </a:cubicBezTo>
                  <a:cubicBezTo>
                    <a:pt x="49825" y="71789"/>
                    <a:pt x="49825" y="71789"/>
                    <a:pt x="48180" y="68557"/>
                  </a:cubicBezTo>
                  <a:cubicBezTo>
                    <a:pt x="48180" y="66940"/>
                    <a:pt x="48180" y="68557"/>
                    <a:pt x="46536" y="63707"/>
                  </a:cubicBezTo>
                  <a:cubicBezTo>
                    <a:pt x="46536" y="60475"/>
                    <a:pt x="46536" y="63707"/>
                    <a:pt x="46536" y="62091"/>
                  </a:cubicBezTo>
                  <a:cubicBezTo>
                    <a:pt x="46536" y="58858"/>
                    <a:pt x="46536" y="58858"/>
                    <a:pt x="46536" y="55626"/>
                  </a:cubicBezTo>
                  <a:cubicBezTo>
                    <a:pt x="46536" y="52393"/>
                    <a:pt x="44892" y="54009"/>
                    <a:pt x="44892" y="50777"/>
                  </a:cubicBezTo>
                  <a:cubicBezTo>
                    <a:pt x="43248" y="49160"/>
                    <a:pt x="43248" y="49160"/>
                    <a:pt x="43248" y="45927"/>
                  </a:cubicBezTo>
                  <a:cubicBezTo>
                    <a:pt x="43248" y="44311"/>
                    <a:pt x="43248" y="44311"/>
                    <a:pt x="43248" y="42695"/>
                  </a:cubicBezTo>
                  <a:cubicBezTo>
                    <a:pt x="43248" y="41078"/>
                    <a:pt x="44892" y="42695"/>
                    <a:pt x="46536" y="42695"/>
                  </a:cubicBezTo>
                  <a:cubicBezTo>
                    <a:pt x="46536" y="42695"/>
                    <a:pt x="48180" y="44311"/>
                    <a:pt x="49825" y="44311"/>
                  </a:cubicBezTo>
                  <a:cubicBezTo>
                    <a:pt x="51469" y="44311"/>
                    <a:pt x="51469" y="45927"/>
                    <a:pt x="53113" y="44311"/>
                  </a:cubicBezTo>
                  <a:cubicBezTo>
                    <a:pt x="54757" y="42695"/>
                    <a:pt x="53113" y="44311"/>
                    <a:pt x="53113" y="41078"/>
                  </a:cubicBezTo>
                  <a:cubicBezTo>
                    <a:pt x="53113" y="37846"/>
                    <a:pt x="53113" y="37846"/>
                    <a:pt x="53113" y="34613"/>
                  </a:cubicBezTo>
                  <a:cubicBezTo>
                    <a:pt x="53113" y="31380"/>
                    <a:pt x="53113" y="32997"/>
                    <a:pt x="53113" y="31380"/>
                  </a:cubicBezTo>
                  <a:cubicBezTo>
                    <a:pt x="53113" y="28147"/>
                    <a:pt x="54757" y="28147"/>
                    <a:pt x="54757" y="28147"/>
                  </a:cubicBezTo>
                  <a:cubicBezTo>
                    <a:pt x="54757" y="26531"/>
                    <a:pt x="54757" y="23298"/>
                    <a:pt x="54757" y="23298"/>
                  </a:cubicBezTo>
                  <a:cubicBezTo>
                    <a:pt x="54757" y="21682"/>
                    <a:pt x="54757" y="18449"/>
                    <a:pt x="54757" y="15217"/>
                  </a:cubicBezTo>
                  <a:cubicBezTo>
                    <a:pt x="54757" y="13600"/>
                    <a:pt x="56401" y="11984"/>
                    <a:pt x="56401" y="8751"/>
                  </a:cubicBezTo>
                  <a:cubicBezTo>
                    <a:pt x="56401" y="5518"/>
                    <a:pt x="58046" y="5518"/>
                    <a:pt x="58046" y="3902"/>
                  </a:cubicBezTo>
                  <a:cubicBezTo>
                    <a:pt x="59690" y="2286"/>
                    <a:pt x="61334" y="2286"/>
                    <a:pt x="64623" y="66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6" name="íśľiḋe">
              <a:extLst>
                <a:ext uri="{FF2B5EF4-FFF2-40B4-BE49-F238E27FC236}">
                  <a16:creationId xmlns:a16="http://schemas.microsoft.com/office/drawing/2014/main" xmlns="" id="{8B41B9F5-8905-4EBD-8941-49B570750A40}"/>
                </a:ext>
              </a:extLst>
            </p:cNvPr>
            <p:cNvSpPr/>
            <p:nvPr/>
          </p:nvSpPr>
          <p:spPr bwMode="auto">
            <a:xfrm>
              <a:off x="7483699" y="2941193"/>
              <a:ext cx="1057826" cy="391607"/>
            </a:xfrm>
            <a:custGeom>
              <a:avLst/>
              <a:gdLst>
                <a:gd name="connsiteX0" fmla="*/ 407763 w 1057826"/>
                <a:gd name="connsiteY0" fmla="*/ 329202 h 391607"/>
                <a:gd name="connsiteX1" fmla="*/ 412526 w 1057826"/>
                <a:gd name="connsiteY1" fmla="*/ 329202 h 391607"/>
                <a:gd name="connsiteX2" fmla="*/ 420464 w 1057826"/>
                <a:gd name="connsiteY2" fmla="*/ 329202 h 391607"/>
                <a:gd name="connsiteX3" fmla="*/ 425226 w 1057826"/>
                <a:gd name="connsiteY3" fmla="*/ 332666 h 391607"/>
                <a:gd name="connsiteX4" fmla="*/ 429989 w 1057826"/>
                <a:gd name="connsiteY4" fmla="*/ 337861 h 391607"/>
                <a:gd name="connsiteX5" fmla="*/ 433164 w 1057826"/>
                <a:gd name="connsiteY5" fmla="*/ 341325 h 391607"/>
                <a:gd name="connsiteX6" fmla="*/ 429989 w 1057826"/>
                <a:gd name="connsiteY6" fmla="*/ 344788 h 391607"/>
                <a:gd name="connsiteX7" fmla="*/ 423639 w 1057826"/>
                <a:gd name="connsiteY7" fmla="*/ 346520 h 391607"/>
                <a:gd name="connsiteX8" fmla="*/ 420464 w 1057826"/>
                <a:gd name="connsiteY8" fmla="*/ 344788 h 391607"/>
                <a:gd name="connsiteX9" fmla="*/ 415701 w 1057826"/>
                <a:gd name="connsiteY9" fmla="*/ 341325 h 391607"/>
                <a:gd name="connsiteX10" fmla="*/ 407763 w 1057826"/>
                <a:gd name="connsiteY10" fmla="*/ 339593 h 391607"/>
                <a:gd name="connsiteX11" fmla="*/ 403001 w 1057826"/>
                <a:gd name="connsiteY11" fmla="*/ 337861 h 391607"/>
                <a:gd name="connsiteX12" fmla="*/ 403001 w 1057826"/>
                <a:gd name="connsiteY12" fmla="*/ 330934 h 391607"/>
                <a:gd name="connsiteX13" fmla="*/ 407763 w 1057826"/>
                <a:gd name="connsiteY13" fmla="*/ 329202 h 391607"/>
                <a:gd name="connsiteX14" fmla="*/ 498251 w 1057826"/>
                <a:gd name="connsiteY14" fmla="*/ 324295 h 391607"/>
                <a:gd name="connsiteX15" fmla="*/ 498252 w 1057826"/>
                <a:gd name="connsiteY15" fmla="*/ 324295 h 391607"/>
                <a:gd name="connsiteX16" fmla="*/ 499839 w 1057826"/>
                <a:gd name="connsiteY16" fmla="*/ 324295 h 391607"/>
                <a:gd name="connsiteX17" fmla="*/ 503014 w 1057826"/>
                <a:gd name="connsiteY17" fmla="*/ 324295 h 391607"/>
                <a:gd name="connsiteX18" fmla="*/ 506189 w 1057826"/>
                <a:gd name="connsiteY18" fmla="*/ 331042 h 391607"/>
                <a:gd name="connsiteX19" fmla="*/ 504602 w 1057826"/>
                <a:gd name="connsiteY19" fmla="*/ 334416 h 391607"/>
                <a:gd name="connsiteX20" fmla="*/ 501427 w 1057826"/>
                <a:gd name="connsiteY20" fmla="*/ 337789 h 391607"/>
                <a:gd name="connsiteX21" fmla="*/ 495077 w 1057826"/>
                <a:gd name="connsiteY21" fmla="*/ 344536 h 391607"/>
                <a:gd name="connsiteX22" fmla="*/ 490314 w 1057826"/>
                <a:gd name="connsiteY22" fmla="*/ 344536 h 391607"/>
                <a:gd name="connsiteX23" fmla="*/ 483964 w 1057826"/>
                <a:gd name="connsiteY23" fmla="*/ 347910 h 391607"/>
                <a:gd name="connsiteX24" fmla="*/ 479201 w 1057826"/>
                <a:gd name="connsiteY24" fmla="*/ 349596 h 391607"/>
                <a:gd name="connsiteX25" fmla="*/ 477614 w 1057826"/>
                <a:gd name="connsiteY25" fmla="*/ 341163 h 391607"/>
                <a:gd name="connsiteX26" fmla="*/ 480789 w 1057826"/>
                <a:gd name="connsiteY26" fmla="*/ 336102 h 391607"/>
                <a:gd name="connsiteX27" fmla="*/ 485551 w 1057826"/>
                <a:gd name="connsiteY27" fmla="*/ 331042 h 391607"/>
                <a:gd name="connsiteX28" fmla="*/ 490314 w 1057826"/>
                <a:gd name="connsiteY28" fmla="*/ 327669 h 391607"/>
                <a:gd name="connsiteX29" fmla="*/ 498251 w 1057826"/>
                <a:gd name="connsiteY29" fmla="*/ 324296 h 391607"/>
                <a:gd name="connsiteX30" fmla="*/ 370152 w 1057826"/>
                <a:gd name="connsiteY30" fmla="*/ 313182 h 391607"/>
                <a:gd name="connsiteX31" fmla="*/ 375281 w 1057826"/>
                <a:gd name="connsiteY31" fmla="*/ 313182 h 391607"/>
                <a:gd name="connsiteX32" fmla="*/ 382120 w 1057826"/>
                <a:gd name="connsiteY32" fmla="*/ 317945 h 391607"/>
                <a:gd name="connsiteX33" fmla="*/ 382120 w 1057826"/>
                <a:gd name="connsiteY33" fmla="*/ 322707 h 391607"/>
                <a:gd name="connsiteX34" fmla="*/ 375281 w 1057826"/>
                <a:gd name="connsiteY34" fmla="*/ 327470 h 391607"/>
                <a:gd name="connsiteX35" fmla="*/ 368443 w 1057826"/>
                <a:gd name="connsiteY35" fmla="*/ 325882 h 391607"/>
                <a:gd name="connsiteX36" fmla="*/ 365023 w 1057826"/>
                <a:gd name="connsiteY36" fmla="*/ 321120 h 391607"/>
                <a:gd name="connsiteX37" fmla="*/ 365023 w 1057826"/>
                <a:gd name="connsiteY37" fmla="*/ 314770 h 391607"/>
                <a:gd name="connsiteX38" fmla="*/ 370152 w 1057826"/>
                <a:gd name="connsiteY38" fmla="*/ 313182 h 391607"/>
                <a:gd name="connsiteX39" fmla="*/ 352201 w 1057826"/>
                <a:gd name="connsiteY39" fmla="*/ 311595 h 391607"/>
                <a:gd name="connsiteX40" fmla="*/ 361726 w 1057826"/>
                <a:gd name="connsiteY40" fmla="*/ 311595 h 391607"/>
                <a:gd name="connsiteX41" fmla="*/ 360139 w 1057826"/>
                <a:gd name="connsiteY41" fmla="*/ 319533 h 391607"/>
                <a:gd name="connsiteX42" fmla="*/ 358551 w 1057826"/>
                <a:gd name="connsiteY42" fmla="*/ 322708 h 391607"/>
                <a:gd name="connsiteX43" fmla="*/ 352201 w 1057826"/>
                <a:gd name="connsiteY43" fmla="*/ 322708 h 391607"/>
                <a:gd name="connsiteX44" fmla="*/ 350613 w 1057826"/>
                <a:gd name="connsiteY44" fmla="*/ 321121 h 391607"/>
                <a:gd name="connsiteX45" fmla="*/ 349026 w 1057826"/>
                <a:gd name="connsiteY45" fmla="*/ 317945 h 391607"/>
                <a:gd name="connsiteX46" fmla="*/ 352201 w 1057826"/>
                <a:gd name="connsiteY46" fmla="*/ 311595 h 391607"/>
                <a:gd name="connsiteX47" fmla="*/ 536057 w 1057826"/>
                <a:gd name="connsiteY47" fmla="*/ 311595 h 391607"/>
                <a:gd name="connsiteX48" fmla="*/ 544289 w 1057826"/>
                <a:gd name="connsiteY48" fmla="*/ 313182 h 391607"/>
                <a:gd name="connsiteX49" fmla="*/ 540996 w 1057826"/>
                <a:gd name="connsiteY49" fmla="*/ 316357 h 391607"/>
                <a:gd name="connsiteX50" fmla="*/ 534411 w 1057826"/>
                <a:gd name="connsiteY50" fmla="*/ 319532 h 391607"/>
                <a:gd name="connsiteX51" fmla="*/ 526179 w 1057826"/>
                <a:gd name="connsiteY51" fmla="*/ 322707 h 391607"/>
                <a:gd name="connsiteX52" fmla="*/ 508070 w 1057826"/>
                <a:gd name="connsiteY52" fmla="*/ 329057 h 391607"/>
                <a:gd name="connsiteX53" fmla="*/ 506424 w 1057826"/>
                <a:gd name="connsiteY53" fmla="*/ 324295 h 391607"/>
                <a:gd name="connsiteX54" fmla="*/ 501485 w 1057826"/>
                <a:gd name="connsiteY54" fmla="*/ 322707 h 391607"/>
                <a:gd name="connsiteX55" fmla="*/ 503131 w 1057826"/>
                <a:gd name="connsiteY55" fmla="*/ 319532 h 391607"/>
                <a:gd name="connsiteX56" fmla="*/ 506424 w 1057826"/>
                <a:gd name="connsiteY56" fmla="*/ 316357 h 391607"/>
                <a:gd name="connsiteX57" fmla="*/ 513009 w 1057826"/>
                <a:gd name="connsiteY57" fmla="*/ 314770 h 391607"/>
                <a:gd name="connsiteX58" fmla="*/ 519594 w 1057826"/>
                <a:gd name="connsiteY58" fmla="*/ 313182 h 391607"/>
                <a:gd name="connsiteX59" fmla="*/ 524533 w 1057826"/>
                <a:gd name="connsiteY59" fmla="*/ 313182 h 391607"/>
                <a:gd name="connsiteX60" fmla="*/ 536057 w 1057826"/>
                <a:gd name="connsiteY60" fmla="*/ 311595 h 391607"/>
                <a:gd name="connsiteX61" fmla="*/ 424092 w 1057826"/>
                <a:gd name="connsiteY61" fmla="*/ 311595 h 391607"/>
                <a:gd name="connsiteX62" fmla="*/ 430669 w 1057826"/>
                <a:gd name="connsiteY62" fmla="*/ 311595 h 391607"/>
                <a:gd name="connsiteX63" fmla="*/ 435602 w 1057826"/>
                <a:gd name="connsiteY63" fmla="*/ 311595 h 391607"/>
                <a:gd name="connsiteX64" fmla="*/ 438890 w 1057826"/>
                <a:gd name="connsiteY64" fmla="*/ 313182 h 391607"/>
                <a:gd name="connsiteX65" fmla="*/ 445467 w 1057826"/>
                <a:gd name="connsiteY65" fmla="*/ 314770 h 391607"/>
                <a:gd name="connsiteX66" fmla="*/ 448756 w 1057826"/>
                <a:gd name="connsiteY66" fmla="*/ 314770 h 391607"/>
                <a:gd name="connsiteX67" fmla="*/ 455333 w 1057826"/>
                <a:gd name="connsiteY67" fmla="*/ 313182 h 391607"/>
                <a:gd name="connsiteX68" fmla="*/ 455333 w 1057826"/>
                <a:gd name="connsiteY68" fmla="*/ 317945 h 391607"/>
                <a:gd name="connsiteX69" fmla="*/ 445467 w 1057826"/>
                <a:gd name="connsiteY69" fmla="*/ 319532 h 391607"/>
                <a:gd name="connsiteX70" fmla="*/ 435602 w 1057826"/>
                <a:gd name="connsiteY70" fmla="*/ 322707 h 391607"/>
                <a:gd name="connsiteX71" fmla="*/ 429025 w 1057826"/>
                <a:gd name="connsiteY71" fmla="*/ 321120 h 391607"/>
                <a:gd name="connsiteX72" fmla="*/ 420804 w 1057826"/>
                <a:gd name="connsiteY72" fmla="*/ 319532 h 391607"/>
                <a:gd name="connsiteX73" fmla="*/ 412583 w 1057826"/>
                <a:gd name="connsiteY73" fmla="*/ 316357 h 391607"/>
                <a:gd name="connsiteX74" fmla="*/ 419160 w 1057826"/>
                <a:gd name="connsiteY74" fmla="*/ 313182 h 391607"/>
                <a:gd name="connsiteX75" fmla="*/ 424092 w 1057826"/>
                <a:gd name="connsiteY75" fmla="*/ 311595 h 391607"/>
                <a:gd name="connsiteX76" fmla="*/ 379188 w 1057826"/>
                <a:gd name="connsiteY76" fmla="*/ 310008 h 391607"/>
                <a:gd name="connsiteX77" fmla="*/ 393476 w 1057826"/>
                <a:gd name="connsiteY77" fmla="*/ 311595 h 391607"/>
                <a:gd name="connsiteX78" fmla="*/ 403001 w 1057826"/>
                <a:gd name="connsiteY78" fmla="*/ 313183 h 391607"/>
                <a:gd name="connsiteX79" fmla="*/ 404589 w 1057826"/>
                <a:gd name="connsiteY79" fmla="*/ 317945 h 391607"/>
                <a:gd name="connsiteX80" fmla="*/ 401414 w 1057826"/>
                <a:gd name="connsiteY80" fmla="*/ 321121 h 391607"/>
                <a:gd name="connsiteX81" fmla="*/ 396651 w 1057826"/>
                <a:gd name="connsiteY81" fmla="*/ 322708 h 391607"/>
                <a:gd name="connsiteX82" fmla="*/ 390301 w 1057826"/>
                <a:gd name="connsiteY82" fmla="*/ 319533 h 391607"/>
                <a:gd name="connsiteX83" fmla="*/ 388713 w 1057826"/>
                <a:gd name="connsiteY83" fmla="*/ 314770 h 391607"/>
                <a:gd name="connsiteX84" fmla="*/ 379188 w 1057826"/>
                <a:gd name="connsiteY84" fmla="*/ 310008 h 391607"/>
                <a:gd name="connsiteX85" fmla="*/ 466501 w 1057826"/>
                <a:gd name="connsiteY85" fmla="*/ 310007 h 391607"/>
                <a:gd name="connsiteX86" fmla="*/ 472851 w 1057826"/>
                <a:gd name="connsiteY86" fmla="*/ 310007 h 391607"/>
                <a:gd name="connsiteX87" fmla="*/ 471264 w 1057826"/>
                <a:gd name="connsiteY87" fmla="*/ 316358 h 391607"/>
                <a:gd name="connsiteX88" fmla="*/ 466501 w 1057826"/>
                <a:gd name="connsiteY88" fmla="*/ 314770 h 391607"/>
                <a:gd name="connsiteX89" fmla="*/ 463326 w 1057826"/>
                <a:gd name="connsiteY89" fmla="*/ 317945 h 391607"/>
                <a:gd name="connsiteX90" fmla="*/ 458563 w 1057826"/>
                <a:gd name="connsiteY90" fmla="*/ 317945 h 391607"/>
                <a:gd name="connsiteX91" fmla="*/ 461738 w 1057826"/>
                <a:gd name="connsiteY91" fmla="*/ 316358 h 391607"/>
                <a:gd name="connsiteX92" fmla="*/ 463326 w 1057826"/>
                <a:gd name="connsiteY92" fmla="*/ 313182 h 391607"/>
                <a:gd name="connsiteX93" fmla="*/ 466501 w 1057826"/>
                <a:gd name="connsiteY93" fmla="*/ 310007 h 391607"/>
                <a:gd name="connsiteX94" fmla="*/ 496664 w 1057826"/>
                <a:gd name="connsiteY94" fmla="*/ 308420 h 391607"/>
                <a:gd name="connsiteX95" fmla="*/ 501426 w 1057826"/>
                <a:gd name="connsiteY95" fmla="*/ 308420 h 391607"/>
                <a:gd name="connsiteX96" fmla="*/ 504601 w 1057826"/>
                <a:gd name="connsiteY96" fmla="*/ 310007 h 391607"/>
                <a:gd name="connsiteX97" fmla="*/ 503014 w 1057826"/>
                <a:gd name="connsiteY97" fmla="*/ 314770 h 391607"/>
                <a:gd name="connsiteX98" fmla="*/ 496664 w 1057826"/>
                <a:gd name="connsiteY98" fmla="*/ 314770 h 391607"/>
                <a:gd name="connsiteX99" fmla="*/ 490314 w 1057826"/>
                <a:gd name="connsiteY99" fmla="*/ 316357 h 391607"/>
                <a:gd name="connsiteX100" fmla="*/ 483964 w 1057826"/>
                <a:gd name="connsiteY100" fmla="*/ 314770 h 391607"/>
                <a:gd name="connsiteX101" fmla="*/ 480789 w 1057826"/>
                <a:gd name="connsiteY101" fmla="*/ 314770 h 391607"/>
                <a:gd name="connsiteX102" fmla="*/ 476026 w 1057826"/>
                <a:gd name="connsiteY102" fmla="*/ 313182 h 391607"/>
                <a:gd name="connsiteX103" fmla="*/ 479201 w 1057826"/>
                <a:gd name="connsiteY103" fmla="*/ 311595 h 391607"/>
                <a:gd name="connsiteX104" fmla="*/ 483964 w 1057826"/>
                <a:gd name="connsiteY104" fmla="*/ 311595 h 391607"/>
                <a:gd name="connsiteX105" fmla="*/ 490314 w 1057826"/>
                <a:gd name="connsiteY105" fmla="*/ 313182 h 391607"/>
                <a:gd name="connsiteX106" fmla="*/ 493489 w 1057826"/>
                <a:gd name="connsiteY106" fmla="*/ 310007 h 391607"/>
                <a:gd name="connsiteX107" fmla="*/ 496664 w 1057826"/>
                <a:gd name="connsiteY107" fmla="*/ 308420 h 391607"/>
                <a:gd name="connsiteX108" fmla="*/ 331563 w 1057826"/>
                <a:gd name="connsiteY108" fmla="*/ 308420 h 391607"/>
                <a:gd name="connsiteX109" fmla="*/ 337913 w 1057826"/>
                <a:gd name="connsiteY109" fmla="*/ 308420 h 391607"/>
                <a:gd name="connsiteX110" fmla="*/ 345851 w 1057826"/>
                <a:gd name="connsiteY110" fmla="*/ 311595 h 391607"/>
                <a:gd name="connsiteX111" fmla="*/ 341089 w 1057826"/>
                <a:gd name="connsiteY111" fmla="*/ 317945 h 391607"/>
                <a:gd name="connsiteX112" fmla="*/ 339501 w 1057826"/>
                <a:gd name="connsiteY112" fmla="*/ 321120 h 391607"/>
                <a:gd name="connsiteX113" fmla="*/ 333151 w 1057826"/>
                <a:gd name="connsiteY113" fmla="*/ 317945 h 391607"/>
                <a:gd name="connsiteX114" fmla="*/ 329976 w 1057826"/>
                <a:gd name="connsiteY114" fmla="*/ 314770 h 391607"/>
                <a:gd name="connsiteX115" fmla="*/ 331563 w 1057826"/>
                <a:gd name="connsiteY115" fmla="*/ 308420 h 391607"/>
                <a:gd name="connsiteX116" fmla="*/ 523651 w 1057826"/>
                <a:gd name="connsiteY116" fmla="*/ 298895 h 391607"/>
                <a:gd name="connsiteX117" fmla="*/ 536351 w 1057826"/>
                <a:gd name="connsiteY117" fmla="*/ 300482 h 391607"/>
                <a:gd name="connsiteX118" fmla="*/ 531589 w 1057826"/>
                <a:gd name="connsiteY118" fmla="*/ 305245 h 391607"/>
                <a:gd name="connsiteX119" fmla="*/ 518888 w 1057826"/>
                <a:gd name="connsiteY119" fmla="*/ 306833 h 391607"/>
                <a:gd name="connsiteX120" fmla="*/ 523651 w 1057826"/>
                <a:gd name="connsiteY120" fmla="*/ 298895 h 391607"/>
                <a:gd name="connsiteX121" fmla="*/ 202023 w 1057826"/>
                <a:gd name="connsiteY121" fmla="*/ 270320 h 391607"/>
                <a:gd name="connsiteX122" fmla="*/ 205265 w 1057826"/>
                <a:gd name="connsiteY122" fmla="*/ 275083 h 391607"/>
                <a:gd name="connsiteX123" fmla="*/ 211749 w 1057826"/>
                <a:gd name="connsiteY123" fmla="*/ 276670 h 391607"/>
                <a:gd name="connsiteX124" fmla="*/ 218233 w 1057826"/>
                <a:gd name="connsiteY124" fmla="*/ 278258 h 391607"/>
                <a:gd name="connsiteX125" fmla="*/ 224716 w 1057826"/>
                <a:gd name="connsiteY125" fmla="*/ 281433 h 391607"/>
                <a:gd name="connsiteX126" fmla="*/ 226337 w 1057826"/>
                <a:gd name="connsiteY126" fmla="*/ 286195 h 391607"/>
                <a:gd name="connsiteX127" fmla="*/ 231200 w 1057826"/>
                <a:gd name="connsiteY127" fmla="*/ 287783 h 391607"/>
                <a:gd name="connsiteX128" fmla="*/ 242547 w 1057826"/>
                <a:gd name="connsiteY128" fmla="*/ 286195 h 391607"/>
                <a:gd name="connsiteX129" fmla="*/ 245788 w 1057826"/>
                <a:gd name="connsiteY129" fmla="*/ 286195 h 391607"/>
                <a:gd name="connsiteX130" fmla="*/ 252272 w 1057826"/>
                <a:gd name="connsiteY130" fmla="*/ 289370 h 391607"/>
                <a:gd name="connsiteX131" fmla="*/ 255514 w 1057826"/>
                <a:gd name="connsiteY131" fmla="*/ 289370 h 391607"/>
                <a:gd name="connsiteX132" fmla="*/ 258756 w 1057826"/>
                <a:gd name="connsiteY132" fmla="*/ 284608 h 391607"/>
                <a:gd name="connsiteX133" fmla="*/ 260377 w 1057826"/>
                <a:gd name="connsiteY133" fmla="*/ 283020 h 391607"/>
                <a:gd name="connsiteX134" fmla="*/ 261998 w 1057826"/>
                <a:gd name="connsiteY134" fmla="*/ 281433 h 391607"/>
                <a:gd name="connsiteX135" fmla="*/ 266860 w 1057826"/>
                <a:gd name="connsiteY135" fmla="*/ 281433 h 391607"/>
                <a:gd name="connsiteX136" fmla="*/ 270102 w 1057826"/>
                <a:gd name="connsiteY136" fmla="*/ 281433 h 391607"/>
                <a:gd name="connsiteX137" fmla="*/ 276586 w 1057826"/>
                <a:gd name="connsiteY137" fmla="*/ 286195 h 391607"/>
                <a:gd name="connsiteX138" fmla="*/ 281449 w 1057826"/>
                <a:gd name="connsiteY138" fmla="*/ 286195 h 391607"/>
                <a:gd name="connsiteX139" fmla="*/ 289553 w 1057826"/>
                <a:gd name="connsiteY139" fmla="*/ 289370 h 391607"/>
                <a:gd name="connsiteX140" fmla="*/ 292795 w 1057826"/>
                <a:gd name="connsiteY140" fmla="*/ 289370 h 391607"/>
                <a:gd name="connsiteX141" fmla="*/ 297658 w 1057826"/>
                <a:gd name="connsiteY141" fmla="*/ 287783 h 391607"/>
                <a:gd name="connsiteX142" fmla="*/ 302521 w 1057826"/>
                <a:gd name="connsiteY142" fmla="*/ 287783 h 391607"/>
                <a:gd name="connsiteX143" fmla="*/ 307384 w 1057826"/>
                <a:gd name="connsiteY143" fmla="*/ 289370 h 391607"/>
                <a:gd name="connsiteX144" fmla="*/ 315488 w 1057826"/>
                <a:gd name="connsiteY144" fmla="*/ 287783 h 391607"/>
                <a:gd name="connsiteX145" fmla="*/ 318730 w 1057826"/>
                <a:gd name="connsiteY145" fmla="*/ 289370 h 391607"/>
                <a:gd name="connsiteX146" fmla="*/ 315488 w 1057826"/>
                <a:gd name="connsiteY146" fmla="*/ 292545 h 391607"/>
                <a:gd name="connsiteX147" fmla="*/ 312246 w 1057826"/>
                <a:gd name="connsiteY147" fmla="*/ 292545 h 391607"/>
                <a:gd name="connsiteX148" fmla="*/ 300900 w 1057826"/>
                <a:gd name="connsiteY148" fmla="*/ 294133 h 391607"/>
                <a:gd name="connsiteX149" fmla="*/ 297658 w 1057826"/>
                <a:gd name="connsiteY149" fmla="*/ 295720 h 391607"/>
                <a:gd name="connsiteX150" fmla="*/ 297658 w 1057826"/>
                <a:gd name="connsiteY150" fmla="*/ 298895 h 391607"/>
                <a:gd name="connsiteX151" fmla="*/ 305763 w 1057826"/>
                <a:gd name="connsiteY151" fmla="*/ 303658 h 391607"/>
                <a:gd name="connsiteX152" fmla="*/ 312246 w 1057826"/>
                <a:gd name="connsiteY152" fmla="*/ 300483 h 391607"/>
                <a:gd name="connsiteX153" fmla="*/ 315488 w 1057826"/>
                <a:gd name="connsiteY153" fmla="*/ 300483 h 391607"/>
                <a:gd name="connsiteX154" fmla="*/ 320351 w 1057826"/>
                <a:gd name="connsiteY154" fmla="*/ 302070 h 391607"/>
                <a:gd name="connsiteX155" fmla="*/ 325214 w 1057826"/>
                <a:gd name="connsiteY155" fmla="*/ 303658 h 391607"/>
                <a:gd name="connsiteX156" fmla="*/ 325214 w 1057826"/>
                <a:gd name="connsiteY156" fmla="*/ 310008 h 391607"/>
                <a:gd name="connsiteX157" fmla="*/ 325214 w 1057826"/>
                <a:gd name="connsiteY157" fmla="*/ 313183 h 391607"/>
                <a:gd name="connsiteX158" fmla="*/ 320351 w 1057826"/>
                <a:gd name="connsiteY158" fmla="*/ 316358 h 391607"/>
                <a:gd name="connsiteX159" fmla="*/ 315488 w 1057826"/>
                <a:gd name="connsiteY159" fmla="*/ 314771 h 391607"/>
                <a:gd name="connsiteX160" fmla="*/ 305763 w 1057826"/>
                <a:gd name="connsiteY160" fmla="*/ 311596 h 391607"/>
                <a:gd name="connsiteX161" fmla="*/ 297658 w 1057826"/>
                <a:gd name="connsiteY161" fmla="*/ 313183 h 391607"/>
                <a:gd name="connsiteX162" fmla="*/ 289553 w 1057826"/>
                <a:gd name="connsiteY162" fmla="*/ 311596 h 391607"/>
                <a:gd name="connsiteX163" fmla="*/ 284691 w 1057826"/>
                <a:gd name="connsiteY163" fmla="*/ 311596 h 391607"/>
                <a:gd name="connsiteX164" fmla="*/ 279828 w 1057826"/>
                <a:gd name="connsiteY164" fmla="*/ 311596 h 391607"/>
                <a:gd name="connsiteX165" fmla="*/ 271723 w 1057826"/>
                <a:gd name="connsiteY165" fmla="*/ 311596 h 391607"/>
                <a:gd name="connsiteX166" fmla="*/ 266860 w 1057826"/>
                <a:gd name="connsiteY166" fmla="*/ 311596 h 391607"/>
                <a:gd name="connsiteX167" fmla="*/ 258756 w 1057826"/>
                <a:gd name="connsiteY167" fmla="*/ 310008 h 391607"/>
                <a:gd name="connsiteX168" fmla="*/ 253893 w 1057826"/>
                <a:gd name="connsiteY168" fmla="*/ 308421 h 391607"/>
                <a:gd name="connsiteX169" fmla="*/ 247409 w 1057826"/>
                <a:gd name="connsiteY169" fmla="*/ 305246 h 391607"/>
                <a:gd name="connsiteX170" fmla="*/ 244167 w 1057826"/>
                <a:gd name="connsiteY170" fmla="*/ 303658 h 391607"/>
                <a:gd name="connsiteX171" fmla="*/ 239305 w 1057826"/>
                <a:gd name="connsiteY171" fmla="*/ 302070 h 391607"/>
                <a:gd name="connsiteX172" fmla="*/ 232821 w 1057826"/>
                <a:gd name="connsiteY172" fmla="*/ 302070 h 391607"/>
                <a:gd name="connsiteX173" fmla="*/ 226337 w 1057826"/>
                <a:gd name="connsiteY173" fmla="*/ 303658 h 391607"/>
                <a:gd name="connsiteX174" fmla="*/ 216612 w 1057826"/>
                <a:gd name="connsiteY174" fmla="*/ 303658 h 391607"/>
                <a:gd name="connsiteX175" fmla="*/ 211749 w 1057826"/>
                <a:gd name="connsiteY175" fmla="*/ 300483 h 391607"/>
                <a:gd name="connsiteX176" fmla="*/ 203644 w 1057826"/>
                <a:gd name="connsiteY176" fmla="*/ 297308 h 391607"/>
                <a:gd name="connsiteX177" fmla="*/ 198781 w 1057826"/>
                <a:gd name="connsiteY177" fmla="*/ 297308 h 391607"/>
                <a:gd name="connsiteX178" fmla="*/ 192298 w 1057826"/>
                <a:gd name="connsiteY178" fmla="*/ 298895 h 391607"/>
                <a:gd name="connsiteX179" fmla="*/ 190677 w 1057826"/>
                <a:gd name="connsiteY179" fmla="*/ 295720 h 391607"/>
                <a:gd name="connsiteX180" fmla="*/ 190677 w 1057826"/>
                <a:gd name="connsiteY180" fmla="*/ 292545 h 391607"/>
                <a:gd name="connsiteX181" fmla="*/ 185814 w 1057826"/>
                <a:gd name="connsiteY181" fmla="*/ 289370 h 391607"/>
                <a:gd name="connsiteX182" fmla="*/ 182572 w 1057826"/>
                <a:gd name="connsiteY182" fmla="*/ 289370 h 391607"/>
                <a:gd name="connsiteX183" fmla="*/ 174468 w 1057826"/>
                <a:gd name="connsiteY183" fmla="*/ 286195 h 391607"/>
                <a:gd name="connsiteX184" fmla="*/ 177709 w 1057826"/>
                <a:gd name="connsiteY184" fmla="*/ 283020 h 391607"/>
                <a:gd name="connsiteX185" fmla="*/ 182572 w 1057826"/>
                <a:gd name="connsiteY185" fmla="*/ 273495 h 391607"/>
                <a:gd name="connsiteX186" fmla="*/ 189056 w 1057826"/>
                <a:gd name="connsiteY186" fmla="*/ 273495 h 391607"/>
                <a:gd name="connsiteX187" fmla="*/ 197161 w 1057826"/>
                <a:gd name="connsiteY187" fmla="*/ 275083 h 391607"/>
                <a:gd name="connsiteX188" fmla="*/ 202023 w 1057826"/>
                <a:gd name="connsiteY188" fmla="*/ 270320 h 391607"/>
                <a:gd name="connsiteX189" fmla="*/ 209326 w 1057826"/>
                <a:gd name="connsiteY189" fmla="*/ 214758 h 391607"/>
                <a:gd name="connsiteX190" fmla="*/ 217264 w 1057826"/>
                <a:gd name="connsiteY190" fmla="*/ 216345 h 391607"/>
                <a:gd name="connsiteX191" fmla="*/ 218852 w 1057826"/>
                <a:gd name="connsiteY191" fmla="*/ 222695 h 391607"/>
                <a:gd name="connsiteX192" fmla="*/ 214089 w 1057826"/>
                <a:gd name="connsiteY192" fmla="*/ 225871 h 391607"/>
                <a:gd name="connsiteX193" fmla="*/ 209326 w 1057826"/>
                <a:gd name="connsiteY193" fmla="*/ 224283 h 391607"/>
                <a:gd name="connsiteX194" fmla="*/ 209326 w 1057826"/>
                <a:gd name="connsiteY194" fmla="*/ 214758 h 391607"/>
                <a:gd name="connsiteX195" fmla="*/ 182339 w 1057826"/>
                <a:gd name="connsiteY195" fmla="*/ 198883 h 391607"/>
                <a:gd name="connsiteX196" fmla="*/ 185514 w 1057826"/>
                <a:gd name="connsiteY196" fmla="*/ 205233 h 391607"/>
                <a:gd name="connsiteX197" fmla="*/ 185514 w 1057826"/>
                <a:gd name="connsiteY197" fmla="*/ 209995 h 391607"/>
                <a:gd name="connsiteX198" fmla="*/ 190276 w 1057826"/>
                <a:gd name="connsiteY198" fmla="*/ 216345 h 391607"/>
                <a:gd name="connsiteX199" fmla="*/ 190276 w 1057826"/>
                <a:gd name="connsiteY199" fmla="*/ 222695 h 391607"/>
                <a:gd name="connsiteX200" fmla="*/ 187101 w 1057826"/>
                <a:gd name="connsiteY200" fmla="*/ 219520 h 391607"/>
                <a:gd name="connsiteX201" fmla="*/ 180751 w 1057826"/>
                <a:gd name="connsiteY201" fmla="*/ 214758 h 391607"/>
                <a:gd name="connsiteX202" fmla="*/ 177576 w 1057826"/>
                <a:gd name="connsiteY202" fmla="*/ 208408 h 391607"/>
                <a:gd name="connsiteX203" fmla="*/ 171226 w 1057826"/>
                <a:gd name="connsiteY203" fmla="*/ 205233 h 391607"/>
                <a:gd name="connsiteX204" fmla="*/ 172814 w 1057826"/>
                <a:gd name="connsiteY204" fmla="*/ 200470 h 391607"/>
                <a:gd name="connsiteX205" fmla="*/ 182339 w 1057826"/>
                <a:gd name="connsiteY205" fmla="*/ 198883 h 391607"/>
                <a:gd name="connsiteX206" fmla="*/ 495511 w 1057826"/>
                <a:gd name="connsiteY206" fmla="*/ 198088 h 391607"/>
                <a:gd name="connsiteX207" fmla="*/ 498629 w 1057826"/>
                <a:gd name="connsiteY207" fmla="*/ 198882 h 391607"/>
                <a:gd name="connsiteX208" fmla="*/ 501955 w 1057826"/>
                <a:gd name="connsiteY208" fmla="*/ 202057 h 391607"/>
                <a:gd name="connsiteX209" fmla="*/ 508608 w 1057826"/>
                <a:gd name="connsiteY209" fmla="*/ 202057 h 391607"/>
                <a:gd name="connsiteX210" fmla="*/ 515260 w 1057826"/>
                <a:gd name="connsiteY210" fmla="*/ 202057 h 391607"/>
                <a:gd name="connsiteX211" fmla="*/ 523576 w 1057826"/>
                <a:gd name="connsiteY211" fmla="*/ 203645 h 391607"/>
                <a:gd name="connsiteX212" fmla="*/ 520249 w 1057826"/>
                <a:gd name="connsiteY212" fmla="*/ 206820 h 391607"/>
                <a:gd name="connsiteX213" fmla="*/ 520249 w 1057826"/>
                <a:gd name="connsiteY213" fmla="*/ 209995 h 391607"/>
                <a:gd name="connsiteX214" fmla="*/ 516923 w 1057826"/>
                <a:gd name="connsiteY214" fmla="*/ 205232 h 391607"/>
                <a:gd name="connsiteX215" fmla="*/ 513597 w 1057826"/>
                <a:gd name="connsiteY215" fmla="*/ 203645 h 391607"/>
                <a:gd name="connsiteX216" fmla="*/ 498629 w 1057826"/>
                <a:gd name="connsiteY216" fmla="*/ 205232 h 391607"/>
                <a:gd name="connsiteX217" fmla="*/ 493640 w 1057826"/>
                <a:gd name="connsiteY217" fmla="*/ 202057 h 391607"/>
                <a:gd name="connsiteX218" fmla="*/ 495511 w 1057826"/>
                <a:gd name="connsiteY218" fmla="*/ 198088 h 391607"/>
                <a:gd name="connsiteX219" fmla="*/ 476026 w 1057826"/>
                <a:gd name="connsiteY219" fmla="*/ 186182 h 391607"/>
                <a:gd name="connsiteX220" fmla="*/ 480789 w 1057826"/>
                <a:gd name="connsiteY220" fmla="*/ 193326 h 391607"/>
                <a:gd name="connsiteX221" fmla="*/ 480789 w 1057826"/>
                <a:gd name="connsiteY221" fmla="*/ 198684 h 391607"/>
                <a:gd name="connsiteX222" fmla="*/ 472851 w 1057826"/>
                <a:gd name="connsiteY222" fmla="*/ 198684 h 391607"/>
                <a:gd name="connsiteX223" fmla="*/ 468089 w 1057826"/>
                <a:gd name="connsiteY223" fmla="*/ 191540 h 391607"/>
                <a:gd name="connsiteX224" fmla="*/ 471264 w 1057826"/>
                <a:gd name="connsiteY224" fmla="*/ 189754 h 391607"/>
                <a:gd name="connsiteX225" fmla="*/ 476026 w 1057826"/>
                <a:gd name="connsiteY225" fmla="*/ 186182 h 391607"/>
                <a:gd name="connsiteX226" fmla="*/ 745902 w 1057826"/>
                <a:gd name="connsiteY226" fmla="*/ 183184 h 391607"/>
                <a:gd name="connsiteX227" fmla="*/ 757014 w 1057826"/>
                <a:gd name="connsiteY227" fmla="*/ 183184 h 391607"/>
                <a:gd name="connsiteX228" fmla="*/ 760189 w 1057826"/>
                <a:gd name="connsiteY228" fmla="*/ 192003 h 391607"/>
                <a:gd name="connsiteX229" fmla="*/ 752252 w 1057826"/>
                <a:gd name="connsiteY229" fmla="*/ 192003 h 391607"/>
                <a:gd name="connsiteX230" fmla="*/ 745902 w 1057826"/>
                <a:gd name="connsiteY230" fmla="*/ 183184 h 391607"/>
                <a:gd name="connsiteX231" fmla="*/ 680182 w 1057826"/>
                <a:gd name="connsiteY231" fmla="*/ 175070 h 391607"/>
                <a:gd name="connsiteX232" fmla="*/ 691552 w 1057826"/>
                <a:gd name="connsiteY232" fmla="*/ 176693 h 391607"/>
                <a:gd name="connsiteX233" fmla="*/ 693176 w 1057826"/>
                <a:gd name="connsiteY233" fmla="*/ 176693 h 391607"/>
                <a:gd name="connsiteX234" fmla="*/ 696425 w 1057826"/>
                <a:gd name="connsiteY234" fmla="*/ 178316 h 391607"/>
                <a:gd name="connsiteX235" fmla="*/ 702922 w 1057826"/>
                <a:gd name="connsiteY235" fmla="*/ 184808 h 391607"/>
                <a:gd name="connsiteX236" fmla="*/ 711043 w 1057826"/>
                <a:gd name="connsiteY236" fmla="*/ 183185 h 391607"/>
                <a:gd name="connsiteX237" fmla="*/ 712668 w 1057826"/>
                <a:gd name="connsiteY237" fmla="*/ 183185 h 391607"/>
                <a:gd name="connsiteX238" fmla="*/ 719165 w 1057826"/>
                <a:gd name="connsiteY238" fmla="*/ 184808 h 391607"/>
                <a:gd name="connsiteX239" fmla="*/ 719165 w 1057826"/>
                <a:gd name="connsiteY239" fmla="*/ 194547 h 391607"/>
                <a:gd name="connsiteX240" fmla="*/ 719165 w 1057826"/>
                <a:gd name="connsiteY240" fmla="*/ 202662 h 391607"/>
                <a:gd name="connsiteX241" fmla="*/ 717540 w 1057826"/>
                <a:gd name="connsiteY241" fmla="*/ 205908 h 391607"/>
                <a:gd name="connsiteX242" fmla="*/ 719165 w 1057826"/>
                <a:gd name="connsiteY242" fmla="*/ 214023 h 391607"/>
                <a:gd name="connsiteX243" fmla="*/ 720789 w 1057826"/>
                <a:gd name="connsiteY243" fmla="*/ 217269 h 391607"/>
                <a:gd name="connsiteX244" fmla="*/ 725662 w 1057826"/>
                <a:gd name="connsiteY244" fmla="*/ 223761 h 391607"/>
                <a:gd name="connsiteX245" fmla="*/ 728910 w 1057826"/>
                <a:gd name="connsiteY245" fmla="*/ 230254 h 391607"/>
                <a:gd name="connsiteX246" fmla="*/ 730535 w 1057826"/>
                <a:gd name="connsiteY246" fmla="*/ 233500 h 391607"/>
                <a:gd name="connsiteX247" fmla="*/ 740280 w 1057826"/>
                <a:gd name="connsiteY247" fmla="*/ 235123 h 391607"/>
                <a:gd name="connsiteX248" fmla="*/ 741905 w 1057826"/>
                <a:gd name="connsiteY248" fmla="*/ 235123 h 391607"/>
                <a:gd name="connsiteX249" fmla="*/ 745154 w 1057826"/>
                <a:gd name="connsiteY249" fmla="*/ 233500 h 391607"/>
                <a:gd name="connsiteX250" fmla="*/ 750026 w 1057826"/>
                <a:gd name="connsiteY250" fmla="*/ 228631 h 391607"/>
                <a:gd name="connsiteX251" fmla="*/ 754899 w 1057826"/>
                <a:gd name="connsiteY251" fmla="*/ 223761 h 391607"/>
                <a:gd name="connsiteX252" fmla="*/ 763021 w 1057826"/>
                <a:gd name="connsiteY252" fmla="*/ 214023 h 391607"/>
                <a:gd name="connsiteX253" fmla="*/ 767893 w 1057826"/>
                <a:gd name="connsiteY253" fmla="*/ 212400 h 391607"/>
                <a:gd name="connsiteX254" fmla="*/ 769518 w 1057826"/>
                <a:gd name="connsiteY254" fmla="*/ 214023 h 391607"/>
                <a:gd name="connsiteX255" fmla="*/ 771142 w 1057826"/>
                <a:gd name="connsiteY255" fmla="*/ 214023 h 391607"/>
                <a:gd name="connsiteX256" fmla="*/ 776015 w 1057826"/>
                <a:gd name="connsiteY256" fmla="*/ 210777 h 391607"/>
                <a:gd name="connsiteX257" fmla="*/ 777639 w 1057826"/>
                <a:gd name="connsiteY257" fmla="*/ 207531 h 391607"/>
                <a:gd name="connsiteX258" fmla="*/ 777639 w 1057826"/>
                <a:gd name="connsiteY258" fmla="*/ 204285 h 391607"/>
                <a:gd name="connsiteX259" fmla="*/ 782512 w 1057826"/>
                <a:gd name="connsiteY259" fmla="*/ 201039 h 391607"/>
                <a:gd name="connsiteX260" fmla="*/ 790633 w 1057826"/>
                <a:gd name="connsiteY260" fmla="*/ 196170 h 391607"/>
                <a:gd name="connsiteX261" fmla="*/ 792258 w 1057826"/>
                <a:gd name="connsiteY261" fmla="*/ 196170 h 391607"/>
                <a:gd name="connsiteX262" fmla="*/ 793882 w 1057826"/>
                <a:gd name="connsiteY262" fmla="*/ 196170 h 391607"/>
                <a:gd name="connsiteX263" fmla="*/ 797130 w 1057826"/>
                <a:gd name="connsiteY263" fmla="*/ 199416 h 391607"/>
                <a:gd name="connsiteX264" fmla="*/ 803628 w 1057826"/>
                <a:gd name="connsiteY264" fmla="*/ 201039 h 391607"/>
                <a:gd name="connsiteX265" fmla="*/ 810125 w 1057826"/>
                <a:gd name="connsiteY265" fmla="*/ 204285 h 391607"/>
                <a:gd name="connsiteX266" fmla="*/ 818246 w 1057826"/>
                <a:gd name="connsiteY266" fmla="*/ 204285 h 391607"/>
                <a:gd name="connsiteX267" fmla="*/ 824743 w 1057826"/>
                <a:gd name="connsiteY267" fmla="*/ 210777 h 391607"/>
                <a:gd name="connsiteX268" fmla="*/ 836113 w 1057826"/>
                <a:gd name="connsiteY268" fmla="*/ 214023 h 391607"/>
                <a:gd name="connsiteX269" fmla="*/ 845859 w 1057826"/>
                <a:gd name="connsiteY269" fmla="*/ 215646 h 391607"/>
                <a:gd name="connsiteX270" fmla="*/ 850732 w 1057826"/>
                <a:gd name="connsiteY270" fmla="*/ 220515 h 391607"/>
                <a:gd name="connsiteX271" fmla="*/ 855604 w 1057826"/>
                <a:gd name="connsiteY271" fmla="*/ 220515 h 391607"/>
                <a:gd name="connsiteX272" fmla="*/ 858853 w 1057826"/>
                <a:gd name="connsiteY272" fmla="*/ 220515 h 391607"/>
                <a:gd name="connsiteX273" fmla="*/ 858853 w 1057826"/>
                <a:gd name="connsiteY273" fmla="*/ 225385 h 391607"/>
                <a:gd name="connsiteX274" fmla="*/ 863726 w 1057826"/>
                <a:gd name="connsiteY274" fmla="*/ 225385 h 391607"/>
                <a:gd name="connsiteX275" fmla="*/ 871847 w 1057826"/>
                <a:gd name="connsiteY275" fmla="*/ 230254 h 391607"/>
                <a:gd name="connsiteX276" fmla="*/ 886466 w 1057826"/>
                <a:gd name="connsiteY276" fmla="*/ 236746 h 391607"/>
                <a:gd name="connsiteX277" fmla="*/ 897836 w 1057826"/>
                <a:gd name="connsiteY277" fmla="*/ 238369 h 391607"/>
                <a:gd name="connsiteX278" fmla="*/ 909205 w 1057826"/>
                <a:gd name="connsiteY278" fmla="*/ 243238 h 391607"/>
                <a:gd name="connsiteX279" fmla="*/ 918951 w 1057826"/>
                <a:gd name="connsiteY279" fmla="*/ 248107 h 391607"/>
                <a:gd name="connsiteX280" fmla="*/ 928697 w 1057826"/>
                <a:gd name="connsiteY280" fmla="*/ 252976 h 391607"/>
                <a:gd name="connsiteX281" fmla="*/ 936818 w 1057826"/>
                <a:gd name="connsiteY281" fmla="*/ 259468 h 391607"/>
                <a:gd name="connsiteX282" fmla="*/ 953061 w 1057826"/>
                <a:gd name="connsiteY282" fmla="*/ 270830 h 391607"/>
                <a:gd name="connsiteX283" fmla="*/ 956310 w 1057826"/>
                <a:gd name="connsiteY283" fmla="*/ 277322 h 391607"/>
                <a:gd name="connsiteX284" fmla="*/ 961182 w 1057826"/>
                <a:gd name="connsiteY284" fmla="*/ 280568 h 391607"/>
                <a:gd name="connsiteX285" fmla="*/ 964431 w 1057826"/>
                <a:gd name="connsiteY285" fmla="*/ 283814 h 391607"/>
                <a:gd name="connsiteX286" fmla="*/ 966055 w 1057826"/>
                <a:gd name="connsiteY286" fmla="*/ 287060 h 391607"/>
                <a:gd name="connsiteX287" fmla="*/ 975801 w 1057826"/>
                <a:gd name="connsiteY287" fmla="*/ 288683 h 391607"/>
                <a:gd name="connsiteX288" fmla="*/ 987171 w 1057826"/>
                <a:gd name="connsiteY288" fmla="*/ 293552 h 391607"/>
                <a:gd name="connsiteX289" fmla="*/ 990419 w 1057826"/>
                <a:gd name="connsiteY289" fmla="*/ 298422 h 391607"/>
                <a:gd name="connsiteX290" fmla="*/ 995292 w 1057826"/>
                <a:gd name="connsiteY290" fmla="*/ 300045 h 391607"/>
                <a:gd name="connsiteX291" fmla="*/ 995292 w 1057826"/>
                <a:gd name="connsiteY291" fmla="*/ 304914 h 391607"/>
                <a:gd name="connsiteX292" fmla="*/ 993668 w 1057826"/>
                <a:gd name="connsiteY292" fmla="*/ 308160 h 391607"/>
                <a:gd name="connsiteX293" fmla="*/ 983922 w 1057826"/>
                <a:gd name="connsiteY293" fmla="*/ 309783 h 391607"/>
                <a:gd name="connsiteX294" fmla="*/ 979049 w 1057826"/>
                <a:gd name="connsiteY294" fmla="*/ 311406 h 391607"/>
                <a:gd name="connsiteX295" fmla="*/ 979049 w 1057826"/>
                <a:gd name="connsiteY295" fmla="*/ 316275 h 391607"/>
                <a:gd name="connsiteX296" fmla="*/ 983922 w 1057826"/>
                <a:gd name="connsiteY296" fmla="*/ 321144 h 391607"/>
                <a:gd name="connsiteX297" fmla="*/ 985546 w 1057826"/>
                <a:gd name="connsiteY297" fmla="*/ 326013 h 391607"/>
                <a:gd name="connsiteX298" fmla="*/ 992044 w 1057826"/>
                <a:gd name="connsiteY298" fmla="*/ 330882 h 391607"/>
                <a:gd name="connsiteX299" fmla="*/ 998541 w 1057826"/>
                <a:gd name="connsiteY299" fmla="*/ 334129 h 391607"/>
                <a:gd name="connsiteX300" fmla="*/ 1001789 w 1057826"/>
                <a:gd name="connsiteY300" fmla="*/ 338998 h 391607"/>
                <a:gd name="connsiteX301" fmla="*/ 1006662 w 1057826"/>
                <a:gd name="connsiteY301" fmla="*/ 342244 h 391607"/>
                <a:gd name="connsiteX302" fmla="*/ 1011535 w 1057826"/>
                <a:gd name="connsiteY302" fmla="*/ 350359 h 391607"/>
                <a:gd name="connsiteX303" fmla="*/ 1013159 w 1057826"/>
                <a:gd name="connsiteY303" fmla="*/ 355228 h 391607"/>
                <a:gd name="connsiteX304" fmla="*/ 1018032 w 1057826"/>
                <a:gd name="connsiteY304" fmla="*/ 356851 h 391607"/>
                <a:gd name="connsiteX305" fmla="*/ 1019656 w 1057826"/>
                <a:gd name="connsiteY305" fmla="*/ 355228 h 391607"/>
                <a:gd name="connsiteX306" fmla="*/ 1024529 w 1057826"/>
                <a:gd name="connsiteY306" fmla="*/ 358474 h 391607"/>
                <a:gd name="connsiteX307" fmla="*/ 1024529 w 1057826"/>
                <a:gd name="connsiteY307" fmla="*/ 363343 h 391607"/>
                <a:gd name="connsiteX308" fmla="*/ 1026153 w 1057826"/>
                <a:gd name="connsiteY308" fmla="*/ 366589 h 391607"/>
                <a:gd name="connsiteX309" fmla="*/ 1032651 w 1057826"/>
                <a:gd name="connsiteY309" fmla="*/ 368212 h 391607"/>
                <a:gd name="connsiteX310" fmla="*/ 1037523 w 1057826"/>
                <a:gd name="connsiteY310" fmla="*/ 371459 h 391607"/>
                <a:gd name="connsiteX311" fmla="*/ 1040772 w 1057826"/>
                <a:gd name="connsiteY311" fmla="*/ 376328 h 391607"/>
                <a:gd name="connsiteX312" fmla="*/ 1045645 w 1057826"/>
                <a:gd name="connsiteY312" fmla="*/ 377951 h 391607"/>
                <a:gd name="connsiteX313" fmla="*/ 1050518 w 1057826"/>
                <a:gd name="connsiteY313" fmla="*/ 379574 h 391607"/>
                <a:gd name="connsiteX314" fmla="*/ 1055390 w 1057826"/>
                <a:gd name="connsiteY314" fmla="*/ 379574 h 391607"/>
                <a:gd name="connsiteX315" fmla="*/ 1055390 w 1057826"/>
                <a:gd name="connsiteY315" fmla="*/ 384443 h 391607"/>
                <a:gd name="connsiteX316" fmla="*/ 1053766 w 1057826"/>
                <a:gd name="connsiteY316" fmla="*/ 386066 h 391607"/>
                <a:gd name="connsiteX317" fmla="*/ 1053766 w 1057826"/>
                <a:gd name="connsiteY317" fmla="*/ 387689 h 391607"/>
                <a:gd name="connsiteX318" fmla="*/ 1050518 w 1057826"/>
                <a:gd name="connsiteY318" fmla="*/ 390935 h 391607"/>
                <a:gd name="connsiteX319" fmla="*/ 1045645 w 1057826"/>
                <a:gd name="connsiteY319" fmla="*/ 389312 h 391607"/>
                <a:gd name="connsiteX320" fmla="*/ 1042396 w 1057826"/>
                <a:gd name="connsiteY320" fmla="*/ 387689 h 391607"/>
                <a:gd name="connsiteX321" fmla="*/ 1037523 w 1057826"/>
                <a:gd name="connsiteY321" fmla="*/ 382820 h 391607"/>
                <a:gd name="connsiteX322" fmla="*/ 1034275 w 1057826"/>
                <a:gd name="connsiteY322" fmla="*/ 382820 h 391607"/>
                <a:gd name="connsiteX323" fmla="*/ 1026153 w 1057826"/>
                <a:gd name="connsiteY323" fmla="*/ 382820 h 391607"/>
                <a:gd name="connsiteX324" fmla="*/ 1016408 w 1057826"/>
                <a:gd name="connsiteY324" fmla="*/ 379574 h 391607"/>
                <a:gd name="connsiteX325" fmla="*/ 1008286 w 1057826"/>
                <a:gd name="connsiteY325" fmla="*/ 377951 h 391607"/>
                <a:gd name="connsiteX326" fmla="*/ 1005038 w 1057826"/>
                <a:gd name="connsiteY326" fmla="*/ 379574 h 391607"/>
                <a:gd name="connsiteX327" fmla="*/ 1000165 w 1057826"/>
                <a:gd name="connsiteY327" fmla="*/ 377951 h 391607"/>
                <a:gd name="connsiteX328" fmla="*/ 998541 w 1057826"/>
                <a:gd name="connsiteY328" fmla="*/ 377951 h 391607"/>
                <a:gd name="connsiteX329" fmla="*/ 993668 w 1057826"/>
                <a:gd name="connsiteY329" fmla="*/ 376328 h 391607"/>
                <a:gd name="connsiteX330" fmla="*/ 990419 w 1057826"/>
                <a:gd name="connsiteY330" fmla="*/ 374705 h 391607"/>
                <a:gd name="connsiteX331" fmla="*/ 987171 w 1057826"/>
                <a:gd name="connsiteY331" fmla="*/ 371459 h 391607"/>
                <a:gd name="connsiteX332" fmla="*/ 982298 w 1057826"/>
                <a:gd name="connsiteY332" fmla="*/ 368212 h 391607"/>
                <a:gd name="connsiteX333" fmla="*/ 982298 w 1057826"/>
                <a:gd name="connsiteY333" fmla="*/ 364966 h 391607"/>
                <a:gd name="connsiteX334" fmla="*/ 977425 w 1057826"/>
                <a:gd name="connsiteY334" fmla="*/ 361720 h 391607"/>
                <a:gd name="connsiteX335" fmla="*/ 975801 w 1057826"/>
                <a:gd name="connsiteY335" fmla="*/ 358474 h 391607"/>
                <a:gd name="connsiteX336" fmla="*/ 972552 w 1057826"/>
                <a:gd name="connsiteY336" fmla="*/ 351982 h 391607"/>
                <a:gd name="connsiteX337" fmla="*/ 966055 w 1057826"/>
                <a:gd name="connsiteY337" fmla="*/ 348736 h 391607"/>
                <a:gd name="connsiteX338" fmla="*/ 964431 w 1057826"/>
                <a:gd name="connsiteY338" fmla="*/ 343867 h 391607"/>
                <a:gd name="connsiteX339" fmla="*/ 954685 w 1057826"/>
                <a:gd name="connsiteY339" fmla="*/ 334129 h 391607"/>
                <a:gd name="connsiteX340" fmla="*/ 951437 w 1057826"/>
                <a:gd name="connsiteY340" fmla="*/ 332505 h 391607"/>
                <a:gd name="connsiteX341" fmla="*/ 948188 w 1057826"/>
                <a:gd name="connsiteY341" fmla="*/ 334129 h 391607"/>
                <a:gd name="connsiteX342" fmla="*/ 946564 w 1057826"/>
                <a:gd name="connsiteY342" fmla="*/ 332505 h 391607"/>
                <a:gd name="connsiteX343" fmla="*/ 944940 w 1057826"/>
                <a:gd name="connsiteY343" fmla="*/ 332505 h 391607"/>
                <a:gd name="connsiteX344" fmla="*/ 943315 w 1057826"/>
                <a:gd name="connsiteY344" fmla="*/ 332505 h 391607"/>
                <a:gd name="connsiteX345" fmla="*/ 938442 w 1057826"/>
                <a:gd name="connsiteY345" fmla="*/ 330882 h 391607"/>
                <a:gd name="connsiteX346" fmla="*/ 933570 w 1057826"/>
                <a:gd name="connsiteY346" fmla="*/ 327636 h 391607"/>
                <a:gd name="connsiteX347" fmla="*/ 930321 w 1057826"/>
                <a:gd name="connsiteY347" fmla="*/ 327636 h 391607"/>
                <a:gd name="connsiteX348" fmla="*/ 925448 w 1057826"/>
                <a:gd name="connsiteY348" fmla="*/ 327636 h 391607"/>
                <a:gd name="connsiteX349" fmla="*/ 925448 w 1057826"/>
                <a:gd name="connsiteY349" fmla="*/ 330882 h 391607"/>
                <a:gd name="connsiteX350" fmla="*/ 920575 w 1057826"/>
                <a:gd name="connsiteY350" fmla="*/ 332505 h 391607"/>
                <a:gd name="connsiteX351" fmla="*/ 918951 w 1057826"/>
                <a:gd name="connsiteY351" fmla="*/ 330882 h 391607"/>
                <a:gd name="connsiteX352" fmla="*/ 915703 w 1057826"/>
                <a:gd name="connsiteY352" fmla="*/ 335752 h 391607"/>
                <a:gd name="connsiteX353" fmla="*/ 909205 w 1057826"/>
                <a:gd name="connsiteY353" fmla="*/ 337375 h 391607"/>
                <a:gd name="connsiteX354" fmla="*/ 909205 w 1057826"/>
                <a:gd name="connsiteY354" fmla="*/ 340621 h 391607"/>
                <a:gd name="connsiteX355" fmla="*/ 905957 w 1057826"/>
                <a:gd name="connsiteY355" fmla="*/ 343867 h 391607"/>
                <a:gd name="connsiteX356" fmla="*/ 899460 w 1057826"/>
                <a:gd name="connsiteY356" fmla="*/ 343867 h 391607"/>
                <a:gd name="connsiteX357" fmla="*/ 891339 w 1057826"/>
                <a:gd name="connsiteY357" fmla="*/ 342244 h 391607"/>
                <a:gd name="connsiteX358" fmla="*/ 881593 w 1057826"/>
                <a:gd name="connsiteY358" fmla="*/ 338998 h 391607"/>
                <a:gd name="connsiteX359" fmla="*/ 888090 w 1057826"/>
                <a:gd name="connsiteY359" fmla="*/ 343867 h 391607"/>
                <a:gd name="connsiteX360" fmla="*/ 897836 w 1057826"/>
                <a:gd name="connsiteY360" fmla="*/ 345490 h 391607"/>
                <a:gd name="connsiteX361" fmla="*/ 902709 w 1057826"/>
                <a:gd name="connsiteY361" fmla="*/ 345490 h 391607"/>
                <a:gd name="connsiteX362" fmla="*/ 907581 w 1057826"/>
                <a:gd name="connsiteY362" fmla="*/ 351982 h 391607"/>
                <a:gd name="connsiteX363" fmla="*/ 905957 w 1057826"/>
                <a:gd name="connsiteY363" fmla="*/ 356851 h 391607"/>
                <a:gd name="connsiteX364" fmla="*/ 902709 w 1057826"/>
                <a:gd name="connsiteY364" fmla="*/ 356851 h 391607"/>
                <a:gd name="connsiteX365" fmla="*/ 896211 w 1057826"/>
                <a:gd name="connsiteY365" fmla="*/ 360097 h 391607"/>
                <a:gd name="connsiteX366" fmla="*/ 891339 w 1057826"/>
                <a:gd name="connsiteY366" fmla="*/ 361720 h 391607"/>
                <a:gd name="connsiteX367" fmla="*/ 881593 w 1057826"/>
                <a:gd name="connsiteY367" fmla="*/ 360097 h 391607"/>
                <a:gd name="connsiteX368" fmla="*/ 876720 w 1057826"/>
                <a:gd name="connsiteY368" fmla="*/ 360097 h 391607"/>
                <a:gd name="connsiteX369" fmla="*/ 871847 w 1057826"/>
                <a:gd name="connsiteY369" fmla="*/ 360097 h 391607"/>
                <a:gd name="connsiteX370" fmla="*/ 863726 w 1057826"/>
                <a:gd name="connsiteY370" fmla="*/ 361720 h 391607"/>
                <a:gd name="connsiteX371" fmla="*/ 857229 w 1057826"/>
                <a:gd name="connsiteY371" fmla="*/ 360097 h 391607"/>
                <a:gd name="connsiteX372" fmla="*/ 857229 w 1057826"/>
                <a:gd name="connsiteY372" fmla="*/ 355228 h 391607"/>
                <a:gd name="connsiteX373" fmla="*/ 853980 w 1057826"/>
                <a:gd name="connsiteY373" fmla="*/ 353605 h 391607"/>
                <a:gd name="connsiteX374" fmla="*/ 852356 w 1057826"/>
                <a:gd name="connsiteY374" fmla="*/ 350359 h 391607"/>
                <a:gd name="connsiteX375" fmla="*/ 845859 w 1057826"/>
                <a:gd name="connsiteY375" fmla="*/ 343867 h 391607"/>
                <a:gd name="connsiteX376" fmla="*/ 840986 w 1057826"/>
                <a:gd name="connsiteY376" fmla="*/ 338998 h 391607"/>
                <a:gd name="connsiteX377" fmla="*/ 837737 w 1057826"/>
                <a:gd name="connsiteY377" fmla="*/ 332505 h 391607"/>
                <a:gd name="connsiteX378" fmla="*/ 832865 w 1057826"/>
                <a:gd name="connsiteY378" fmla="*/ 334129 h 391607"/>
                <a:gd name="connsiteX379" fmla="*/ 827992 w 1057826"/>
                <a:gd name="connsiteY379" fmla="*/ 335752 h 391607"/>
                <a:gd name="connsiteX380" fmla="*/ 823119 w 1057826"/>
                <a:gd name="connsiteY380" fmla="*/ 334129 h 391607"/>
                <a:gd name="connsiteX381" fmla="*/ 821495 w 1057826"/>
                <a:gd name="connsiteY381" fmla="*/ 334129 h 391607"/>
                <a:gd name="connsiteX382" fmla="*/ 816622 w 1057826"/>
                <a:gd name="connsiteY382" fmla="*/ 329259 h 391607"/>
                <a:gd name="connsiteX383" fmla="*/ 818246 w 1057826"/>
                <a:gd name="connsiteY383" fmla="*/ 332505 h 391607"/>
                <a:gd name="connsiteX384" fmla="*/ 816622 w 1057826"/>
                <a:gd name="connsiteY384" fmla="*/ 337375 h 391607"/>
                <a:gd name="connsiteX385" fmla="*/ 811749 w 1057826"/>
                <a:gd name="connsiteY385" fmla="*/ 338998 h 391607"/>
                <a:gd name="connsiteX386" fmla="*/ 810125 w 1057826"/>
                <a:gd name="connsiteY386" fmla="*/ 338998 h 391607"/>
                <a:gd name="connsiteX387" fmla="*/ 800379 w 1057826"/>
                <a:gd name="connsiteY387" fmla="*/ 338998 h 391607"/>
                <a:gd name="connsiteX388" fmla="*/ 790633 w 1057826"/>
                <a:gd name="connsiteY388" fmla="*/ 338998 h 391607"/>
                <a:gd name="connsiteX389" fmla="*/ 789009 w 1057826"/>
                <a:gd name="connsiteY389" fmla="*/ 335752 h 391607"/>
                <a:gd name="connsiteX390" fmla="*/ 792258 w 1057826"/>
                <a:gd name="connsiteY390" fmla="*/ 327636 h 391607"/>
                <a:gd name="connsiteX391" fmla="*/ 795506 w 1057826"/>
                <a:gd name="connsiteY391" fmla="*/ 322767 h 391607"/>
                <a:gd name="connsiteX392" fmla="*/ 802003 w 1057826"/>
                <a:gd name="connsiteY392" fmla="*/ 317898 h 391607"/>
                <a:gd name="connsiteX393" fmla="*/ 808500 w 1057826"/>
                <a:gd name="connsiteY393" fmla="*/ 316275 h 391607"/>
                <a:gd name="connsiteX394" fmla="*/ 808500 w 1057826"/>
                <a:gd name="connsiteY394" fmla="*/ 314652 h 391607"/>
                <a:gd name="connsiteX395" fmla="*/ 810125 w 1057826"/>
                <a:gd name="connsiteY395" fmla="*/ 313029 h 391607"/>
                <a:gd name="connsiteX396" fmla="*/ 816622 w 1057826"/>
                <a:gd name="connsiteY396" fmla="*/ 313029 h 391607"/>
                <a:gd name="connsiteX397" fmla="*/ 811749 w 1057826"/>
                <a:gd name="connsiteY397" fmla="*/ 306537 h 391607"/>
                <a:gd name="connsiteX398" fmla="*/ 808500 w 1057826"/>
                <a:gd name="connsiteY398" fmla="*/ 301668 h 391607"/>
                <a:gd name="connsiteX399" fmla="*/ 805252 w 1057826"/>
                <a:gd name="connsiteY399" fmla="*/ 296798 h 391607"/>
                <a:gd name="connsiteX400" fmla="*/ 798755 w 1057826"/>
                <a:gd name="connsiteY400" fmla="*/ 288683 h 391607"/>
                <a:gd name="connsiteX401" fmla="*/ 797130 w 1057826"/>
                <a:gd name="connsiteY401" fmla="*/ 283814 h 391607"/>
                <a:gd name="connsiteX402" fmla="*/ 793882 w 1057826"/>
                <a:gd name="connsiteY402" fmla="*/ 277322 h 391607"/>
                <a:gd name="connsiteX403" fmla="*/ 787385 w 1057826"/>
                <a:gd name="connsiteY403" fmla="*/ 272453 h 391607"/>
                <a:gd name="connsiteX404" fmla="*/ 780888 w 1057826"/>
                <a:gd name="connsiteY404" fmla="*/ 270830 h 391607"/>
                <a:gd name="connsiteX405" fmla="*/ 774391 w 1057826"/>
                <a:gd name="connsiteY405" fmla="*/ 269207 h 391607"/>
                <a:gd name="connsiteX406" fmla="*/ 767893 w 1057826"/>
                <a:gd name="connsiteY406" fmla="*/ 267584 h 391607"/>
                <a:gd name="connsiteX407" fmla="*/ 759772 w 1057826"/>
                <a:gd name="connsiteY407" fmla="*/ 262715 h 391607"/>
                <a:gd name="connsiteX408" fmla="*/ 753275 w 1057826"/>
                <a:gd name="connsiteY408" fmla="*/ 261092 h 391607"/>
                <a:gd name="connsiteX409" fmla="*/ 743529 w 1057826"/>
                <a:gd name="connsiteY409" fmla="*/ 259468 h 391607"/>
                <a:gd name="connsiteX410" fmla="*/ 740280 w 1057826"/>
                <a:gd name="connsiteY410" fmla="*/ 257845 h 391607"/>
                <a:gd name="connsiteX411" fmla="*/ 735407 w 1057826"/>
                <a:gd name="connsiteY411" fmla="*/ 257845 h 391607"/>
                <a:gd name="connsiteX412" fmla="*/ 732159 w 1057826"/>
                <a:gd name="connsiteY412" fmla="*/ 256222 h 391607"/>
                <a:gd name="connsiteX413" fmla="*/ 730535 w 1057826"/>
                <a:gd name="connsiteY413" fmla="*/ 252976 h 391607"/>
                <a:gd name="connsiteX414" fmla="*/ 728910 w 1057826"/>
                <a:gd name="connsiteY414" fmla="*/ 248107 h 391607"/>
                <a:gd name="connsiteX415" fmla="*/ 725662 w 1057826"/>
                <a:gd name="connsiteY415" fmla="*/ 248107 h 391607"/>
                <a:gd name="connsiteX416" fmla="*/ 722413 w 1057826"/>
                <a:gd name="connsiteY416" fmla="*/ 249730 h 391607"/>
                <a:gd name="connsiteX417" fmla="*/ 720789 w 1057826"/>
                <a:gd name="connsiteY417" fmla="*/ 249730 h 391607"/>
                <a:gd name="connsiteX418" fmla="*/ 719165 w 1057826"/>
                <a:gd name="connsiteY418" fmla="*/ 248107 h 391607"/>
                <a:gd name="connsiteX419" fmla="*/ 714292 w 1057826"/>
                <a:gd name="connsiteY419" fmla="*/ 246484 h 391607"/>
                <a:gd name="connsiteX420" fmla="*/ 711043 w 1057826"/>
                <a:gd name="connsiteY420" fmla="*/ 244861 h 391607"/>
                <a:gd name="connsiteX421" fmla="*/ 709419 w 1057826"/>
                <a:gd name="connsiteY421" fmla="*/ 238369 h 391607"/>
                <a:gd name="connsiteX422" fmla="*/ 711043 w 1057826"/>
                <a:gd name="connsiteY422" fmla="*/ 231877 h 391607"/>
                <a:gd name="connsiteX423" fmla="*/ 707795 w 1057826"/>
                <a:gd name="connsiteY423" fmla="*/ 235123 h 391607"/>
                <a:gd name="connsiteX424" fmla="*/ 706170 w 1057826"/>
                <a:gd name="connsiteY424" fmla="*/ 238369 h 391607"/>
                <a:gd name="connsiteX425" fmla="*/ 704546 w 1057826"/>
                <a:gd name="connsiteY425" fmla="*/ 243238 h 391607"/>
                <a:gd name="connsiteX426" fmla="*/ 702922 w 1057826"/>
                <a:gd name="connsiteY426" fmla="*/ 249730 h 391607"/>
                <a:gd name="connsiteX427" fmla="*/ 699673 w 1057826"/>
                <a:gd name="connsiteY427" fmla="*/ 251353 h 391607"/>
                <a:gd name="connsiteX428" fmla="*/ 694800 w 1057826"/>
                <a:gd name="connsiteY428" fmla="*/ 251353 h 391607"/>
                <a:gd name="connsiteX429" fmla="*/ 689928 w 1057826"/>
                <a:gd name="connsiteY429" fmla="*/ 248107 h 391607"/>
                <a:gd name="connsiteX430" fmla="*/ 689928 w 1057826"/>
                <a:gd name="connsiteY430" fmla="*/ 243238 h 391607"/>
                <a:gd name="connsiteX431" fmla="*/ 688303 w 1057826"/>
                <a:gd name="connsiteY431" fmla="*/ 236746 h 391607"/>
                <a:gd name="connsiteX432" fmla="*/ 685055 w 1057826"/>
                <a:gd name="connsiteY432" fmla="*/ 233500 h 391607"/>
                <a:gd name="connsiteX433" fmla="*/ 680182 w 1057826"/>
                <a:gd name="connsiteY433" fmla="*/ 230254 h 391607"/>
                <a:gd name="connsiteX434" fmla="*/ 675309 w 1057826"/>
                <a:gd name="connsiteY434" fmla="*/ 227008 h 391607"/>
                <a:gd name="connsiteX435" fmla="*/ 678558 w 1057826"/>
                <a:gd name="connsiteY435" fmla="*/ 220515 h 391607"/>
                <a:gd name="connsiteX436" fmla="*/ 681806 w 1057826"/>
                <a:gd name="connsiteY436" fmla="*/ 222138 h 391607"/>
                <a:gd name="connsiteX437" fmla="*/ 686679 w 1057826"/>
                <a:gd name="connsiteY437" fmla="*/ 225385 h 391607"/>
                <a:gd name="connsiteX438" fmla="*/ 689928 w 1057826"/>
                <a:gd name="connsiteY438" fmla="*/ 222138 h 391607"/>
                <a:gd name="connsiteX439" fmla="*/ 694800 w 1057826"/>
                <a:gd name="connsiteY439" fmla="*/ 218892 h 391607"/>
                <a:gd name="connsiteX440" fmla="*/ 699673 w 1057826"/>
                <a:gd name="connsiteY440" fmla="*/ 217269 h 391607"/>
                <a:gd name="connsiteX441" fmla="*/ 706170 w 1057826"/>
                <a:gd name="connsiteY441" fmla="*/ 218892 h 391607"/>
                <a:gd name="connsiteX442" fmla="*/ 709419 w 1057826"/>
                <a:gd name="connsiteY442" fmla="*/ 217269 h 391607"/>
                <a:gd name="connsiteX443" fmla="*/ 714292 w 1057826"/>
                <a:gd name="connsiteY443" fmla="*/ 215646 h 391607"/>
                <a:gd name="connsiteX444" fmla="*/ 709419 w 1057826"/>
                <a:gd name="connsiteY444" fmla="*/ 215646 h 391607"/>
                <a:gd name="connsiteX445" fmla="*/ 704546 w 1057826"/>
                <a:gd name="connsiteY445" fmla="*/ 214023 h 391607"/>
                <a:gd name="connsiteX446" fmla="*/ 696425 w 1057826"/>
                <a:gd name="connsiteY446" fmla="*/ 215646 h 391607"/>
                <a:gd name="connsiteX447" fmla="*/ 691552 w 1057826"/>
                <a:gd name="connsiteY447" fmla="*/ 215646 h 391607"/>
                <a:gd name="connsiteX448" fmla="*/ 688303 w 1057826"/>
                <a:gd name="connsiteY448" fmla="*/ 212400 h 391607"/>
                <a:gd name="connsiteX449" fmla="*/ 680182 w 1057826"/>
                <a:gd name="connsiteY449" fmla="*/ 214023 h 391607"/>
                <a:gd name="connsiteX450" fmla="*/ 675309 w 1057826"/>
                <a:gd name="connsiteY450" fmla="*/ 214023 h 391607"/>
                <a:gd name="connsiteX451" fmla="*/ 672061 w 1057826"/>
                <a:gd name="connsiteY451" fmla="*/ 207531 h 391607"/>
                <a:gd name="connsiteX452" fmla="*/ 672061 w 1057826"/>
                <a:gd name="connsiteY452" fmla="*/ 201039 h 391607"/>
                <a:gd name="connsiteX453" fmla="*/ 665563 w 1057826"/>
                <a:gd name="connsiteY453" fmla="*/ 199416 h 391607"/>
                <a:gd name="connsiteX454" fmla="*/ 660691 w 1057826"/>
                <a:gd name="connsiteY454" fmla="*/ 197793 h 391607"/>
                <a:gd name="connsiteX455" fmla="*/ 655818 w 1057826"/>
                <a:gd name="connsiteY455" fmla="*/ 197793 h 391607"/>
                <a:gd name="connsiteX456" fmla="*/ 650945 w 1057826"/>
                <a:gd name="connsiteY456" fmla="*/ 194547 h 391607"/>
                <a:gd name="connsiteX457" fmla="*/ 644448 w 1057826"/>
                <a:gd name="connsiteY457" fmla="*/ 189678 h 391607"/>
                <a:gd name="connsiteX458" fmla="*/ 642824 w 1057826"/>
                <a:gd name="connsiteY458" fmla="*/ 183185 h 391607"/>
                <a:gd name="connsiteX459" fmla="*/ 652569 w 1057826"/>
                <a:gd name="connsiteY459" fmla="*/ 184808 h 391607"/>
                <a:gd name="connsiteX460" fmla="*/ 655818 w 1057826"/>
                <a:gd name="connsiteY460" fmla="*/ 189678 h 391607"/>
                <a:gd name="connsiteX461" fmla="*/ 660691 w 1057826"/>
                <a:gd name="connsiteY461" fmla="*/ 186431 h 391607"/>
                <a:gd name="connsiteX462" fmla="*/ 667188 w 1057826"/>
                <a:gd name="connsiteY462" fmla="*/ 181562 h 391607"/>
                <a:gd name="connsiteX463" fmla="*/ 672061 w 1057826"/>
                <a:gd name="connsiteY463" fmla="*/ 181562 h 391607"/>
                <a:gd name="connsiteX464" fmla="*/ 680182 w 1057826"/>
                <a:gd name="connsiteY464" fmla="*/ 175070 h 391607"/>
                <a:gd name="connsiteX465" fmla="*/ 643243 w 1057826"/>
                <a:gd name="connsiteY465" fmla="*/ 165545 h 391607"/>
                <a:gd name="connsiteX466" fmla="*/ 658325 w 1057826"/>
                <a:gd name="connsiteY466" fmla="*/ 170308 h 391607"/>
                <a:gd name="connsiteX467" fmla="*/ 654973 w 1057826"/>
                <a:gd name="connsiteY467" fmla="*/ 176658 h 391607"/>
                <a:gd name="connsiteX468" fmla="*/ 636540 w 1057826"/>
                <a:gd name="connsiteY468" fmla="*/ 171895 h 391607"/>
                <a:gd name="connsiteX469" fmla="*/ 643243 w 1057826"/>
                <a:gd name="connsiteY469" fmla="*/ 165545 h 391607"/>
                <a:gd name="connsiteX470" fmla="*/ 504555 w 1057826"/>
                <a:gd name="connsiteY470" fmla="*/ 140183 h 391607"/>
                <a:gd name="connsiteX471" fmla="*/ 507777 w 1057826"/>
                <a:gd name="connsiteY471" fmla="*/ 143436 h 391607"/>
                <a:gd name="connsiteX472" fmla="*/ 506166 w 1057826"/>
                <a:gd name="connsiteY472" fmla="*/ 148314 h 391607"/>
                <a:gd name="connsiteX473" fmla="*/ 506166 w 1057826"/>
                <a:gd name="connsiteY473" fmla="*/ 154819 h 391607"/>
                <a:gd name="connsiteX474" fmla="*/ 499722 w 1057826"/>
                <a:gd name="connsiteY474" fmla="*/ 159698 h 391607"/>
                <a:gd name="connsiteX475" fmla="*/ 493279 w 1057826"/>
                <a:gd name="connsiteY475" fmla="*/ 164576 h 391607"/>
                <a:gd name="connsiteX476" fmla="*/ 483614 w 1057826"/>
                <a:gd name="connsiteY476" fmla="*/ 167829 h 391607"/>
                <a:gd name="connsiteX477" fmla="*/ 478781 w 1057826"/>
                <a:gd name="connsiteY477" fmla="*/ 166203 h 391607"/>
                <a:gd name="connsiteX478" fmla="*/ 470727 w 1057826"/>
                <a:gd name="connsiteY478" fmla="*/ 164576 h 391607"/>
                <a:gd name="connsiteX479" fmla="*/ 464284 w 1057826"/>
                <a:gd name="connsiteY479" fmla="*/ 164576 h 391607"/>
                <a:gd name="connsiteX480" fmla="*/ 459451 w 1057826"/>
                <a:gd name="connsiteY480" fmla="*/ 162950 h 391607"/>
                <a:gd name="connsiteX481" fmla="*/ 454619 w 1057826"/>
                <a:gd name="connsiteY481" fmla="*/ 162950 h 391607"/>
                <a:gd name="connsiteX482" fmla="*/ 449786 w 1057826"/>
                <a:gd name="connsiteY482" fmla="*/ 162950 h 391607"/>
                <a:gd name="connsiteX483" fmla="*/ 446564 w 1057826"/>
                <a:gd name="connsiteY483" fmla="*/ 164576 h 391607"/>
                <a:gd name="connsiteX484" fmla="*/ 438510 w 1057826"/>
                <a:gd name="connsiteY484" fmla="*/ 164576 h 391607"/>
                <a:gd name="connsiteX485" fmla="*/ 428845 w 1057826"/>
                <a:gd name="connsiteY485" fmla="*/ 162950 h 391607"/>
                <a:gd name="connsiteX486" fmla="*/ 425623 w 1057826"/>
                <a:gd name="connsiteY486" fmla="*/ 164576 h 391607"/>
                <a:gd name="connsiteX487" fmla="*/ 422402 w 1057826"/>
                <a:gd name="connsiteY487" fmla="*/ 171081 h 391607"/>
                <a:gd name="connsiteX488" fmla="*/ 419180 w 1057826"/>
                <a:gd name="connsiteY488" fmla="*/ 175960 h 391607"/>
                <a:gd name="connsiteX489" fmla="*/ 422402 w 1057826"/>
                <a:gd name="connsiteY489" fmla="*/ 182465 h 391607"/>
                <a:gd name="connsiteX490" fmla="*/ 427234 w 1057826"/>
                <a:gd name="connsiteY490" fmla="*/ 185717 h 391607"/>
                <a:gd name="connsiteX491" fmla="*/ 428845 w 1057826"/>
                <a:gd name="connsiteY491" fmla="*/ 190596 h 391607"/>
                <a:gd name="connsiteX492" fmla="*/ 430456 w 1057826"/>
                <a:gd name="connsiteY492" fmla="*/ 193849 h 391607"/>
                <a:gd name="connsiteX493" fmla="*/ 443343 w 1057826"/>
                <a:gd name="connsiteY493" fmla="*/ 188970 h 391607"/>
                <a:gd name="connsiteX494" fmla="*/ 446564 w 1057826"/>
                <a:gd name="connsiteY494" fmla="*/ 188970 h 391607"/>
                <a:gd name="connsiteX495" fmla="*/ 449786 w 1057826"/>
                <a:gd name="connsiteY495" fmla="*/ 187344 h 391607"/>
                <a:gd name="connsiteX496" fmla="*/ 453008 w 1057826"/>
                <a:gd name="connsiteY496" fmla="*/ 184091 h 391607"/>
                <a:gd name="connsiteX497" fmla="*/ 457840 w 1057826"/>
                <a:gd name="connsiteY497" fmla="*/ 184091 h 391607"/>
                <a:gd name="connsiteX498" fmla="*/ 465895 w 1057826"/>
                <a:gd name="connsiteY498" fmla="*/ 184091 h 391607"/>
                <a:gd name="connsiteX499" fmla="*/ 470727 w 1057826"/>
                <a:gd name="connsiteY499" fmla="*/ 180839 h 391607"/>
                <a:gd name="connsiteX500" fmla="*/ 475560 w 1057826"/>
                <a:gd name="connsiteY500" fmla="*/ 185717 h 391607"/>
                <a:gd name="connsiteX501" fmla="*/ 469116 w 1057826"/>
                <a:gd name="connsiteY501" fmla="*/ 187344 h 391607"/>
                <a:gd name="connsiteX502" fmla="*/ 467505 w 1057826"/>
                <a:gd name="connsiteY502" fmla="*/ 190596 h 391607"/>
                <a:gd name="connsiteX503" fmla="*/ 464284 w 1057826"/>
                <a:gd name="connsiteY503" fmla="*/ 193849 h 391607"/>
                <a:gd name="connsiteX504" fmla="*/ 456229 w 1057826"/>
                <a:gd name="connsiteY504" fmla="*/ 198727 h 391607"/>
                <a:gd name="connsiteX505" fmla="*/ 453008 w 1057826"/>
                <a:gd name="connsiteY505" fmla="*/ 201980 h 391607"/>
                <a:gd name="connsiteX506" fmla="*/ 446564 w 1057826"/>
                <a:gd name="connsiteY506" fmla="*/ 206858 h 391607"/>
                <a:gd name="connsiteX507" fmla="*/ 449786 w 1057826"/>
                <a:gd name="connsiteY507" fmla="*/ 211737 h 391607"/>
                <a:gd name="connsiteX508" fmla="*/ 453008 w 1057826"/>
                <a:gd name="connsiteY508" fmla="*/ 216616 h 391607"/>
                <a:gd name="connsiteX509" fmla="*/ 459451 w 1057826"/>
                <a:gd name="connsiteY509" fmla="*/ 223121 h 391607"/>
                <a:gd name="connsiteX510" fmla="*/ 459451 w 1057826"/>
                <a:gd name="connsiteY510" fmla="*/ 229625 h 391607"/>
                <a:gd name="connsiteX511" fmla="*/ 467505 w 1057826"/>
                <a:gd name="connsiteY511" fmla="*/ 241009 h 391607"/>
                <a:gd name="connsiteX512" fmla="*/ 465895 w 1057826"/>
                <a:gd name="connsiteY512" fmla="*/ 245888 h 391607"/>
                <a:gd name="connsiteX513" fmla="*/ 461062 w 1057826"/>
                <a:gd name="connsiteY513" fmla="*/ 247514 h 391607"/>
                <a:gd name="connsiteX514" fmla="*/ 457840 w 1057826"/>
                <a:gd name="connsiteY514" fmla="*/ 250766 h 391607"/>
                <a:gd name="connsiteX515" fmla="*/ 446564 w 1057826"/>
                <a:gd name="connsiteY515" fmla="*/ 252392 h 391607"/>
                <a:gd name="connsiteX516" fmla="*/ 444953 w 1057826"/>
                <a:gd name="connsiteY516" fmla="*/ 245888 h 391607"/>
                <a:gd name="connsiteX517" fmla="*/ 443343 w 1057826"/>
                <a:gd name="connsiteY517" fmla="*/ 242635 h 391607"/>
                <a:gd name="connsiteX518" fmla="*/ 438510 w 1057826"/>
                <a:gd name="connsiteY518" fmla="*/ 232878 h 391607"/>
                <a:gd name="connsiteX519" fmla="*/ 433678 w 1057826"/>
                <a:gd name="connsiteY519" fmla="*/ 231252 h 391607"/>
                <a:gd name="connsiteX520" fmla="*/ 433678 w 1057826"/>
                <a:gd name="connsiteY520" fmla="*/ 226373 h 391607"/>
                <a:gd name="connsiteX521" fmla="*/ 438510 w 1057826"/>
                <a:gd name="connsiteY521" fmla="*/ 221494 h 391607"/>
                <a:gd name="connsiteX522" fmla="*/ 432067 w 1057826"/>
                <a:gd name="connsiteY522" fmla="*/ 218242 h 391607"/>
                <a:gd name="connsiteX523" fmla="*/ 425623 w 1057826"/>
                <a:gd name="connsiteY523" fmla="*/ 227999 h 391607"/>
                <a:gd name="connsiteX524" fmla="*/ 425623 w 1057826"/>
                <a:gd name="connsiteY524" fmla="*/ 237757 h 391607"/>
                <a:gd name="connsiteX525" fmla="*/ 425623 w 1057826"/>
                <a:gd name="connsiteY525" fmla="*/ 245888 h 391607"/>
                <a:gd name="connsiteX526" fmla="*/ 425623 w 1057826"/>
                <a:gd name="connsiteY526" fmla="*/ 255645 h 391607"/>
                <a:gd name="connsiteX527" fmla="*/ 424012 w 1057826"/>
                <a:gd name="connsiteY527" fmla="*/ 263776 h 391607"/>
                <a:gd name="connsiteX528" fmla="*/ 417569 w 1057826"/>
                <a:gd name="connsiteY528" fmla="*/ 270281 h 391607"/>
                <a:gd name="connsiteX529" fmla="*/ 409515 w 1057826"/>
                <a:gd name="connsiteY529" fmla="*/ 268655 h 391607"/>
                <a:gd name="connsiteX530" fmla="*/ 407904 w 1057826"/>
                <a:gd name="connsiteY530" fmla="*/ 260524 h 391607"/>
                <a:gd name="connsiteX531" fmla="*/ 411126 w 1057826"/>
                <a:gd name="connsiteY531" fmla="*/ 255645 h 391607"/>
                <a:gd name="connsiteX532" fmla="*/ 414347 w 1057826"/>
                <a:gd name="connsiteY532" fmla="*/ 247514 h 391607"/>
                <a:gd name="connsiteX533" fmla="*/ 411126 w 1057826"/>
                <a:gd name="connsiteY533" fmla="*/ 242635 h 391607"/>
                <a:gd name="connsiteX534" fmla="*/ 412736 w 1057826"/>
                <a:gd name="connsiteY534" fmla="*/ 239383 h 391607"/>
                <a:gd name="connsiteX535" fmla="*/ 412736 w 1057826"/>
                <a:gd name="connsiteY535" fmla="*/ 232878 h 391607"/>
                <a:gd name="connsiteX536" fmla="*/ 407904 w 1057826"/>
                <a:gd name="connsiteY536" fmla="*/ 231252 h 391607"/>
                <a:gd name="connsiteX537" fmla="*/ 401460 w 1057826"/>
                <a:gd name="connsiteY537" fmla="*/ 229625 h 391607"/>
                <a:gd name="connsiteX538" fmla="*/ 399850 w 1057826"/>
                <a:gd name="connsiteY538" fmla="*/ 221494 h 391607"/>
                <a:gd name="connsiteX539" fmla="*/ 403071 w 1057826"/>
                <a:gd name="connsiteY539" fmla="*/ 216616 h 391607"/>
                <a:gd name="connsiteX540" fmla="*/ 403071 w 1057826"/>
                <a:gd name="connsiteY540" fmla="*/ 213363 h 391607"/>
                <a:gd name="connsiteX541" fmla="*/ 404682 w 1057826"/>
                <a:gd name="connsiteY541" fmla="*/ 208485 h 391607"/>
                <a:gd name="connsiteX542" fmla="*/ 406293 w 1057826"/>
                <a:gd name="connsiteY542" fmla="*/ 203606 h 391607"/>
                <a:gd name="connsiteX543" fmla="*/ 407904 w 1057826"/>
                <a:gd name="connsiteY543" fmla="*/ 195475 h 391607"/>
                <a:gd name="connsiteX544" fmla="*/ 409515 w 1057826"/>
                <a:gd name="connsiteY544" fmla="*/ 188970 h 391607"/>
                <a:gd name="connsiteX545" fmla="*/ 412736 w 1057826"/>
                <a:gd name="connsiteY545" fmla="*/ 184091 h 391607"/>
                <a:gd name="connsiteX546" fmla="*/ 415958 w 1057826"/>
                <a:gd name="connsiteY546" fmla="*/ 172707 h 391607"/>
                <a:gd name="connsiteX547" fmla="*/ 415958 w 1057826"/>
                <a:gd name="connsiteY547" fmla="*/ 167829 h 391607"/>
                <a:gd name="connsiteX548" fmla="*/ 420791 w 1057826"/>
                <a:gd name="connsiteY548" fmla="*/ 162950 h 391607"/>
                <a:gd name="connsiteX549" fmla="*/ 424012 w 1057826"/>
                <a:gd name="connsiteY549" fmla="*/ 159698 h 391607"/>
                <a:gd name="connsiteX550" fmla="*/ 427234 w 1057826"/>
                <a:gd name="connsiteY550" fmla="*/ 158072 h 391607"/>
                <a:gd name="connsiteX551" fmla="*/ 430456 w 1057826"/>
                <a:gd name="connsiteY551" fmla="*/ 156445 h 391607"/>
                <a:gd name="connsiteX552" fmla="*/ 433678 w 1057826"/>
                <a:gd name="connsiteY552" fmla="*/ 149940 h 391607"/>
                <a:gd name="connsiteX553" fmla="*/ 438510 w 1057826"/>
                <a:gd name="connsiteY553" fmla="*/ 148314 h 391607"/>
                <a:gd name="connsiteX554" fmla="*/ 444953 w 1057826"/>
                <a:gd name="connsiteY554" fmla="*/ 151567 h 391607"/>
                <a:gd name="connsiteX555" fmla="*/ 451397 w 1057826"/>
                <a:gd name="connsiteY555" fmla="*/ 149940 h 391607"/>
                <a:gd name="connsiteX556" fmla="*/ 457840 w 1057826"/>
                <a:gd name="connsiteY556" fmla="*/ 153193 h 391607"/>
                <a:gd name="connsiteX557" fmla="*/ 465895 w 1057826"/>
                <a:gd name="connsiteY557" fmla="*/ 154819 h 391607"/>
                <a:gd name="connsiteX558" fmla="*/ 470727 w 1057826"/>
                <a:gd name="connsiteY558" fmla="*/ 154819 h 391607"/>
                <a:gd name="connsiteX559" fmla="*/ 475560 w 1057826"/>
                <a:gd name="connsiteY559" fmla="*/ 154819 h 391607"/>
                <a:gd name="connsiteX560" fmla="*/ 482003 w 1057826"/>
                <a:gd name="connsiteY560" fmla="*/ 156445 h 391607"/>
                <a:gd name="connsiteX561" fmla="*/ 486836 w 1057826"/>
                <a:gd name="connsiteY561" fmla="*/ 156445 h 391607"/>
                <a:gd name="connsiteX562" fmla="*/ 493279 w 1057826"/>
                <a:gd name="connsiteY562" fmla="*/ 149940 h 391607"/>
                <a:gd name="connsiteX563" fmla="*/ 498112 w 1057826"/>
                <a:gd name="connsiteY563" fmla="*/ 143436 h 391607"/>
                <a:gd name="connsiteX564" fmla="*/ 504555 w 1057826"/>
                <a:gd name="connsiteY564" fmla="*/ 140183 h 391607"/>
                <a:gd name="connsiteX565" fmla="*/ 533176 w 1057826"/>
                <a:gd name="connsiteY565" fmla="*/ 95695 h 391607"/>
                <a:gd name="connsiteX566" fmla="*/ 536351 w 1057826"/>
                <a:gd name="connsiteY566" fmla="*/ 95695 h 391607"/>
                <a:gd name="connsiteX567" fmla="*/ 537938 w 1057826"/>
                <a:gd name="connsiteY567" fmla="*/ 98870 h 391607"/>
                <a:gd name="connsiteX568" fmla="*/ 536351 w 1057826"/>
                <a:gd name="connsiteY568" fmla="*/ 102045 h 391607"/>
                <a:gd name="connsiteX569" fmla="*/ 533176 w 1057826"/>
                <a:gd name="connsiteY569" fmla="*/ 106807 h 391607"/>
                <a:gd name="connsiteX570" fmla="*/ 531588 w 1057826"/>
                <a:gd name="connsiteY570" fmla="*/ 103632 h 391607"/>
                <a:gd name="connsiteX571" fmla="*/ 533176 w 1057826"/>
                <a:gd name="connsiteY571" fmla="*/ 95695 h 391607"/>
                <a:gd name="connsiteX572" fmla="*/ 4096 w 1057826"/>
                <a:gd name="connsiteY572" fmla="*/ 75503 h 391607"/>
                <a:gd name="connsiteX573" fmla="*/ 7967 w 1057826"/>
                <a:gd name="connsiteY573" fmla="*/ 76722 h 391607"/>
                <a:gd name="connsiteX574" fmla="*/ 12856 w 1057826"/>
                <a:gd name="connsiteY574" fmla="*/ 81601 h 391607"/>
                <a:gd name="connsiteX575" fmla="*/ 21004 w 1057826"/>
                <a:gd name="connsiteY575" fmla="*/ 79975 h 391607"/>
                <a:gd name="connsiteX576" fmla="*/ 29152 w 1057826"/>
                <a:gd name="connsiteY576" fmla="*/ 83227 h 391607"/>
                <a:gd name="connsiteX577" fmla="*/ 37300 w 1057826"/>
                <a:gd name="connsiteY577" fmla="*/ 81601 h 391607"/>
                <a:gd name="connsiteX578" fmla="*/ 42189 w 1057826"/>
                <a:gd name="connsiteY578" fmla="*/ 84853 h 391607"/>
                <a:gd name="connsiteX579" fmla="*/ 42189 w 1057826"/>
                <a:gd name="connsiteY579" fmla="*/ 81601 h 391607"/>
                <a:gd name="connsiteX580" fmla="*/ 43819 w 1057826"/>
                <a:gd name="connsiteY580" fmla="*/ 84853 h 391607"/>
                <a:gd name="connsiteX581" fmla="*/ 45448 w 1057826"/>
                <a:gd name="connsiteY581" fmla="*/ 89732 h 391607"/>
                <a:gd name="connsiteX582" fmla="*/ 50337 w 1057826"/>
                <a:gd name="connsiteY582" fmla="*/ 91358 h 391607"/>
                <a:gd name="connsiteX583" fmla="*/ 51967 w 1057826"/>
                <a:gd name="connsiteY583" fmla="*/ 94611 h 391607"/>
                <a:gd name="connsiteX584" fmla="*/ 53597 w 1057826"/>
                <a:gd name="connsiteY584" fmla="*/ 99489 h 391607"/>
                <a:gd name="connsiteX585" fmla="*/ 55226 w 1057826"/>
                <a:gd name="connsiteY585" fmla="*/ 104368 h 391607"/>
                <a:gd name="connsiteX586" fmla="*/ 58486 w 1057826"/>
                <a:gd name="connsiteY586" fmla="*/ 105994 h 391607"/>
                <a:gd name="connsiteX587" fmla="*/ 61745 w 1057826"/>
                <a:gd name="connsiteY587" fmla="*/ 107620 h 391607"/>
                <a:gd name="connsiteX588" fmla="*/ 66634 w 1057826"/>
                <a:gd name="connsiteY588" fmla="*/ 110873 h 391607"/>
                <a:gd name="connsiteX589" fmla="*/ 73152 w 1057826"/>
                <a:gd name="connsiteY589" fmla="*/ 114125 h 391607"/>
                <a:gd name="connsiteX590" fmla="*/ 81301 w 1057826"/>
                <a:gd name="connsiteY590" fmla="*/ 120630 h 391607"/>
                <a:gd name="connsiteX591" fmla="*/ 81301 w 1057826"/>
                <a:gd name="connsiteY591" fmla="*/ 125509 h 391607"/>
                <a:gd name="connsiteX592" fmla="*/ 82930 w 1057826"/>
                <a:gd name="connsiteY592" fmla="*/ 127135 h 391607"/>
                <a:gd name="connsiteX593" fmla="*/ 87819 w 1057826"/>
                <a:gd name="connsiteY593" fmla="*/ 130388 h 391607"/>
                <a:gd name="connsiteX594" fmla="*/ 91079 w 1057826"/>
                <a:gd name="connsiteY594" fmla="*/ 133640 h 391607"/>
                <a:gd name="connsiteX595" fmla="*/ 94338 w 1057826"/>
                <a:gd name="connsiteY595" fmla="*/ 136892 h 391607"/>
                <a:gd name="connsiteX596" fmla="*/ 95968 w 1057826"/>
                <a:gd name="connsiteY596" fmla="*/ 135266 h 391607"/>
                <a:gd name="connsiteX597" fmla="*/ 100856 w 1057826"/>
                <a:gd name="connsiteY597" fmla="*/ 136892 h 391607"/>
                <a:gd name="connsiteX598" fmla="*/ 102486 w 1057826"/>
                <a:gd name="connsiteY598" fmla="*/ 141771 h 391607"/>
                <a:gd name="connsiteX599" fmla="*/ 104116 w 1057826"/>
                <a:gd name="connsiteY599" fmla="*/ 143397 h 391607"/>
                <a:gd name="connsiteX600" fmla="*/ 109005 w 1057826"/>
                <a:gd name="connsiteY600" fmla="*/ 138519 h 391607"/>
                <a:gd name="connsiteX601" fmla="*/ 112264 w 1057826"/>
                <a:gd name="connsiteY601" fmla="*/ 143397 h 391607"/>
                <a:gd name="connsiteX602" fmla="*/ 117153 w 1057826"/>
                <a:gd name="connsiteY602" fmla="*/ 145024 h 391607"/>
                <a:gd name="connsiteX603" fmla="*/ 118783 w 1057826"/>
                <a:gd name="connsiteY603" fmla="*/ 148276 h 391607"/>
                <a:gd name="connsiteX604" fmla="*/ 118783 w 1057826"/>
                <a:gd name="connsiteY604" fmla="*/ 151528 h 391607"/>
                <a:gd name="connsiteX605" fmla="*/ 120412 w 1057826"/>
                <a:gd name="connsiteY605" fmla="*/ 154781 h 391607"/>
                <a:gd name="connsiteX606" fmla="*/ 125301 w 1057826"/>
                <a:gd name="connsiteY606" fmla="*/ 156407 h 391607"/>
                <a:gd name="connsiteX607" fmla="*/ 128560 w 1057826"/>
                <a:gd name="connsiteY607" fmla="*/ 158033 h 391607"/>
                <a:gd name="connsiteX608" fmla="*/ 131820 w 1057826"/>
                <a:gd name="connsiteY608" fmla="*/ 162912 h 391607"/>
                <a:gd name="connsiteX609" fmla="*/ 133449 w 1057826"/>
                <a:gd name="connsiteY609" fmla="*/ 164538 h 391607"/>
                <a:gd name="connsiteX610" fmla="*/ 138338 w 1057826"/>
                <a:gd name="connsiteY610" fmla="*/ 162912 h 391607"/>
                <a:gd name="connsiteX611" fmla="*/ 143227 w 1057826"/>
                <a:gd name="connsiteY611" fmla="*/ 167791 h 391607"/>
                <a:gd name="connsiteX612" fmla="*/ 143227 w 1057826"/>
                <a:gd name="connsiteY612" fmla="*/ 171043 h 391607"/>
                <a:gd name="connsiteX613" fmla="*/ 143227 w 1057826"/>
                <a:gd name="connsiteY613" fmla="*/ 174295 h 391607"/>
                <a:gd name="connsiteX614" fmla="*/ 139968 w 1057826"/>
                <a:gd name="connsiteY614" fmla="*/ 177548 h 391607"/>
                <a:gd name="connsiteX615" fmla="*/ 141598 w 1057826"/>
                <a:gd name="connsiteY615" fmla="*/ 180800 h 391607"/>
                <a:gd name="connsiteX616" fmla="*/ 144857 w 1057826"/>
                <a:gd name="connsiteY616" fmla="*/ 180800 h 391607"/>
                <a:gd name="connsiteX617" fmla="*/ 143227 w 1057826"/>
                <a:gd name="connsiteY617" fmla="*/ 184053 h 391607"/>
                <a:gd name="connsiteX618" fmla="*/ 144857 w 1057826"/>
                <a:gd name="connsiteY618" fmla="*/ 188932 h 391607"/>
                <a:gd name="connsiteX619" fmla="*/ 151375 w 1057826"/>
                <a:gd name="connsiteY619" fmla="*/ 188932 h 391607"/>
                <a:gd name="connsiteX620" fmla="*/ 154635 w 1057826"/>
                <a:gd name="connsiteY620" fmla="*/ 190558 h 391607"/>
                <a:gd name="connsiteX621" fmla="*/ 157894 w 1057826"/>
                <a:gd name="connsiteY621" fmla="*/ 193810 h 391607"/>
                <a:gd name="connsiteX622" fmla="*/ 157894 w 1057826"/>
                <a:gd name="connsiteY622" fmla="*/ 195437 h 391607"/>
                <a:gd name="connsiteX623" fmla="*/ 157894 w 1057826"/>
                <a:gd name="connsiteY623" fmla="*/ 200315 h 391607"/>
                <a:gd name="connsiteX624" fmla="*/ 157894 w 1057826"/>
                <a:gd name="connsiteY624" fmla="*/ 201941 h 391607"/>
                <a:gd name="connsiteX625" fmla="*/ 164413 w 1057826"/>
                <a:gd name="connsiteY625" fmla="*/ 206820 h 391607"/>
                <a:gd name="connsiteX626" fmla="*/ 162783 w 1057826"/>
                <a:gd name="connsiteY626" fmla="*/ 208446 h 391607"/>
                <a:gd name="connsiteX627" fmla="*/ 164413 w 1057826"/>
                <a:gd name="connsiteY627" fmla="*/ 211699 h 391607"/>
                <a:gd name="connsiteX628" fmla="*/ 167672 w 1057826"/>
                <a:gd name="connsiteY628" fmla="*/ 213325 h 391607"/>
                <a:gd name="connsiteX629" fmla="*/ 172561 w 1057826"/>
                <a:gd name="connsiteY629" fmla="*/ 213325 h 391607"/>
                <a:gd name="connsiteX630" fmla="*/ 175820 w 1057826"/>
                <a:gd name="connsiteY630" fmla="*/ 216577 h 391607"/>
                <a:gd name="connsiteX631" fmla="*/ 182339 w 1057826"/>
                <a:gd name="connsiteY631" fmla="*/ 223082 h 391607"/>
                <a:gd name="connsiteX632" fmla="*/ 182339 w 1057826"/>
                <a:gd name="connsiteY632" fmla="*/ 227961 h 391607"/>
                <a:gd name="connsiteX633" fmla="*/ 180709 w 1057826"/>
                <a:gd name="connsiteY633" fmla="*/ 234466 h 391607"/>
                <a:gd name="connsiteX634" fmla="*/ 180709 w 1057826"/>
                <a:gd name="connsiteY634" fmla="*/ 242597 h 391607"/>
                <a:gd name="connsiteX635" fmla="*/ 180709 w 1057826"/>
                <a:gd name="connsiteY635" fmla="*/ 247476 h 391607"/>
                <a:gd name="connsiteX636" fmla="*/ 180709 w 1057826"/>
                <a:gd name="connsiteY636" fmla="*/ 257233 h 391607"/>
                <a:gd name="connsiteX637" fmla="*/ 180709 w 1057826"/>
                <a:gd name="connsiteY637" fmla="*/ 262112 h 391607"/>
                <a:gd name="connsiteX638" fmla="*/ 177450 w 1057826"/>
                <a:gd name="connsiteY638" fmla="*/ 270243 h 391607"/>
                <a:gd name="connsiteX639" fmla="*/ 172561 w 1057826"/>
                <a:gd name="connsiteY639" fmla="*/ 271869 h 391607"/>
                <a:gd name="connsiteX640" fmla="*/ 166042 w 1057826"/>
                <a:gd name="connsiteY640" fmla="*/ 268616 h 391607"/>
                <a:gd name="connsiteX641" fmla="*/ 161153 w 1057826"/>
                <a:gd name="connsiteY641" fmla="*/ 265364 h 391607"/>
                <a:gd name="connsiteX642" fmla="*/ 156264 w 1057826"/>
                <a:gd name="connsiteY642" fmla="*/ 270243 h 391607"/>
                <a:gd name="connsiteX643" fmla="*/ 151375 w 1057826"/>
                <a:gd name="connsiteY643" fmla="*/ 265364 h 391607"/>
                <a:gd name="connsiteX644" fmla="*/ 143227 w 1057826"/>
                <a:gd name="connsiteY644" fmla="*/ 260485 h 391607"/>
                <a:gd name="connsiteX645" fmla="*/ 130190 w 1057826"/>
                <a:gd name="connsiteY645" fmla="*/ 249102 h 391607"/>
                <a:gd name="connsiteX646" fmla="*/ 123671 w 1057826"/>
                <a:gd name="connsiteY646" fmla="*/ 236092 h 391607"/>
                <a:gd name="connsiteX647" fmla="*/ 117153 w 1057826"/>
                <a:gd name="connsiteY647" fmla="*/ 232840 h 391607"/>
                <a:gd name="connsiteX648" fmla="*/ 112264 w 1057826"/>
                <a:gd name="connsiteY648" fmla="*/ 229587 h 391607"/>
                <a:gd name="connsiteX649" fmla="*/ 107375 w 1057826"/>
                <a:gd name="connsiteY649" fmla="*/ 224709 h 391607"/>
                <a:gd name="connsiteX650" fmla="*/ 102486 w 1057826"/>
                <a:gd name="connsiteY650" fmla="*/ 219830 h 391607"/>
                <a:gd name="connsiteX651" fmla="*/ 94338 w 1057826"/>
                <a:gd name="connsiteY651" fmla="*/ 205194 h 391607"/>
                <a:gd name="connsiteX652" fmla="*/ 87819 w 1057826"/>
                <a:gd name="connsiteY652" fmla="*/ 192184 h 391607"/>
                <a:gd name="connsiteX653" fmla="*/ 84560 w 1057826"/>
                <a:gd name="connsiteY653" fmla="*/ 187305 h 391607"/>
                <a:gd name="connsiteX654" fmla="*/ 79671 w 1057826"/>
                <a:gd name="connsiteY654" fmla="*/ 179174 h 391607"/>
                <a:gd name="connsiteX655" fmla="*/ 76412 w 1057826"/>
                <a:gd name="connsiteY655" fmla="*/ 172669 h 391607"/>
                <a:gd name="connsiteX656" fmla="*/ 68264 w 1057826"/>
                <a:gd name="connsiteY656" fmla="*/ 167791 h 391607"/>
                <a:gd name="connsiteX657" fmla="*/ 63375 w 1057826"/>
                <a:gd name="connsiteY657" fmla="*/ 156407 h 391607"/>
                <a:gd name="connsiteX658" fmla="*/ 63375 w 1057826"/>
                <a:gd name="connsiteY658" fmla="*/ 149902 h 391607"/>
                <a:gd name="connsiteX659" fmla="*/ 60115 w 1057826"/>
                <a:gd name="connsiteY659" fmla="*/ 141771 h 391607"/>
                <a:gd name="connsiteX660" fmla="*/ 53597 w 1057826"/>
                <a:gd name="connsiteY660" fmla="*/ 136892 h 391607"/>
                <a:gd name="connsiteX661" fmla="*/ 42189 w 1057826"/>
                <a:gd name="connsiteY661" fmla="*/ 132014 h 391607"/>
                <a:gd name="connsiteX662" fmla="*/ 40560 w 1057826"/>
                <a:gd name="connsiteY662" fmla="*/ 125509 h 391607"/>
                <a:gd name="connsiteX663" fmla="*/ 37300 w 1057826"/>
                <a:gd name="connsiteY663" fmla="*/ 117378 h 391607"/>
                <a:gd name="connsiteX664" fmla="*/ 24263 w 1057826"/>
                <a:gd name="connsiteY664" fmla="*/ 114125 h 391607"/>
                <a:gd name="connsiteX665" fmla="*/ 21004 w 1057826"/>
                <a:gd name="connsiteY665" fmla="*/ 110873 h 391607"/>
                <a:gd name="connsiteX666" fmla="*/ 19374 w 1057826"/>
                <a:gd name="connsiteY666" fmla="*/ 105994 h 391607"/>
                <a:gd name="connsiteX667" fmla="*/ 11226 w 1057826"/>
                <a:gd name="connsiteY667" fmla="*/ 99489 h 391607"/>
                <a:gd name="connsiteX668" fmla="*/ 6337 w 1057826"/>
                <a:gd name="connsiteY668" fmla="*/ 94611 h 391607"/>
                <a:gd name="connsiteX669" fmla="*/ 1448 w 1057826"/>
                <a:gd name="connsiteY669" fmla="*/ 86480 h 391607"/>
                <a:gd name="connsiteX670" fmla="*/ 1448 w 1057826"/>
                <a:gd name="connsiteY670" fmla="*/ 76722 h 391607"/>
                <a:gd name="connsiteX671" fmla="*/ 4096 w 1057826"/>
                <a:gd name="connsiteY671" fmla="*/ 75503 h 391607"/>
                <a:gd name="connsiteX672" fmla="*/ 452213 w 1057826"/>
                <a:gd name="connsiteY672" fmla="*/ 67120 h 391607"/>
                <a:gd name="connsiteX673" fmla="*/ 452213 w 1057826"/>
                <a:gd name="connsiteY673" fmla="*/ 73470 h 391607"/>
                <a:gd name="connsiteX674" fmla="*/ 450626 w 1057826"/>
                <a:gd name="connsiteY674" fmla="*/ 71882 h 391607"/>
                <a:gd name="connsiteX675" fmla="*/ 452213 w 1057826"/>
                <a:gd name="connsiteY675" fmla="*/ 67120 h 391607"/>
                <a:gd name="connsiteX676" fmla="*/ 442235 w 1057826"/>
                <a:gd name="connsiteY676" fmla="*/ 67120 h 391607"/>
                <a:gd name="connsiteX677" fmla="*/ 440421 w 1057826"/>
                <a:gd name="connsiteY677" fmla="*/ 75058 h 391607"/>
                <a:gd name="connsiteX678" fmla="*/ 436792 w 1057826"/>
                <a:gd name="connsiteY678" fmla="*/ 71883 h 391607"/>
                <a:gd name="connsiteX679" fmla="*/ 433164 w 1057826"/>
                <a:gd name="connsiteY679" fmla="*/ 70295 h 391607"/>
                <a:gd name="connsiteX680" fmla="*/ 436792 w 1057826"/>
                <a:gd name="connsiteY680" fmla="*/ 68707 h 391607"/>
                <a:gd name="connsiteX681" fmla="*/ 442235 w 1057826"/>
                <a:gd name="connsiteY681" fmla="*/ 67120 h 391607"/>
                <a:gd name="connsiteX682" fmla="*/ 362090 w 1057826"/>
                <a:gd name="connsiteY682" fmla="*/ 54447 h 391607"/>
                <a:gd name="connsiteX683" fmla="*/ 365353 w 1057826"/>
                <a:gd name="connsiteY683" fmla="*/ 54447 h 391607"/>
                <a:gd name="connsiteX684" fmla="*/ 370246 w 1057826"/>
                <a:gd name="connsiteY684" fmla="*/ 56061 h 391607"/>
                <a:gd name="connsiteX685" fmla="*/ 371878 w 1057826"/>
                <a:gd name="connsiteY685" fmla="*/ 59290 h 391607"/>
                <a:gd name="connsiteX686" fmla="*/ 375140 w 1057826"/>
                <a:gd name="connsiteY686" fmla="*/ 59290 h 391607"/>
                <a:gd name="connsiteX687" fmla="*/ 376771 w 1057826"/>
                <a:gd name="connsiteY687" fmla="*/ 62520 h 391607"/>
                <a:gd name="connsiteX688" fmla="*/ 378402 w 1057826"/>
                <a:gd name="connsiteY688" fmla="*/ 65749 h 391607"/>
                <a:gd name="connsiteX689" fmla="*/ 381665 w 1057826"/>
                <a:gd name="connsiteY689" fmla="*/ 68978 h 391607"/>
                <a:gd name="connsiteX690" fmla="*/ 386558 w 1057826"/>
                <a:gd name="connsiteY690" fmla="*/ 72208 h 391607"/>
                <a:gd name="connsiteX691" fmla="*/ 389821 w 1057826"/>
                <a:gd name="connsiteY691" fmla="*/ 73822 h 391607"/>
                <a:gd name="connsiteX692" fmla="*/ 393083 w 1057826"/>
                <a:gd name="connsiteY692" fmla="*/ 75437 h 391607"/>
                <a:gd name="connsiteX693" fmla="*/ 399608 w 1057826"/>
                <a:gd name="connsiteY693" fmla="*/ 78666 h 391607"/>
                <a:gd name="connsiteX694" fmla="*/ 404501 w 1057826"/>
                <a:gd name="connsiteY694" fmla="*/ 80281 h 391607"/>
                <a:gd name="connsiteX695" fmla="*/ 401239 w 1057826"/>
                <a:gd name="connsiteY695" fmla="*/ 86739 h 391607"/>
                <a:gd name="connsiteX696" fmla="*/ 399608 w 1057826"/>
                <a:gd name="connsiteY696" fmla="*/ 88354 h 391607"/>
                <a:gd name="connsiteX697" fmla="*/ 394714 w 1057826"/>
                <a:gd name="connsiteY697" fmla="*/ 88354 h 391607"/>
                <a:gd name="connsiteX698" fmla="*/ 388189 w 1057826"/>
                <a:gd name="connsiteY698" fmla="*/ 86739 h 391607"/>
                <a:gd name="connsiteX699" fmla="*/ 388189 w 1057826"/>
                <a:gd name="connsiteY699" fmla="*/ 91583 h 391607"/>
                <a:gd name="connsiteX700" fmla="*/ 391452 w 1057826"/>
                <a:gd name="connsiteY700" fmla="*/ 94813 h 391607"/>
                <a:gd name="connsiteX701" fmla="*/ 389821 w 1057826"/>
                <a:gd name="connsiteY701" fmla="*/ 98042 h 391607"/>
                <a:gd name="connsiteX702" fmla="*/ 386558 w 1057826"/>
                <a:gd name="connsiteY702" fmla="*/ 99656 h 391607"/>
                <a:gd name="connsiteX703" fmla="*/ 384927 w 1057826"/>
                <a:gd name="connsiteY703" fmla="*/ 101271 h 391607"/>
                <a:gd name="connsiteX704" fmla="*/ 381665 w 1057826"/>
                <a:gd name="connsiteY704" fmla="*/ 101271 h 391607"/>
                <a:gd name="connsiteX705" fmla="*/ 378402 w 1057826"/>
                <a:gd name="connsiteY705" fmla="*/ 104500 h 391607"/>
                <a:gd name="connsiteX706" fmla="*/ 380033 w 1057826"/>
                <a:gd name="connsiteY706" fmla="*/ 106115 h 391607"/>
                <a:gd name="connsiteX707" fmla="*/ 380033 w 1057826"/>
                <a:gd name="connsiteY707" fmla="*/ 110959 h 391607"/>
                <a:gd name="connsiteX708" fmla="*/ 373509 w 1057826"/>
                <a:gd name="connsiteY708" fmla="*/ 109344 h 391607"/>
                <a:gd name="connsiteX709" fmla="*/ 371878 w 1057826"/>
                <a:gd name="connsiteY709" fmla="*/ 114188 h 391607"/>
                <a:gd name="connsiteX710" fmla="*/ 371878 w 1057826"/>
                <a:gd name="connsiteY710" fmla="*/ 115803 h 391607"/>
                <a:gd name="connsiteX711" fmla="*/ 375140 w 1057826"/>
                <a:gd name="connsiteY711" fmla="*/ 120647 h 391607"/>
                <a:gd name="connsiteX712" fmla="*/ 376771 w 1057826"/>
                <a:gd name="connsiteY712" fmla="*/ 122261 h 391607"/>
                <a:gd name="connsiteX713" fmla="*/ 380033 w 1057826"/>
                <a:gd name="connsiteY713" fmla="*/ 127105 h 391607"/>
                <a:gd name="connsiteX714" fmla="*/ 383296 w 1057826"/>
                <a:gd name="connsiteY714" fmla="*/ 130335 h 391607"/>
                <a:gd name="connsiteX715" fmla="*/ 383296 w 1057826"/>
                <a:gd name="connsiteY715" fmla="*/ 135179 h 391607"/>
                <a:gd name="connsiteX716" fmla="*/ 383296 w 1057826"/>
                <a:gd name="connsiteY716" fmla="*/ 138408 h 391607"/>
                <a:gd name="connsiteX717" fmla="*/ 386558 w 1057826"/>
                <a:gd name="connsiteY717" fmla="*/ 144866 h 391607"/>
                <a:gd name="connsiteX718" fmla="*/ 389821 w 1057826"/>
                <a:gd name="connsiteY718" fmla="*/ 148096 h 391607"/>
                <a:gd name="connsiteX719" fmla="*/ 396345 w 1057826"/>
                <a:gd name="connsiteY719" fmla="*/ 151325 h 391607"/>
                <a:gd name="connsiteX720" fmla="*/ 399608 w 1057826"/>
                <a:gd name="connsiteY720" fmla="*/ 154554 h 391607"/>
                <a:gd name="connsiteX721" fmla="*/ 396345 w 1057826"/>
                <a:gd name="connsiteY721" fmla="*/ 156169 h 391607"/>
                <a:gd name="connsiteX722" fmla="*/ 389821 w 1057826"/>
                <a:gd name="connsiteY722" fmla="*/ 157784 h 391607"/>
                <a:gd name="connsiteX723" fmla="*/ 386558 w 1057826"/>
                <a:gd name="connsiteY723" fmla="*/ 154554 h 391607"/>
                <a:gd name="connsiteX724" fmla="*/ 381665 w 1057826"/>
                <a:gd name="connsiteY724" fmla="*/ 157784 h 391607"/>
                <a:gd name="connsiteX725" fmla="*/ 378402 w 1057826"/>
                <a:gd name="connsiteY725" fmla="*/ 161013 h 391607"/>
                <a:gd name="connsiteX726" fmla="*/ 375140 w 1057826"/>
                <a:gd name="connsiteY726" fmla="*/ 165857 h 391607"/>
                <a:gd name="connsiteX727" fmla="*/ 375140 w 1057826"/>
                <a:gd name="connsiteY727" fmla="*/ 170701 h 391607"/>
                <a:gd name="connsiteX728" fmla="*/ 375140 w 1057826"/>
                <a:gd name="connsiteY728" fmla="*/ 177159 h 391607"/>
                <a:gd name="connsiteX729" fmla="*/ 373509 w 1057826"/>
                <a:gd name="connsiteY729" fmla="*/ 183618 h 391607"/>
                <a:gd name="connsiteX730" fmla="*/ 362090 w 1057826"/>
                <a:gd name="connsiteY730" fmla="*/ 196535 h 391607"/>
                <a:gd name="connsiteX731" fmla="*/ 357197 w 1057826"/>
                <a:gd name="connsiteY731" fmla="*/ 198150 h 391607"/>
                <a:gd name="connsiteX732" fmla="*/ 357197 w 1057826"/>
                <a:gd name="connsiteY732" fmla="*/ 202994 h 391607"/>
                <a:gd name="connsiteX733" fmla="*/ 358828 w 1057826"/>
                <a:gd name="connsiteY733" fmla="*/ 209452 h 391607"/>
                <a:gd name="connsiteX734" fmla="*/ 358828 w 1057826"/>
                <a:gd name="connsiteY734" fmla="*/ 212682 h 391607"/>
                <a:gd name="connsiteX735" fmla="*/ 355566 w 1057826"/>
                <a:gd name="connsiteY735" fmla="*/ 219140 h 391607"/>
                <a:gd name="connsiteX736" fmla="*/ 353934 w 1057826"/>
                <a:gd name="connsiteY736" fmla="*/ 222369 h 391607"/>
                <a:gd name="connsiteX737" fmla="*/ 350672 w 1057826"/>
                <a:gd name="connsiteY737" fmla="*/ 227213 h 391607"/>
                <a:gd name="connsiteX738" fmla="*/ 347410 w 1057826"/>
                <a:gd name="connsiteY738" fmla="*/ 232057 h 391607"/>
                <a:gd name="connsiteX739" fmla="*/ 345778 w 1057826"/>
                <a:gd name="connsiteY739" fmla="*/ 233672 h 391607"/>
                <a:gd name="connsiteX740" fmla="*/ 342516 w 1057826"/>
                <a:gd name="connsiteY740" fmla="*/ 236901 h 391607"/>
                <a:gd name="connsiteX741" fmla="*/ 337622 w 1057826"/>
                <a:gd name="connsiteY741" fmla="*/ 238516 h 391607"/>
                <a:gd name="connsiteX742" fmla="*/ 331098 w 1057826"/>
                <a:gd name="connsiteY742" fmla="*/ 240130 h 391607"/>
                <a:gd name="connsiteX743" fmla="*/ 327835 w 1057826"/>
                <a:gd name="connsiteY743" fmla="*/ 240130 h 391607"/>
                <a:gd name="connsiteX744" fmla="*/ 326204 w 1057826"/>
                <a:gd name="connsiteY744" fmla="*/ 235287 h 391607"/>
                <a:gd name="connsiteX745" fmla="*/ 324573 w 1057826"/>
                <a:gd name="connsiteY745" fmla="*/ 227213 h 391607"/>
                <a:gd name="connsiteX746" fmla="*/ 319679 w 1057826"/>
                <a:gd name="connsiteY746" fmla="*/ 227213 h 391607"/>
                <a:gd name="connsiteX747" fmla="*/ 313155 w 1057826"/>
                <a:gd name="connsiteY747" fmla="*/ 228828 h 391607"/>
                <a:gd name="connsiteX748" fmla="*/ 311523 w 1057826"/>
                <a:gd name="connsiteY748" fmla="*/ 225599 h 391607"/>
                <a:gd name="connsiteX749" fmla="*/ 303367 w 1057826"/>
                <a:gd name="connsiteY749" fmla="*/ 222369 h 391607"/>
                <a:gd name="connsiteX750" fmla="*/ 298474 w 1057826"/>
                <a:gd name="connsiteY750" fmla="*/ 225599 h 391607"/>
                <a:gd name="connsiteX751" fmla="*/ 293580 w 1057826"/>
                <a:gd name="connsiteY751" fmla="*/ 227213 h 391607"/>
                <a:gd name="connsiteX752" fmla="*/ 290318 w 1057826"/>
                <a:gd name="connsiteY752" fmla="*/ 225599 h 391607"/>
                <a:gd name="connsiteX753" fmla="*/ 280531 w 1057826"/>
                <a:gd name="connsiteY753" fmla="*/ 227213 h 391607"/>
                <a:gd name="connsiteX754" fmla="*/ 280531 w 1057826"/>
                <a:gd name="connsiteY754" fmla="*/ 223984 h 391607"/>
                <a:gd name="connsiteX755" fmla="*/ 280531 w 1057826"/>
                <a:gd name="connsiteY755" fmla="*/ 220755 h 391607"/>
                <a:gd name="connsiteX756" fmla="*/ 275637 w 1057826"/>
                <a:gd name="connsiteY756" fmla="*/ 217526 h 391607"/>
                <a:gd name="connsiteX757" fmla="*/ 270744 w 1057826"/>
                <a:gd name="connsiteY757" fmla="*/ 220755 h 391607"/>
                <a:gd name="connsiteX758" fmla="*/ 269112 w 1057826"/>
                <a:gd name="connsiteY758" fmla="*/ 220755 h 391607"/>
                <a:gd name="connsiteX759" fmla="*/ 264219 w 1057826"/>
                <a:gd name="connsiteY759" fmla="*/ 219140 h 391607"/>
                <a:gd name="connsiteX760" fmla="*/ 260956 w 1057826"/>
                <a:gd name="connsiteY760" fmla="*/ 220755 h 391607"/>
                <a:gd name="connsiteX761" fmla="*/ 257694 w 1057826"/>
                <a:gd name="connsiteY761" fmla="*/ 219140 h 391607"/>
                <a:gd name="connsiteX762" fmla="*/ 254432 w 1057826"/>
                <a:gd name="connsiteY762" fmla="*/ 217526 h 391607"/>
                <a:gd name="connsiteX763" fmla="*/ 252800 w 1057826"/>
                <a:gd name="connsiteY763" fmla="*/ 215911 h 391607"/>
                <a:gd name="connsiteX764" fmla="*/ 251169 w 1057826"/>
                <a:gd name="connsiteY764" fmla="*/ 211067 h 391607"/>
                <a:gd name="connsiteX765" fmla="*/ 247907 w 1057826"/>
                <a:gd name="connsiteY765" fmla="*/ 204608 h 391607"/>
                <a:gd name="connsiteX766" fmla="*/ 246276 w 1057826"/>
                <a:gd name="connsiteY766" fmla="*/ 198150 h 391607"/>
                <a:gd name="connsiteX767" fmla="*/ 246276 w 1057826"/>
                <a:gd name="connsiteY767" fmla="*/ 194921 h 391607"/>
                <a:gd name="connsiteX768" fmla="*/ 243013 w 1057826"/>
                <a:gd name="connsiteY768" fmla="*/ 190077 h 391607"/>
                <a:gd name="connsiteX769" fmla="*/ 238120 w 1057826"/>
                <a:gd name="connsiteY769" fmla="*/ 173930 h 391607"/>
                <a:gd name="connsiteX770" fmla="*/ 234857 w 1057826"/>
                <a:gd name="connsiteY770" fmla="*/ 170701 h 391607"/>
                <a:gd name="connsiteX771" fmla="*/ 233226 w 1057826"/>
                <a:gd name="connsiteY771" fmla="*/ 167471 h 391607"/>
                <a:gd name="connsiteX772" fmla="*/ 233226 w 1057826"/>
                <a:gd name="connsiteY772" fmla="*/ 161013 h 391607"/>
                <a:gd name="connsiteX773" fmla="*/ 234857 w 1057826"/>
                <a:gd name="connsiteY773" fmla="*/ 149710 h 391607"/>
                <a:gd name="connsiteX774" fmla="*/ 238120 w 1057826"/>
                <a:gd name="connsiteY774" fmla="*/ 143252 h 391607"/>
                <a:gd name="connsiteX775" fmla="*/ 243013 w 1057826"/>
                <a:gd name="connsiteY775" fmla="*/ 140022 h 391607"/>
                <a:gd name="connsiteX776" fmla="*/ 244644 w 1057826"/>
                <a:gd name="connsiteY776" fmla="*/ 144866 h 391607"/>
                <a:gd name="connsiteX777" fmla="*/ 251169 w 1057826"/>
                <a:gd name="connsiteY777" fmla="*/ 143252 h 391607"/>
                <a:gd name="connsiteX778" fmla="*/ 254432 w 1057826"/>
                <a:gd name="connsiteY778" fmla="*/ 143252 h 391607"/>
                <a:gd name="connsiteX779" fmla="*/ 260956 w 1057826"/>
                <a:gd name="connsiteY779" fmla="*/ 144866 h 391607"/>
                <a:gd name="connsiteX780" fmla="*/ 267481 w 1057826"/>
                <a:gd name="connsiteY780" fmla="*/ 144866 h 391607"/>
                <a:gd name="connsiteX781" fmla="*/ 267481 w 1057826"/>
                <a:gd name="connsiteY781" fmla="*/ 138408 h 391607"/>
                <a:gd name="connsiteX782" fmla="*/ 267481 w 1057826"/>
                <a:gd name="connsiteY782" fmla="*/ 133564 h 391607"/>
                <a:gd name="connsiteX783" fmla="*/ 269112 w 1057826"/>
                <a:gd name="connsiteY783" fmla="*/ 127105 h 391607"/>
                <a:gd name="connsiteX784" fmla="*/ 274006 w 1057826"/>
                <a:gd name="connsiteY784" fmla="*/ 127105 h 391607"/>
                <a:gd name="connsiteX785" fmla="*/ 277268 w 1057826"/>
                <a:gd name="connsiteY785" fmla="*/ 125491 h 391607"/>
                <a:gd name="connsiteX786" fmla="*/ 283793 w 1057826"/>
                <a:gd name="connsiteY786" fmla="*/ 123876 h 391607"/>
                <a:gd name="connsiteX787" fmla="*/ 290318 w 1057826"/>
                <a:gd name="connsiteY787" fmla="*/ 122261 h 391607"/>
                <a:gd name="connsiteX788" fmla="*/ 295211 w 1057826"/>
                <a:gd name="connsiteY788" fmla="*/ 117418 h 391607"/>
                <a:gd name="connsiteX789" fmla="*/ 300105 w 1057826"/>
                <a:gd name="connsiteY789" fmla="*/ 115803 h 391607"/>
                <a:gd name="connsiteX790" fmla="*/ 303367 w 1057826"/>
                <a:gd name="connsiteY790" fmla="*/ 110959 h 391607"/>
                <a:gd name="connsiteX791" fmla="*/ 308261 w 1057826"/>
                <a:gd name="connsiteY791" fmla="*/ 104500 h 391607"/>
                <a:gd name="connsiteX792" fmla="*/ 314786 w 1057826"/>
                <a:gd name="connsiteY792" fmla="*/ 101271 h 391607"/>
                <a:gd name="connsiteX793" fmla="*/ 314786 w 1057826"/>
                <a:gd name="connsiteY793" fmla="*/ 98042 h 391607"/>
                <a:gd name="connsiteX794" fmla="*/ 318048 w 1057826"/>
                <a:gd name="connsiteY794" fmla="*/ 94813 h 391607"/>
                <a:gd name="connsiteX795" fmla="*/ 319679 w 1057826"/>
                <a:gd name="connsiteY795" fmla="*/ 96427 h 391607"/>
                <a:gd name="connsiteX796" fmla="*/ 321311 w 1057826"/>
                <a:gd name="connsiteY796" fmla="*/ 99656 h 391607"/>
                <a:gd name="connsiteX797" fmla="*/ 326204 w 1057826"/>
                <a:gd name="connsiteY797" fmla="*/ 104500 h 391607"/>
                <a:gd name="connsiteX798" fmla="*/ 332729 w 1057826"/>
                <a:gd name="connsiteY798" fmla="*/ 99656 h 391607"/>
                <a:gd name="connsiteX799" fmla="*/ 335991 w 1057826"/>
                <a:gd name="connsiteY799" fmla="*/ 98042 h 391607"/>
                <a:gd name="connsiteX800" fmla="*/ 339254 w 1057826"/>
                <a:gd name="connsiteY800" fmla="*/ 96427 h 391607"/>
                <a:gd name="connsiteX801" fmla="*/ 339254 w 1057826"/>
                <a:gd name="connsiteY801" fmla="*/ 91583 h 391607"/>
                <a:gd name="connsiteX802" fmla="*/ 339254 w 1057826"/>
                <a:gd name="connsiteY802" fmla="*/ 88354 h 391607"/>
                <a:gd name="connsiteX803" fmla="*/ 340885 w 1057826"/>
                <a:gd name="connsiteY803" fmla="*/ 83510 h 391607"/>
                <a:gd name="connsiteX804" fmla="*/ 342516 w 1057826"/>
                <a:gd name="connsiteY804" fmla="*/ 78666 h 391607"/>
                <a:gd name="connsiteX805" fmla="*/ 344147 w 1057826"/>
                <a:gd name="connsiteY805" fmla="*/ 75437 h 391607"/>
                <a:gd name="connsiteX806" fmla="*/ 350672 w 1057826"/>
                <a:gd name="connsiteY806" fmla="*/ 70593 h 391607"/>
                <a:gd name="connsiteX807" fmla="*/ 352303 w 1057826"/>
                <a:gd name="connsiteY807" fmla="*/ 67364 h 391607"/>
                <a:gd name="connsiteX808" fmla="*/ 355566 w 1057826"/>
                <a:gd name="connsiteY808" fmla="*/ 64134 h 391607"/>
                <a:gd name="connsiteX809" fmla="*/ 358828 w 1057826"/>
                <a:gd name="connsiteY809" fmla="*/ 57676 h 391607"/>
                <a:gd name="connsiteX810" fmla="*/ 362090 w 1057826"/>
                <a:gd name="connsiteY810" fmla="*/ 54447 h 391607"/>
                <a:gd name="connsiteX811" fmla="*/ 517015 w 1057826"/>
                <a:gd name="connsiteY811" fmla="*/ 5207 h 391607"/>
                <a:gd name="connsiteX812" fmla="*/ 520254 w 1057826"/>
                <a:gd name="connsiteY812" fmla="*/ 6830 h 391607"/>
                <a:gd name="connsiteX813" fmla="*/ 521873 w 1057826"/>
                <a:gd name="connsiteY813" fmla="*/ 11698 h 391607"/>
                <a:gd name="connsiteX814" fmla="*/ 523492 w 1057826"/>
                <a:gd name="connsiteY814" fmla="*/ 16566 h 391607"/>
                <a:gd name="connsiteX815" fmla="*/ 526731 w 1057826"/>
                <a:gd name="connsiteY815" fmla="*/ 19812 h 391607"/>
                <a:gd name="connsiteX816" fmla="*/ 526731 w 1057826"/>
                <a:gd name="connsiteY816" fmla="*/ 21435 h 391607"/>
                <a:gd name="connsiteX817" fmla="*/ 526731 w 1057826"/>
                <a:gd name="connsiteY817" fmla="*/ 24680 h 391607"/>
                <a:gd name="connsiteX818" fmla="*/ 526731 w 1057826"/>
                <a:gd name="connsiteY818" fmla="*/ 27926 h 391607"/>
                <a:gd name="connsiteX819" fmla="*/ 526731 w 1057826"/>
                <a:gd name="connsiteY819" fmla="*/ 31171 h 391607"/>
                <a:gd name="connsiteX820" fmla="*/ 528350 w 1057826"/>
                <a:gd name="connsiteY820" fmla="*/ 36040 h 391607"/>
                <a:gd name="connsiteX821" fmla="*/ 528350 w 1057826"/>
                <a:gd name="connsiteY821" fmla="*/ 37662 h 391607"/>
                <a:gd name="connsiteX822" fmla="*/ 529969 w 1057826"/>
                <a:gd name="connsiteY822" fmla="*/ 40908 h 391607"/>
                <a:gd name="connsiteX823" fmla="*/ 531589 w 1057826"/>
                <a:gd name="connsiteY823" fmla="*/ 45776 h 391607"/>
                <a:gd name="connsiteX824" fmla="*/ 531589 w 1057826"/>
                <a:gd name="connsiteY824" fmla="*/ 49022 h 391607"/>
                <a:gd name="connsiteX825" fmla="*/ 528350 w 1057826"/>
                <a:gd name="connsiteY825" fmla="*/ 52267 h 391607"/>
                <a:gd name="connsiteX826" fmla="*/ 523492 w 1057826"/>
                <a:gd name="connsiteY826" fmla="*/ 63627 h 391607"/>
                <a:gd name="connsiteX827" fmla="*/ 521873 w 1057826"/>
                <a:gd name="connsiteY827" fmla="*/ 58759 h 391607"/>
                <a:gd name="connsiteX828" fmla="*/ 520254 w 1057826"/>
                <a:gd name="connsiteY828" fmla="*/ 53890 h 391607"/>
                <a:gd name="connsiteX829" fmla="*/ 520254 w 1057826"/>
                <a:gd name="connsiteY829" fmla="*/ 49022 h 391607"/>
                <a:gd name="connsiteX830" fmla="*/ 517015 w 1057826"/>
                <a:gd name="connsiteY830" fmla="*/ 50645 h 391607"/>
                <a:gd name="connsiteX831" fmla="*/ 517015 w 1057826"/>
                <a:gd name="connsiteY831" fmla="*/ 53890 h 391607"/>
                <a:gd name="connsiteX832" fmla="*/ 513777 w 1057826"/>
                <a:gd name="connsiteY832" fmla="*/ 52267 h 391607"/>
                <a:gd name="connsiteX833" fmla="*/ 512158 w 1057826"/>
                <a:gd name="connsiteY833" fmla="*/ 57136 h 391607"/>
                <a:gd name="connsiteX834" fmla="*/ 513777 w 1057826"/>
                <a:gd name="connsiteY834" fmla="*/ 60381 h 391607"/>
                <a:gd name="connsiteX835" fmla="*/ 515396 w 1057826"/>
                <a:gd name="connsiteY835" fmla="*/ 62004 h 391607"/>
                <a:gd name="connsiteX836" fmla="*/ 517015 w 1057826"/>
                <a:gd name="connsiteY836" fmla="*/ 66872 h 391607"/>
                <a:gd name="connsiteX837" fmla="*/ 513777 w 1057826"/>
                <a:gd name="connsiteY837" fmla="*/ 71741 h 391607"/>
                <a:gd name="connsiteX838" fmla="*/ 512158 w 1057826"/>
                <a:gd name="connsiteY838" fmla="*/ 76609 h 391607"/>
                <a:gd name="connsiteX839" fmla="*/ 507300 w 1057826"/>
                <a:gd name="connsiteY839" fmla="*/ 78232 h 391607"/>
                <a:gd name="connsiteX840" fmla="*/ 507300 w 1057826"/>
                <a:gd name="connsiteY840" fmla="*/ 76609 h 391607"/>
                <a:gd name="connsiteX841" fmla="*/ 507300 w 1057826"/>
                <a:gd name="connsiteY841" fmla="*/ 74986 h 391607"/>
                <a:gd name="connsiteX842" fmla="*/ 504061 w 1057826"/>
                <a:gd name="connsiteY842" fmla="*/ 70118 h 391607"/>
                <a:gd name="connsiteX843" fmla="*/ 502442 w 1057826"/>
                <a:gd name="connsiteY843" fmla="*/ 70118 h 391607"/>
                <a:gd name="connsiteX844" fmla="*/ 499204 w 1057826"/>
                <a:gd name="connsiteY844" fmla="*/ 70118 h 391607"/>
                <a:gd name="connsiteX845" fmla="*/ 497584 w 1057826"/>
                <a:gd name="connsiteY845" fmla="*/ 70118 h 391607"/>
                <a:gd name="connsiteX846" fmla="*/ 492727 w 1057826"/>
                <a:gd name="connsiteY846" fmla="*/ 66872 h 391607"/>
                <a:gd name="connsiteX847" fmla="*/ 487869 w 1057826"/>
                <a:gd name="connsiteY847" fmla="*/ 63627 h 391607"/>
                <a:gd name="connsiteX848" fmla="*/ 487869 w 1057826"/>
                <a:gd name="connsiteY848" fmla="*/ 60381 h 391607"/>
                <a:gd name="connsiteX849" fmla="*/ 486249 w 1057826"/>
                <a:gd name="connsiteY849" fmla="*/ 55513 h 391607"/>
                <a:gd name="connsiteX850" fmla="*/ 487869 w 1057826"/>
                <a:gd name="connsiteY850" fmla="*/ 49022 h 391607"/>
                <a:gd name="connsiteX851" fmla="*/ 489488 w 1057826"/>
                <a:gd name="connsiteY851" fmla="*/ 45776 h 391607"/>
                <a:gd name="connsiteX852" fmla="*/ 489488 w 1057826"/>
                <a:gd name="connsiteY852" fmla="*/ 44154 h 391607"/>
                <a:gd name="connsiteX853" fmla="*/ 487869 w 1057826"/>
                <a:gd name="connsiteY853" fmla="*/ 39285 h 391607"/>
                <a:gd name="connsiteX854" fmla="*/ 483011 w 1057826"/>
                <a:gd name="connsiteY854" fmla="*/ 37662 h 391607"/>
                <a:gd name="connsiteX855" fmla="*/ 479772 w 1057826"/>
                <a:gd name="connsiteY855" fmla="*/ 37662 h 391607"/>
                <a:gd name="connsiteX856" fmla="*/ 479772 w 1057826"/>
                <a:gd name="connsiteY856" fmla="*/ 40908 h 391607"/>
                <a:gd name="connsiteX857" fmla="*/ 478153 w 1057826"/>
                <a:gd name="connsiteY857" fmla="*/ 44154 h 391607"/>
                <a:gd name="connsiteX858" fmla="*/ 476534 w 1057826"/>
                <a:gd name="connsiteY858" fmla="*/ 44154 h 391607"/>
                <a:gd name="connsiteX859" fmla="*/ 474915 w 1057826"/>
                <a:gd name="connsiteY859" fmla="*/ 40908 h 391607"/>
                <a:gd name="connsiteX860" fmla="*/ 471676 w 1057826"/>
                <a:gd name="connsiteY860" fmla="*/ 42531 h 391607"/>
                <a:gd name="connsiteX861" fmla="*/ 466818 w 1057826"/>
                <a:gd name="connsiteY861" fmla="*/ 42531 h 391607"/>
                <a:gd name="connsiteX862" fmla="*/ 466818 w 1057826"/>
                <a:gd name="connsiteY862" fmla="*/ 40908 h 391607"/>
                <a:gd name="connsiteX863" fmla="*/ 461961 w 1057826"/>
                <a:gd name="connsiteY863" fmla="*/ 40908 h 391607"/>
                <a:gd name="connsiteX864" fmla="*/ 458722 w 1057826"/>
                <a:gd name="connsiteY864" fmla="*/ 44154 h 391607"/>
                <a:gd name="connsiteX865" fmla="*/ 458722 w 1057826"/>
                <a:gd name="connsiteY865" fmla="*/ 47399 h 391607"/>
                <a:gd name="connsiteX866" fmla="*/ 458722 w 1057826"/>
                <a:gd name="connsiteY866" fmla="*/ 50645 h 391607"/>
                <a:gd name="connsiteX867" fmla="*/ 457103 w 1057826"/>
                <a:gd name="connsiteY867" fmla="*/ 52267 h 391607"/>
                <a:gd name="connsiteX868" fmla="*/ 455484 w 1057826"/>
                <a:gd name="connsiteY868" fmla="*/ 57136 h 391607"/>
                <a:gd name="connsiteX869" fmla="*/ 457103 w 1057826"/>
                <a:gd name="connsiteY869" fmla="*/ 58759 h 391607"/>
                <a:gd name="connsiteX870" fmla="*/ 457103 w 1057826"/>
                <a:gd name="connsiteY870" fmla="*/ 62004 h 391607"/>
                <a:gd name="connsiteX871" fmla="*/ 452245 w 1057826"/>
                <a:gd name="connsiteY871" fmla="*/ 62004 h 391607"/>
                <a:gd name="connsiteX872" fmla="*/ 453864 w 1057826"/>
                <a:gd name="connsiteY872" fmla="*/ 57136 h 391607"/>
                <a:gd name="connsiteX873" fmla="*/ 453864 w 1057826"/>
                <a:gd name="connsiteY873" fmla="*/ 52267 h 391607"/>
                <a:gd name="connsiteX874" fmla="*/ 455484 w 1057826"/>
                <a:gd name="connsiteY874" fmla="*/ 47399 h 391607"/>
                <a:gd name="connsiteX875" fmla="*/ 453864 w 1057826"/>
                <a:gd name="connsiteY875" fmla="*/ 45776 h 391607"/>
                <a:gd name="connsiteX876" fmla="*/ 455484 w 1057826"/>
                <a:gd name="connsiteY876" fmla="*/ 40908 h 391607"/>
                <a:gd name="connsiteX877" fmla="*/ 460341 w 1057826"/>
                <a:gd name="connsiteY877" fmla="*/ 34417 h 391607"/>
                <a:gd name="connsiteX878" fmla="*/ 466818 w 1057826"/>
                <a:gd name="connsiteY878" fmla="*/ 32794 h 391607"/>
                <a:gd name="connsiteX879" fmla="*/ 470057 w 1057826"/>
                <a:gd name="connsiteY879" fmla="*/ 31171 h 391607"/>
                <a:gd name="connsiteX880" fmla="*/ 471676 w 1057826"/>
                <a:gd name="connsiteY880" fmla="*/ 29549 h 391607"/>
                <a:gd name="connsiteX881" fmla="*/ 473295 w 1057826"/>
                <a:gd name="connsiteY881" fmla="*/ 26303 h 391607"/>
                <a:gd name="connsiteX882" fmla="*/ 476534 w 1057826"/>
                <a:gd name="connsiteY882" fmla="*/ 24680 h 391607"/>
                <a:gd name="connsiteX883" fmla="*/ 479772 w 1057826"/>
                <a:gd name="connsiteY883" fmla="*/ 24680 h 391607"/>
                <a:gd name="connsiteX884" fmla="*/ 484630 w 1057826"/>
                <a:gd name="connsiteY884" fmla="*/ 26303 h 391607"/>
                <a:gd name="connsiteX885" fmla="*/ 484630 w 1057826"/>
                <a:gd name="connsiteY885" fmla="*/ 27926 h 391607"/>
                <a:gd name="connsiteX886" fmla="*/ 486249 w 1057826"/>
                <a:gd name="connsiteY886" fmla="*/ 32794 h 391607"/>
                <a:gd name="connsiteX887" fmla="*/ 491107 w 1057826"/>
                <a:gd name="connsiteY887" fmla="*/ 31171 h 391607"/>
                <a:gd name="connsiteX888" fmla="*/ 491107 w 1057826"/>
                <a:gd name="connsiteY888" fmla="*/ 27926 h 391607"/>
                <a:gd name="connsiteX889" fmla="*/ 492727 w 1057826"/>
                <a:gd name="connsiteY889" fmla="*/ 26303 h 391607"/>
                <a:gd name="connsiteX890" fmla="*/ 497584 w 1057826"/>
                <a:gd name="connsiteY890" fmla="*/ 26303 h 391607"/>
                <a:gd name="connsiteX891" fmla="*/ 499204 w 1057826"/>
                <a:gd name="connsiteY891" fmla="*/ 24680 h 391607"/>
                <a:gd name="connsiteX892" fmla="*/ 502442 w 1057826"/>
                <a:gd name="connsiteY892" fmla="*/ 21435 h 391607"/>
                <a:gd name="connsiteX893" fmla="*/ 507300 w 1057826"/>
                <a:gd name="connsiteY893" fmla="*/ 18189 h 391607"/>
                <a:gd name="connsiteX894" fmla="*/ 510538 w 1057826"/>
                <a:gd name="connsiteY894" fmla="*/ 14944 h 391607"/>
                <a:gd name="connsiteX895" fmla="*/ 512158 w 1057826"/>
                <a:gd name="connsiteY895" fmla="*/ 10075 h 391607"/>
                <a:gd name="connsiteX896" fmla="*/ 517015 w 1057826"/>
                <a:gd name="connsiteY896" fmla="*/ 5207 h 391607"/>
                <a:gd name="connsiteX897" fmla="*/ 522064 w 1057826"/>
                <a:gd name="connsiteY897" fmla="*/ 444 h 391607"/>
                <a:gd name="connsiteX898" fmla="*/ 525239 w 1057826"/>
                <a:gd name="connsiteY898" fmla="*/ 2032 h 391607"/>
                <a:gd name="connsiteX899" fmla="*/ 525239 w 1057826"/>
                <a:gd name="connsiteY899" fmla="*/ 5207 h 391607"/>
                <a:gd name="connsiteX900" fmla="*/ 523652 w 1057826"/>
                <a:gd name="connsiteY900" fmla="*/ 6795 h 391607"/>
                <a:gd name="connsiteX901" fmla="*/ 522064 w 1057826"/>
                <a:gd name="connsiteY901" fmla="*/ 5207 h 391607"/>
                <a:gd name="connsiteX902" fmla="*/ 522064 w 1057826"/>
                <a:gd name="connsiteY902" fmla="*/ 444 h 3916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 ang="0">
                  <a:pos x="connsiteX535" y="connsiteY535"/>
                </a:cxn>
                <a:cxn ang="0">
                  <a:pos x="connsiteX536" y="connsiteY536"/>
                </a:cxn>
                <a:cxn ang="0">
                  <a:pos x="connsiteX537" y="connsiteY537"/>
                </a:cxn>
                <a:cxn ang="0">
                  <a:pos x="connsiteX538" y="connsiteY538"/>
                </a:cxn>
                <a:cxn ang="0">
                  <a:pos x="connsiteX539" y="connsiteY539"/>
                </a:cxn>
                <a:cxn ang="0">
                  <a:pos x="connsiteX540" y="connsiteY540"/>
                </a:cxn>
                <a:cxn ang="0">
                  <a:pos x="connsiteX541" y="connsiteY541"/>
                </a:cxn>
                <a:cxn ang="0">
                  <a:pos x="connsiteX542" y="connsiteY542"/>
                </a:cxn>
                <a:cxn ang="0">
                  <a:pos x="connsiteX543" y="connsiteY543"/>
                </a:cxn>
                <a:cxn ang="0">
                  <a:pos x="connsiteX544" y="connsiteY544"/>
                </a:cxn>
                <a:cxn ang="0">
                  <a:pos x="connsiteX545" y="connsiteY545"/>
                </a:cxn>
                <a:cxn ang="0">
                  <a:pos x="connsiteX546" y="connsiteY546"/>
                </a:cxn>
                <a:cxn ang="0">
                  <a:pos x="connsiteX547" y="connsiteY547"/>
                </a:cxn>
                <a:cxn ang="0">
                  <a:pos x="connsiteX548" y="connsiteY548"/>
                </a:cxn>
                <a:cxn ang="0">
                  <a:pos x="connsiteX549" y="connsiteY549"/>
                </a:cxn>
                <a:cxn ang="0">
                  <a:pos x="connsiteX550" y="connsiteY550"/>
                </a:cxn>
                <a:cxn ang="0">
                  <a:pos x="connsiteX551" y="connsiteY551"/>
                </a:cxn>
                <a:cxn ang="0">
                  <a:pos x="connsiteX552" y="connsiteY552"/>
                </a:cxn>
                <a:cxn ang="0">
                  <a:pos x="connsiteX553" y="connsiteY553"/>
                </a:cxn>
                <a:cxn ang="0">
                  <a:pos x="connsiteX554" y="connsiteY554"/>
                </a:cxn>
                <a:cxn ang="0">
                  <a:pos x="connsiteX555" y="connsiteY555"/>
                </a:cxn>
                <a:cxn ang="0">
                  <a:pos x="connsiteX556" y="connsiteY556"/>
                </a:cxn>
                <a:cxn ang="0">
                  <a:pos x="connsiteX557" y="connsiteY557"/>
                </a:cxn>
                <a:cxn ang="0">
                  <a:pos x="connsiteX558" y="connsiteY558"/>
                </a:cxn>
                <a:cxn ang="0">
                  <a:pos x="connsiteX559" y="connsiteY559"/>
                </a:cxn>
                <a:cxn ang="0">
                  <a:pos x="connsiteX560" y="connsiteY560"/>
                </a:cxn>
                <a:cxn ang="0">
                  <a:pos x="connsiteX561" y="connsiteY561"/>
                </a:cxn>
                <a:cxn ang="0">
                  <a:pos x="connsiteX562" y="connsiteY562"/>
                </a:cxn>
                <a:cxn ang="0">
                  <a:pos x="connsiteX563" y="connsiteY563"/>
                </a:cxn>
                <a:cxn ang="0">
                  <a:pos x="connsiteX564" y="connsiteY564"/>
                </a:cxn>
                <a:cxn ang="0">
                  <a:pos x="connsiteX565" y="connsiteY565"/>
                </a:cxn>
                <a:cxn ang="0">
                  <a:pos x="connsiteX566" y="connsiteY566"/>
                </a:cxn>
                <a:cxn ang="0">
                  <a:pos x="connsiteX567" y="connsiteY567"/>
                </a:cxn>
                <a:cxn ang="0">
                  <a:pos x="connsiteX568" y="connsiteY568"/>
                </a:cxn>
                <a:cxn ang="0">
                  <a:pos x="connsiteX569" y="connsiteY569"/>
                </a:cxn>
                <a:cxn ang="0">
                  <a:pos x="connsiteX570" y="connsiteY570"/>
                </a:cxn>
                <a:cxn ang="0">
                  <a:pos x="connsiteX571" y="connsiteY571"/>
                </a:cxn>
                <a:cxn ang="0">
                  <a:pos x="connsiteX572" y="connsiteY572"/>
                </a:cxn>
                <a:cxn ang="0">
                  <a:pos x="connsiteX573" y="connsiteY573"/>
                </a:cxn>
                <a:cxn ang="0">
                  <a:pos x="connsiteX574" y="connsiteY574"/>
                </a:cxn>
                <a:cxn ang="0">
                  <a:pos x="connsiteX575" y="connsiteY575"/>
                </a:cxn>
                <a:cxn ang="0">
                  <a:pos x="connsiteX576" y="connsiteY576"/>
                </a:cxn>
                <a:cxn ang="0">
                  <a:pos x="connsiteX577" y="connsiteY577"/>
                </a:cxn>
                <a:cxn ang="0">
                  <a:pos x="connsiteX578" y="connsiteY578"/>
                </a:cxn>
                <a:cxn ang="0">
                  <a:pos x="connsiteX579" y="connsiteY579"/>
                </a:cxn>
                <a:cxn ang="0">
                  <a:pos x="connsiteX580" y="connsiteY580"/>
                </a:cxn>
                <a:cxn ang="0">
                  <a:pos x="connsiteX581" y="connsiteY581"/>
                </a:cxn>
                <a:cxn ang="0">
                  <a:pos x="connsiteX582" y="connsiteY582"/>
                </a:cxn>
                <a:cxn ang="0">
                  <a:pos x="connsiteX583" y="connsiteY583"/>
                </a:cxn>
                <a:cxn ang="0">
                  <a:pos x="connsiteX584" y="connsiteY584"/>
                </a:cxn>
                <a:cxn ang="0">
                  <a:pos x="connsiteX585" y="connsiteY585"/>
                </a:cxn>
                <a:cxn ang="0">
                  <a:pos x="connsiteX586" y="connsiteY586"/>
                </a:cxn>
                <a:cxn ang="0">
                  <a:pos x="connsiteX587" y="connsiteY587"/>
                </a:cxn>
                <a:cxn ang="0">
                  <a:pos x="connsiteX588" y="connsiteY588"/>
                </a:cxn>
                <a:cxn ang="0">
                  <a:pos x="connsiteX589" y="connsiteY589"/>
                </a:cxn>
                <a:cxn ang="0">
                  <a:pos x="connsiteX590" y="connsiteY590"/>
                </a:cxn>
                <a:cxn ang="0">
                  <a:pos x="connsiteX591" y="connsiteY591"/>
                </a:cxn>
                <a:cxn ang="0">
                  <a:pos x="connsiteX592" y="connsiteY592"/>
                </a:cxn>
                <a:cxn ang="0">
                  <a:pos x="connsiteX593" y="connsiteY593"/>
                </a:cxn>
                <a:cxn ang="0">
                  <a:pos x="connsiteX594" y="connsiteY594"/>
                </a:cxn>
                <a:cxn ang="0">
                  <a:pos x="connsiteX595" y="connsiteY595"/>
                </a:cxn>
                <a:cxn ang="0">
                  <a:pos x="connsiteX596" y="connsiteY596"/>
                </a:cxn>
                <a:cxn ang="0">
                  <a:pos x="connsiteX597" y="connsiteY597"/>
                </a:cxn>
                <a:cxn ang="0">
                  <a:pos x="connsiteX598" y="connsiteY598"/>
                </a:cxn>
                <a:cxn ang="0">
                  <a:pos x="connsiteX599" y="connsiteY599"/>
                </a:cxn>
                <a:cxn ang="0">
                  <a:pos x="connsiteX600" y="connsiteY600"/>
                </a:cxn>
                <a:cxn ang="0">
                  <a:pos x="connsiteX601" y="connsiteY601"/>
                </a:cxn>
                <a:cxn ang="0">
                  <a:pos x="connsiteX602" y="connsiteY602"/>
                </a:cxn>
                <a:cxn ang="0">
                  <a:pos x="connsiteX603" y="connsiteY603"/>
                </a:cxn>
                <a:cxn ang="0">
                  <a:pos x="connsiteX604" y="connsiteY604"/>
                </a:cxn>
                <a:cxn ang="0">
                  <a:pos x="connsiteX605" y="connsiteY605"/>
                </a:cxn>
                <a:cxn ang="0">
                  <a:pos x="connsiteX606" y="connsiteY606"/>
                </a:cxn>
                <a:cxn ang="0">
                  <a:pos x="connsiteX607" y="connsiteY607"/>
                </a:cxn>
                <a:cxn ang="0">
                  <a:pos x="connsiteX608" y="connsiteY608"/>
                </a:cxn>
                <a:cxn ang="0">
                  <a:pos x="connsiteX609" y="connsiteY609"/>
                </a:cxn>
                <a:cxn ang="0">
                  <a:pos x="connsiteX610" y="connsiteY610"/>
                </a:cxn>
                <a:cxn ang="0">
                  <a:pos x="connsiteX611" y="connsiteY611"/>
                </a:cxn>
                <a:cxn ang="0">
                  <a:pos x="connsiteX612" y="connsiteY612"/>
                </a:cxn>
                <a:cxn ang="0">
                  <a:pos x="connsiteX613" y="connsiteY613"/>
                </a:cxn>
                <a:cxn ang="0">
                  <a:pos x="connsiteX614" y="connsiteY614"/>
                </a:cxn>
                <a:cxn ang="0">
                  <a:pos x="connsiteX615" y="connsiteY615"/>
                </a:cxn>
                <a:cxn ang="0">
                  <a:pos x="connsiteX616" y="connsiteY616"/>
                </a:cxn>
                <a:cxn ang="0">
                  <a:pos x="connsiteX617" y="connsiteY617"/>
                </a:cxn>
                <a:cxn ang="0">
                  <a:pos x="connsiteX618" y="connsiteY618"/>
                </a:cxn>
                <a:cxn ang="0">
                  <a:pos x="connsiteX619" y="connsiteY619"/>
                </a:cxn>
                <a:cxn ang="0">
                  <a:pos x="connsiteX620" y="connsiteY620"/>
                </a:cxn>
                <a:cxn ang="0">
                  <a:pos x="connsiteX621" y="connsiteY621"/>
                </a:cxn>
                <a:cxn ang="0">
                  <a:pos x="connsiteX622" y="connsiteY622"/>
                </a:cxn>
                <a:cxn ang="0">
                  <a:pos x="connsiteX623" y="connsiteY623"/>
                </a:cxn>
                <a:cxn ang="0">
                  <a:pos x="connsiteX624" y="connsiteY624"/>
                </a:cxn>
                <a:cxn ang="0">
                  <a:pos x="connsiteX625" y="connsiteY625"/>
                </a:cxn>
                <a:cxn ang="0">
                  <a:pos x="connsiteX626" y="connsiteY626"/>
                </a:cxn>
                <a:cxn ang="0">
                  <a:pos x="connsiteX627" y="connsiteY627"/>
                </a:cxn>
                <a:cxn ang="0">
                  <a:pos x="connsiteX628" y="connsiteY628"/>
                </a:cxn>
                <a:cxn ang="0">
                  <a:pos x="connsiteX629" y="connsiteY629"/>
                </a:cxn>
                <a:cxn ang="0">
                  <a:pos x="connsiteX630" y="connsiteY630"/>
                </a:cxn>
                <a:cxn ang="0">
                  <a:pos x="connsiteX631" y="connsiteY631"/>
                </a:cxn>
                <a:cxn ang="0">
                  <a:pos x="connsiteX632" y="connsiteY632"/>
                </a:cxn>
                <a:cxn ang="0">
                  <a:pos x="connsiteX633" y="connsiteY633"/>
                </a:cxn>
                <a:cxn ang="0">
                  <a:pos x="connsiteX634" y="connsiteY634"/>
                </a:cxn>
                <a:cxn ang="0">
                  <a:pos x="connsiteX635" y="connsiteY635"/>
                </a:cxn>
                <a:cxn ang="0">
                  <a:pos x="connsiteX636" y="connsiteY636"/>
                </a:cxn>
                <a:cxn ang="0">
                  <a:pos x="connsiteX637" y="connsiteY637"/>
                </a:cxn>
                <a:cxn ang="0">
                  <a:pos x="connsiteX638" y="connsiteY638"/>
                </a:cxn>
                <a:cxn ang="0">
                  <a:pos x="connsiteX639" y="connsiteY639"/>
                </a:cxn>
                <a:cxn ang="0">
                  <a:pos x="connsiteX640" y="connsiteY640"/>
                </a:cxn>
                <a:cxn ang="0">
                  <a:pos x="connsiteX641" y="connsiteY641"/>
                </a:cxn>
                <a:cxn ang="0">
                  <a:pos x="connsiteX642" y="connsiteY642"/>
                </a:cxn>
                <a:cxn ang="0">
                  <a:pos x="connsiteX643" y="connsiteY643"/>
                </a:cxn>
                <a:cxn ang="0">
                  <a:pos x="connsiteX644" y="connsiteY644"/>
                </a:cxn>
                <a:cxn ang="0">
                  <a:pos x="connsiteX645" y="connsiteY645"/>
                </a:cxn>
                <a:cxn ang="0">
                  <a:pos x="connsiteX646" y="connsiteY646"/>
                </a:cxn>
                <a:cxn ang="0">
                  <a:pos x="connsiteX647" y="connsiteY647"/>
                </a:cxn>
                <a:cxn ang="0">
                  <a:pos x="connsiteX648" y="connsiteY648"/>
                </a:cxn>
                <a:cxn ang="0">
                  <a:pos x="connsiteX649" y="connsiteY649"/>
                </a:cxn>
                <a:cxn ang="0">
                  <a:pos x="connsiteX650" y="connsiteY650"/>
                </a:cxn>
                <a:cxn ang="0">
                  <a:pos x="connsiteX651" y="connsiteY651"/>
                </a:cxn>
                <a:cxn ang="0">
                  <a:pos x="connsiteX652" y="connsiteY652"/>
                </a:cxn>
                <a:cxn ang="0">
                  <a:pos x="connsiteX653" y="connsiteY653"/>
                </a:cxn>
                <a:cxn ang="0">
                  <a:pos x="connsiteX654" y="connsiteY654"/>
                </a:cxn>
                <a:cxn ang="0">
                  <a:pos x="connsiteX655" y="connsiteY655"/>
                </a:cxn>
                <a:cxn ang="0">
                  <a:pos x="connsiteX656" y="connsiteY656"/>
                </a:cxn>
                <a:cxn ang="0">
                  <a:pos x="connsiteX657" y="connsiteY657"/>
                </a:cxn>
                <a:cxn ang="0">
                  <a:pos x="connsiteX658" y="connsiteY658"/>
                </a:cxn>
                <a:cxn ang="0">
                  <a:pos x="connsiteX659" y="connsiteY659"/>
                </a:cxn>
                <a:cxn ang="0">
                  <a:pos x="connsiteX660" y="connsiteY660"/>
                </a:cxn>
                <a:cxn ang="0">
                  <a:pos x="connsiteX661" y="connsiteY661"/>
                </a:cxn>
                <a:cxn ang="0">
                  <a:pos x="connsiteX662" y="connsiteY662"/>
                </a:cxn>
                <a:cxn ang="0">
                  <a:pos x="connsiteX663" y="connsiteY663"/>
                </a:cxn>
                <a:cxn ang="0">
                  <a:pos x="connsiteX664" y="connsiteY664"/>
                </a:cxn>
                <a:cxn ang="0">
                  <a:pos x="connsiteX665" y="connsiteY665"/>
                </a:cxn>
                <a:cxn ang="0">
                  <a:pos x="connsiteX666" y="connsiteY666"/>
                </a:cxn>
                <a:cxn ang="0">
                  <a:pos x="connsiteX667" y="connsiteY667"/>
                </a:cxn>
                <a:cxn ang="0">
                  <a:pos x="connsiteX668" y="connsiteY668"/>
                </a:cxn>
                <a:cxn ang="0">
                  <a:pos x="connsiteX669" y="connsiteY669"/>
                </a:cxn>
                <a:cxn ang="0">
                  <a:pos x="connsiteX670" y="connsiteY670"/>
                </a:cxn>
                <a:cxn ang="0">
                  <a:pos x="connsiteX671" y="connsiteY671"/>
                </a:cxn>
                <a:cxn ang="0">
                  <a:pos x="connsiteX672" y="connsiteY672"/>
                </a:cxn>
                <a:cxn ang="0">
                  <a:pos x="connsiteX673" y="connsiteY673"/>
                </a:cxn>
                <a:cxn ang="0">
                  <a:pos x="connsiteX674" y="connsiteY674"/>
                </a:cxn>
                <a:cxn ang="0">
                  <a:pos x="connsiteX675" y="connsiteY675"/>
                </a:cxn>
                <a:cxn ang="0">
                  <a:pos x="connsiteX676" y="connsiteY676"/>
                </a:cxn>
                <a:cxn ang="0">
                  <a:pos x="connsiteX677" y="connsiteY677"/>
                </a:cxn>
                <a:cxn ang="0">
                  <a:pos x="connsiteX678" y="connsiteY678"/>
                </a:cxn>
                <a:cxn ang="0">
                  <a:pos x="connsiteX679" y="connsiteY679"/>
                </a:cxn>
                <a:cxn ang="0">
                  <a:pos x="connsiteX680" y="connsiteY680"/>
                </a:cxn>
                <a:cxn ang="0">
                  <a:pos x="connsiteX681" y="connsiteY681"/>
                </a:cxn>
                <a:cxn ang="0">
                  <a:pos x="connsiteX682" y="connsiteY682"/>
                </a:cxn>
                <a:cxn ang="0">
                  <a:pos x="connsiteX683" y="connsiteY683"/>
                </a:cxn>
                <a:cxn ang="0">
                  <a:pos x="connsiteX684" y="connsiteY684"/>
                </a:cxn>
                <a:cxn ang="0">
                  <a:pos x="connsiteX685" y="connsiteY685"/>
                </a:cxn>
                <a:cxn ang="0">
                  <a:pos x="connsiteX686" y="connsiteY686"/>
                </a:cxn>
                <a:cxn ang="0">
                  <a:pos x="connsiteX687" y="connsiteY687"/>
                </a:cxn>
                <a:cxn ang="0">
                  <a:pos x="connsiteX688" y="connsiteY688"/>
                </a:cxn>
                <a:cxn ang="0">
                  <a:pos x="connsiteX689" y="connsiteY689"/>
                </a:cxn>
                <a:cxn ang="0">
                  <a:pos x="connsiteX690" y="connsiteY690"/>
                </a:cxn>
                <a:cxn ang="0">
                  <a:pos x="connsiteX691" y="connsiteY691"/>
                </a:cxn>
                <a:cxn ang="0">
                  <a:pos x="connsiteX692" y="connsiteY692"/>
                </a:cxn>
                <a:cxn ang="0">
                  <a:pos x="connsiteX693" y="connsiteY693"/>
                </a:cxn>
                <a:cxn ang="0">
                  <a:pos x="connsiteX694" y="connsiteY694"/>
                </a:cxn>
                <a:cxn ang="0">
                  <a:pos x="connsiteX695" y="connsiteY695"/>
                </a:cxn>
                <a:cxn ang="0">
                  <a:pos x="connsiteX696" y="connsiteY696"/>
                </a:cxn>
                <a:cxn ang="0">
                  <a:pos x="connsiteX697" y="connsiteY697"/>
                </a:cxn>
                <a:cxn ang="0">
                  <a:pos x="connsiteX698" y="connsiteY698"/>
                </a:cxn>
                <a:cxn ang="0">
                  <a:pos x="connsiteX699" y="connsiteY699"/>
                </a:cxn>
                <a:cxn ang="0">
                  <a:pos x="connsiteX700" y="connsiteY700"/>
                </a:cxn>
                <a:cxn ang="0">
                  <a:pos x="connsiteX701" y="connsiteY701"/>
                </a:cxn>
                <a:cxn ang="0">
                  <a:pos x="connsiteX702" y="connsiteY702"/>
                </a:cxn>
                <a:cxn ang="0">
                  <a:pos x="connsiteX703" y="connsiteY703"/>
                </a:cxn>
                <a:cxn ang="0">
                  <a:pos x="connsiteX704" y="connsiteY704"/>
                </a:cxn>
                <a:cxn ang="0">
                  <a:pos x="connsiteX705" y="connsiteY705"/>
                </a:cxn>
                <a:cxn ang="0">
                  <a:pos x="connsiteX706" y="connsiteY706"/>
                </a:cxn>
                <a:cxn ang="0">
                  <a:pos x="connsiteX707" y="connsiteY707"/>
                </a:cxn>
                <a:cxn ang="0">
                  <a:pos x="connsiteX708" y="connsiteY708"/>
                </a:cxn>
                <a:cxn ang="0">
                  <a:pos x="connsiteX709" y="connsiteY709"/>
                </a:cxn>
                <a:cxn ang="0">
                  <a:pos x="connsiteX710" y="connsiteY710"/>
                </a:cxn>
                <a:cxn ang="0">
                  <a:pos x="connsiteX711" y="connsiteY711"/>
                </a:cxn>
                <a:cxn ang="0">
                  <a:pos x="connsiteX712" y="connsiteY712"/>
                </a:cxn>
                <a:cxn ang="0">
                  <a:pos x="connsiteX713" y="connsiteY713"/>
                </a:cxn>
                <a:cxn ang="0">
                  <a:pos x="connsiteX714" y="connsiteY714"/>
                </a:cxn>
                <a:cxn ang="0">
                  <a:pos x="connsiteX715" y="connsiteY715"/>
                </a:cxn>
                <a:cxn ang="0">
                  <a:pos x="connsiteX716" y="connsiteY716"/>
                </a:cxn>
                <a:cxn ang="0">
                  <a:pos x="connsiteX717" y="connsiteY717"/>
                </a:cxn>
                <a:cxn ang="0">
                  <a:pos x="connsiteX718" y="connsiteY718"/>
                </a:cxn>
                <a:cxn ang="0">
                  <a:pos x="connsiteX719" y="connsiteY719"/>
                </a:cxn>
                <a:cxn ang="0">
                  <a:pos x="connsiteX720" y="connsiteY720"/>
                </a:cxn>
                <a:cxn ang="0">
                  <a:pos x="connsiteX721" y="connsiteY721"/>
                </a:cxn>
                <a:cxn ang="0">
                  <a:pos x="connsiteX722" y="connsiteY722"/>
                </a:cxn>
                <a:cxn ang="0">
                  <a:pos x="connsiteX723" y="connsiteY723"/>
                </a:cxn>
                <a:cxn ang="0">
                  <a:pos x="connsiteX724" y="connsiteY724"/>
                </a:cxn>
                <a:cxn ang="0">
                  <a:pos x="connsiteX725" y="connsiteY725"/>
                </a:cxn>
                <a:cxn ang="0">
                  <a:pos x="connsiteX726" y="connsiteY726"/>
                </a:cxn>
                <a:cxn ang="0">
                  <a:pos x="connsiteX727" y="connsiteY727"/>
                </a:cxn>
                <a:cxn ang="0">
                  <a:pos x="connsiteX728" y="connsiteY728"/>
                </a:cxn>
                <a:cxn ang="0">
                  <a:pos x="connsiteX729" y="connsiteY729"/>
                </a:cxn>
                <a:cxn ang="0">
                  <a:pos x="connsiteX730" y="connsiteY730"/>
                </a:cxn>
                <a:cxn ang="0">
                  <a:pos x="connsiteX731" y="connsiteY731"/>
                </a:cxn>
                <a:cxn ang="0">
                  <a:pos x="connsiteX732" y="connsiteY732"/>
                </a:cxn>
                <a:cxn ang="0">
                  <a:pos x="connsiteX733" y="connsiteY733"/>
                </a:cxn>
                <a:cxn ang="0">
                  <a:pos x="connsiteX734" y="connsiteY734"/>
                </a:cxn>
                <a:cxn ang="0">
                  <a:pos x="connsiteX735" y="connsiteY735"/>
                </a:cxn>
                <a:cxn ang="0">
                  <a:pos x="connsiteX736" y="connsiteY736"/>
                </a:cxn>
                <a:cxn ang="0">
                  <a:pos x="connsiteX737" y="connsiteY737"/>
                </a:cxn>
                <a:cxn ang="0">
                  <a:pos x="connsiteX738" y="connsiteY738"/>
                </a:cxn>
                <a:cxn ang="0">
                  <a:pos x="connsiteX739" y="connsiteY739"/>
                </a:cxn>
                <a:cxn ang="0">
                  <a:pos x="connsiteX740" y="connsiteY740"/>
                </a:cxn>
                <a:cxn ang="0">
                  <a:pos x="connsiteX741" y="connsiteY741"/>
                </a:cxn>
                <a:cxn ang="0">
                  <a:pos x="connsiteX742" y="connsiteY742"/>
                </a:cxn>
                <a:cxn ang="0">
                  <a:pos x="connsiteX743" y="connsiteY743"/>
                </a:cxn>
                <a:cxn ang="0">
                  <a:pos x="connsiteX744" y="connsiteY744"/>
                </a:cxn>
                <a:cxn ang="0">
                  <a:pos x="connsiteX745" y="connsiteY745"/>
                </a:cxn>
                <a:cxn ang="0">
                  <a:pos x="connsiteX746" y="connsiteY746"/>
                </a:cxn>
                <a:cxn ang="0">
                  <a:pos x="connsiteX747" y="connsiteY747"/>
                </a:cxn>
                <a:cxn ang="0">
                  <a:pos x="connsiteX748" y="connsiteY748"/>
                </a:cxn>
                <a:cxn ang="0">
                  <a:pos x="connsiteX749" y="connsiteY749"/>
                </a:cxn>
                <a:cxn ang="0">
                  <a:pos x="connsiteX750" y="connsiteY750"/>
                </a:cxn>
                <a:cxn ang="0">
                  <a:pos x="connsiteX751" y="connsiteY751"/>
                </a:cxn>
                <a:cxn ang="0">
                  <a:pos x="connsiteX752" y="connsiteY752"/>
                </a:cxn>
                <a:cxn ang="0">
                  <a:pos x="connsiteX753" y="connsiteY753"/>
                </a:cxn>
                <a:cxn ang="0">
                  <a:pos x="connsiteX754" y="connsiteY754"/>
                </a:cxn>
                <a:cxn ang="0">
                  <a:pos x="connsiteX755" y="connsiteY755"/>
                </a:cxn>
                <a:cxn ang="0">
                  <a:pos x="connsiteX756" y="connsiteY756"/>
                </a:cxn>
                <a:cxn ang="0">
                  <a:pos x="connsiteX757" y="connsiteY757"/>
                </a:cxn>
                <a:cxn ang="0">
                  <a:pos x="connsiteX758" y="connsiteY758"/>
                </a:cxn>
                <a:cxn ang="0">
                  <a:pos x="connsiteX759" y="connsiteY759"/>
                </a:cxn>
                <a:cxn ang="0">
                  <a:pos x="connsiteX760" y="connsiteY760"/>
                </a:cxn>
                <a:cxn ang="0">
                  <a:pos x="connsiteX761" y="connsiteY761"/>
                </a:cxn>
                <a:cxn ang="0">
                  <a:pos x="connsiteX762" y="connsiteY762"/>
                </a:cxn>
                <a:cxn ang="0">
                  <a:pos x="connsiteX763" y="connsiteY763"/>
                </a:cxn>
                <a:cxn ang="0">
                  <a:pos x="connsiteX764" y="connsiteY764"/>
                </a:cxn>
                <a:cxn ang="0">
                  <a:pos x="connsiteX765" y="connsiteY765"/>
                </a:cxn>
                <a:cxn ang="0">
                  <a:pos x="connsiteX766" y="connsiteY766"/>
                </a:cxn>
                <a:cxn ang="0">
                  <a:pos x="connsiteX767" y="connsiteY767"/>
                </a:cxn>
                <a:cxn ang="0">
                  <a:pos x="connsiteX768" y="connsiteY768"/>
                </a:cxn>
                <a:cxn ang="0">
                  <a:pos x="connsiteX769" y="connsiteY769"/>
                </a:cxn>
                <a:cxn ang="0">
                  <a:pos x="connsiteX770" y="connsiteY770"/>
                </a:cxn>
                <a:cxn ang="0">
                  <a:pos x="connsiteX771" y="connsiteY771"/>
                </a:cxn>
                <a:cxn ang="0">
                  <a:pos x="connsiteX772" y="connsiteY772"/>
                </a:cxn>
                <a:cxn ang="0">
                  <a:pos x="connsiteX773" y="connsiteY773"/>
                </a:cxn>
                <a:cxn ang="0">
                  <a:pos x="connsiteX774" y="connsiteY774"/>
                </a:cxn>
                <a:cxn ang="0">
                  <a:pos x="connsiteX775" y="connsiteY775"/>
                </a:cxn>
                <a:cxn ang="0">
                  <a:pos x="connsiteX776" y="connsiteY776"/>
                </a:cxn>
                <a:cxn ang="0">
                  <a:pos x="connsiteX777" y="connsiteY777"/>
                </a:cxn>
                <a:cxn ang="0">
                  <a:pos x="connsiteX778" y="connsiteY778"/>
                </a:cxn>
                <a:cxn ang="0">
                  <a:pos x="connsiteX779" y="connsiteY779"/>
                </a:cxn>
                <a:cxn ang="0">
                  <a:pos x="connsiteX780" y="connsiteY780"/>
                </a:cxn>
                <a:cxn ang="0">
                  <a:pos x="connsiteX781" y="connsiteY781"/>
                </a:cxn>
                <a:cxn ang="0">
                  <a:pos x="connsiteX782" y="connsiteY782"/>
                </a:cxn>
                <a:cxn ang="0">
                  <a:pos x="connsiteX783" y="connsiteY783"/>
                </a:cxn>
                <a:cxn ang="0">
                  <a:pos x="connsiteX784" y="connsiteY784"/>
                </a:cxn>
                <a:cxn ang="0">
                  <a:pos x="connsiteX785" y="connsiteY785"/>
                </a:cxn>
                <a:cxn ang="0">
                  <a:pos x="connsiteX786" y="connsiteY786"/>
                </a:cxn>
                <a:cxn ang="0">
                  <a:pos x="connsiteX787" y="connsiteY787"/>
                </a:cxn>
                <a:cxn ang="0">
                  <a:pos x="connsiteX788" y="connsiteY788"/>
                </a:cxn>
                <a:cxn ang="0">
                  <a:pos x="connsiteX789" y="connsiteY789"/>
                </a:cxn>
                <a:cxn ang="0">
                  <a:pos x="connsiteX790" y="connsiteY790"/>
                </a:cxn>
                <a:cxn ang="0">
                  <a:pos x="connsiteX791" y="connsiteY791"/>
                </a:cxn>
                <a:cxn ang="0">
                  <a:pos x="connsiteX792" y="connsiteY792"/>
                </a:cxn>
                <a:cxn ang="0">
                  <a:pos x="connsiteX793" y="connsiteY793"/>
                </a:cxn>
                <a:cxn ang="0">
                  <a:pos x="connsiteX794" y="connsiteY794"/>
                </a:cxn>
                <a:cxn ang="0">
                  <a:pos x="connsiteX795" y="connsiteY795"/>
                </a:cxn>
                <a:cxn ang="0">
                  <a:pos x="connsiteX796" y="connsiteY796"/>
                </a:cxn>
                <a:cxn ang="0">
                  <a:pos x="connsiteX797" y="connsiteY797"/>
                </a:cxn>
                <a:cxn ang="0">
                  <a:pos x="connsiteX798" y="connsiteY798"/>
                </a:cxn>
                <a:cxn ang="0">
                  <a:pos x="connsiteX799" y="connsiteY799"/>
                </a:cxn>
                <a:cxn ang="0">
                  <a:pos x="connsiteX800" y="connsiteY800"/>
                </a:cxn>
                <a:cxn ang="0">
                  <a:pos x="connsiteX801" y="connsiteY801"/>
                </a:cxn>
                <a:cxn ang="0">
                  <a:pos x="connsiteX802" y="connsiteY802"/>
                </a:cxn>
                <a:cxn ang="0">
                  <a:pos x="connsiteX803" y="connsiteY803"/>
                </a:cxn>
                <a:cxn ang="0">
                  <a:pos x="connsiteX804" y="connsiteY804"/>
                </a:cxn>
                <a:cxn ang="0">
                  <a:pos x="connsiteX805" y="connsiteY805"/>
                </a:cxn>
                <a:cxn ang="0">
                  <a:pos x="connsiteX806" y="connsiteY806"/>
                </a:cxn>
                <a:cxn ang="0">
                  <a:pos x="connsiteX807" y="connsiteY807"/>
                </a:cxn>
                <a:cxn ang="0">
                  <a:pos x="connsiteX808" y="connsiteY808"/>
                </a:cxn>
                <a:cxn ang="0">
                  <a:pos x="connsiteX809" y="connsiteY809"/>
                </a:cxn>
                <a:cxn ang="0">
                  <a:pos x="connsiteX810" y="connsiteY810"/>
                </a:cxn>
                <a:cxn ang="0">
                  <a:pos x="connsiteX811" y="connsiteY811"/>
                </a:cxn>
                <a:cxn ang="0">
                  <a:pos x="connsiteX812" y="connsiteY812"/>
                </a:cxn>
                <a:cxn ang="0">
                  <a:pos x="connsiteX813" y="connsiteY813"/>
                </a:cxn>
                <a:cxn ang="0">
                  <a:pos x="connsiteX814" y="connsiteY814"/>
                </a:cxn>
                <a:cxn ang="0">
                  <a:pos x="connsiteX815" y="connsiteY815"/>
                </a:cxn>
                <a:cxn ang="0">
                  <a:pos x="connsiteX816" y="connsiteY816"/>
                </a:cxn>
                <a:cxn ang="0">
                  <a:pos x="connsiteX817" y="connsiteY817"/>
                </a:cxn>
                <a:cxn ang="0">
                  <a:pos x="connsiteX818" y="connsiteY818"/>
                </a:cxn>
                <a:cxn ang="0">
                  <a:pos x="connsiteX819" y="connsiteY819"/>
                </a:cxn>
                <a:cxn ang="0">
                  <a:pos x="connsiteX820" y="connsiteY820"/>
                </a:cxn>
                <a:cxn ang="0">
                  <a:pos x="connsiteX821" y="connsiteY821"/>
                </a:cxn>
                <a:cxn ang="0">
                  <a:pos x="connsiteX822" y="connsiteY822"/>
                </a:cxn>
                <a:cxn ang="0">
                  <a:pos x="connsiteX823" y="connsiteY823"/>
                </a:cxn>
                <a:cxn ang="0">
                  <a:pos x="connsiteX824" y="connsiteY824"/>
                </a:cxn>
                <a:cxn ang="0">
                  <a:pos x="connsiteX825" y="connsiteY825"/>
                </a:cxn>
                <a:cxn ang="0">
                  <a:pos x="connsiteX826" y="connsiteY826"/>
                </a:cxn>
                <a:cxn ang="0">
                  <a:pos x="connsiteX827" y="connsiteY827"/>
                </a:cxn>
                <a:cxn ang="0">
                  <a:pos x="connsiteX828" y="connsiteY828"/>
                </a:cxn>
                <a:cxn ang="0">
                  <a:pos x="connsiteX829" y="connsiteY829"/>
                </a:cxn>
                <a:cxn ang="0">
                  <a:pos x="connsiteX830" y="connsiteY830"/>
                </a:cxn>
                <a:cxn ang="0">
                  <a:pos x="connsiteX831" y="connsiteY831"/>
                </a:cxn>
                <a:cxn ang="0">
                  <a:pos x="connsiteX832" y="connsiteY832"/>
                </a:cxn>
                <a:cxn ang="0">
                  <a:pos x="connsiteX833" y="connsiteY833"/>
                </a:cxn>
                <a:cxn ang="0">
                  <a:pos x="connsiteX834" y="connsiteY834"/>
                </a:cxn>
                <a:cxn ang="0">
                  <a:pos x="connsiteX835" y="connsiteY835"/>
                </a:cxn>
                <a:cxn ang="0">
                  <a:pos x="connsiteX836" y="connsiteY836"/>
                </a:cxn>
                <a:cxn ang="0">
                  <a:pos x="connsiteX837" y="connsiteY837"/>
                </a:cxn>
                <a:cxn ang="0">
                  <a:pos x="connsiteX838" y="connsiteY838"/>
                </a:cxn>
                <a:cxn ang="0">
                  <a:pos x="connsiteX839" y="connsiteY839"/>
                </a:cxn>
                <a:cxn ang="0">
                  <a:pos x="connsiteX840" y="connsiteY840"/>
                </a:cxn>
                <a:cxn ang="0">
                  <a:pos x="connsiteX841" y="connsiteY841"/>
                </a:cxn>
                <a:cxn ang="0">
                  <a:pos x="connsiteX842" y="connsiteY842"/>
                </a:cxn>
                <a:cxn ang="0">
                  <a:pos x="connsiteX843" y="connsiteY843"/>
                </a:cxn>
                <a:cxn ang="0">
                  <a:pos x="connsiteX844" y="connsiteY844"/>
                </a:cxn>
                <a:cxn ang="0">
                  <a:pos x="connsiteX845" y="connsiteY845"/>
                </a:cxn>
                <a:cxn ang="0">
                  <a:pos x="connsiteX846" y="connsiteY846"/>
                </a:cxn>
                <a:cxn ang="0">
                  <a:pos x="connsiteX847" y="connsiteY847"/>
                </a:cxn>
                <a:cxn ang="0">
                  <a:pos x="connsiteX848" y="connsiteY848"/>
                </a:cxn>
                <a:cxn ang="0">
                  <a:pos x="connsiteX849" y="connsiteY849"/>
                </a:cxn>
                <a:cxn ang="0">
                  <a:pos x="connsiteX850" y="connsiteY850"/>
                </a:cxn>
                <a:cxn ang="0">
                  <a:pos x="connsiteX851" y="connsiteY851"/>
                </a:cxn>
                <a:cxn ang="0">
                  <a:pos x="connsiteX852" y="connsiteY852"/>
                </a:cxn>
                <a:cxn ang="0">
                  <a:pos x="connsiteX853" y="connsiteY853"/>
                </a:cxn>
                <a:cxn ang="0">
                  <a:pos x="connsiteX854" y="connsiteY854"/>
                </a:cxn>
                <a:cxn ang="0">
                  <a:pos x="connsiteX855" y="connsiteY855"/>
                </a:cxn>
                <a:cxn ang="0">
                  <a:pos x="connsiteX856" y="connsiteY856"/>
                </a:cxn>
                <a:cxn ang="0">
                  <a:pos x="connsiteX857" y="connsiteY857"/>
                </a:cxn>
                <a:cxn ang="0">
                  <a:pos x="connsiteX858" y="connsiteY858"/>
                </a:cxn>
                <a:cxn ang="0">
                  <a:pos x="connsiteX859" y="connsiteY859"/>
                </a:cxn>
                <a:cxn ang="0">
                  <a:pos x="connsiteX860" y="connsiteY860"/>
                </a:cxn>
                <a:cxn ang="0">
                  <a:pos x="connsiteX861" y="connsiteY861"/>
                </a:cxn>
                <a:cxn ang="0">
                  <a:pos x="connsiteX862" y="connsiteY862"/>
                </a:cxn>
                <a:cxn ang="0">
                  <a:pos x="connsiteX863" y="connsiteY863"/>
                </a:cxn>
                <a:cxn ang="0">
                  <a:pos x="connsiteX864" y="connsiteY864"/>
                </a:cxn>
                <a:cxn ang="0">
                  <a:pos x="connsiteX865" y="connsiteY865"/>
                </a:cxn>
                <a:cxn ang="0">
                  <a:pos x="connsiteX866" y="connsiteY866"/>
                </a:cxn>
                <a:cxn ang="0">
                  <a:pos x="connsiteX867" y="connsiteY867"/>
                </a:cxn>
                <a:cxn ang="0">
                  <a:pos x="connsiteX868" y="connsiteY868"/>
                </a:cxn>
                <a:cxn ang="0">
                  <a:pos x="connsiteX869" y="connsiteY869"/>
                </a:cxn>
                <a:cxn ang="0">
                  <a:pos x="connsiteX870" y="connsiteY870"/>
                </a:cxn>
                <a:cxn ang="0">
                  <a:pos x="connsiteX871" y="connsiteY871"/>
                </a:cxn>
                <a:cxn ang="0">
                  <a:pos x="connsiteX872" y="connsiteY872"/>
                </a:cxn>
                <a:cxn ang="0">
                  <a:pos x="connsiteX873" y="connsiteY873"/>
                </a:cxn>
                <a:cxn ang="0">
                  <a:pos x="connsiteX874" y="connsiteY874"/>
                </a:cxn>
                <a:cxn ang="0">
                  <a:pos x="connsiteX875" y="connsiteY875"/>
                </a:cxn>
                <a:cxn ang="0">
                  <a:pos x="connsiteX876" y="connsiteY876"/>
                </a:cxn>
                <a:cxn ang="0">
                  <a:pos x="connsiteX877" y="connsiteY877"/>
                </a:cxn>
                <a:cxn ang="0">
                  <a:pos x="connsiteX878" y="connsiteY878"/>
                </a:cxn>
                <a:cxn ang="0">
                  <a:pos x="connsiteX879" y="connsiteY879"/>
                </a:cxn>
                <a:cxn ang="0">
                  <a:pos x="connsiteX880" y="connsiteY880"/>
                </a:cxn>
                <a:cxn ang="0">
                  <a:pos x="connsiteX881" y="connsiteY881"/>
                </a:cxn>
                <a:cxn ang="0">
                  <a:pos x="connsiteX882" y="connsiteY882"/>
                </a:cxn>
                <a:cxn ang="0">
                  <a:pos x="connsiteX883" y="connsiteY883"/>
                </a:cxn>
                <a:cxn ang="0">
                  <a:pos x="connsiteX884" y="connsiteY884"/>
                </a:cxn>
                <a:cxn ang="0">
                  <a:pos x="connsiteX885" y="connsiteY885"/>
                </a:cxn>
                <a:cxn ang="0">
                  <a:pos x="connsiteX886" y="connsiteY886"/>
                </a:cxn>
                <a:cxn ang="0">
                  <a:pos x="connsiteX887" y="connsiteY887"/>
                </a:cxn>
                <a:cxn ang="0">
                  <a:pos x="connsiteX888" y="connsiteY888"/>
                </a:cxn>
                <a:cxn ang="0">
                  <a:pos x="connsiteX889" y="connsiteY889"/>
                </a:cxn>
                <a:cxn ang="0">
                  <a:pos x="connsiteX890" y="connsiteY890"/>
                </a:cxn>
                <a:cxn ang="0">
                  <a:pos x="connsiteX891" y="connsiteY891"/>
                </a:cxn>
                <a:cxn ang="0">
                  <a:pos x="connsiteX892" y="connsiteY892"/>
                </a:cxn>
                <a:cxn ang="0">
                  <a:pos x="connsiteX893" y="connsiteY893"/>
                </a:cxn>
                <a:cxn ang="0">
                  <a:pos x="connsiteX894" y="connsiteY894"/>
                </a:cxn>
                <a:cxn ang="0">
                  <a:pos x="connsiteX895" y="connsiteY895"/>
                </a:cxn>
                <a:cxn ang="0">
                  <a:pos x="connsiteX896" y="connsiteY896"/>
                </a:cxn>
                <a:cxn ang="0">
                  <a:pos x="connsiteX897" y="connsiteY897"/>
                </a:cxn>
                <a:cxn ang="0">
                  <a:pos x="connsiteX898" y="connsiteY898"/>
                </a:cxn>
                <a:cxn ang="0">
                  <a:pos x="connsiteX899" y="connsiteY899"/>
                </a:cxn>
                <a:cxn ang="0">
                  <a:pos x="connsiteX900" y="connsiteY900"/>
                </a:cxn>
                <a:cxn ang="0">
                  <a:pos x="connsiteX901" y="connsiteY901"/>
                </a:cxn>
                <a:cxn ang="0">
                  <a:pos x="connsiteX902" y="connsiteY902"/>
                </a:cxn>
              </a:cxnLst>
              <a:rect l="l" t="t" r="r" b="b"/>
              <a:pathLst>
                <a:path w="1057826" h="391607">
                  <a:moveTo>
                    <a:pt x="407763" y="329202"/>
                  </a:moveTo>
                  <a:cubicBezTo>
                    <a:pt x="407763" y="329202"/>
                    <a:pt x="407763" y="329202"/>
                    <a:pt x="412526" y="329202"/>
                  </a:cubicBezTo>
                  <a:cubicBezTo>
                    <a:pt x="417289" y="330934"/>
                    <a:pt x="417289" y="327470"/>
                    <a:pt x="420464" y="329202"/>
                  </a:cubicBezTo>
                  <a:cubicBezTo>
                    <a:pt x="422051" y="330934"/>
                    <a:pt x="425226" y="329202"/>
                    <a:pt x="425226" y="332666"/>
                  </a:cubicBezTo>
                  <a:cubicBezTo>
                    <a:pt x="426814" y="334397"/>
                    <a:pt x="426814" y="336129"/>
                    <a:pt x="429989" y="337861"/>
                  </a:cubicBezTo>
                  <a:cubicBezTo>
                    <a:pt x="431576" y="337861"/>
                    <a:pt x="431576" y="337861"/>
                    <a:pt x="433164" y="341325"/>
                  </a:cubicBezTo>
                  <a:cubicBezTo>
                    <a:pt x="433164" y="343056"/>
                    <a:pt x="431576" y="343056"/>
                    <a:pt x="429989" y="344788"/>
                  </a:cubicBezTo>
                  <a:cubicBezTo>
                    <a:pt x="429989" y="344788"/>
                    <a:pt x="426814" y="346520"/>
                    <a:pt x="423639" y="346520"/>
                  </a:cubicBezTo>
                  <a:cubicBezTo>
                    <a:pt x="422051" y="344788"/>
                    <a:pt x="422051" y="344788"/>
                    <a:pt x="420464" y="344788"/>
                  </a:cubicBezTo>
                  <a:cubicBezTo>
                    <a:pt x="417289" y="343056"/>
                    <a:pt x="417289" y="341325"/>
                    <a:pt x="415701" y="341325"/>
                  </a:cubicBezTo>
                  <a:cubicBezTo>
                    <a:pt x="410938" y="339593"/>
                    <a:pt x="409351" y="339593"/>
                    <a:pt x="407763" y="339593"/>
                  </a:cubicBezTo>
                  <a:cubicBezTo>
                    <a:pt x="406176" y="341325"/>
                    <a:pt x="404588" y="343056"/>
                    <a:pt x="403001" y="337861"/>
                  </a:cubicBezTo>
                  <a:cubicBezTo>
                    <a:pt x="401413" y="332666"/>
                    <a:pt x="399826" y="330934"/>
                    <a:pt x="403001" y="330934"/>
                  </a:cubicBezTo>
                  <a:cubicBezTo>
                    <a:pt x="404588" y="329202"/>
                    <a:pt x="406176" y="329202"/>
                    <a:pt x="407763" y="329202"/>
                  </a:cubicBezTo>
                  <a:close/>
                  <a:moveTo>
                    <a:pt x="498251" y="324295"/>
                  </a:moveTo>
                  <a:lnTo>
                    <a:pt x="498252" y="324295"/>
                  </a:lnTo>
                  <a:lnTo>
                    <a:pt x="499839" y="324295"/>
                  </a:lnTo>
                  <a:lnTo>
                    <a:pt x="503014" y="324295"/>
                  </a:lnTo>
                  <a:cubicBezTo>
                    <a:pt x="507777" y="324295"/>
                    <a:pt x="504602" y="325982"/>
                    <a:pt x="506189" y="331042"/>
                  </a:cubicBezTo>
                  <a:cubicBezTo>
                    <a:pt x="506189" y="331042"/>
                    <a:pt x="506189" y="332729"/>
                    <a:pt x="504602" y="334416"/>
                  </a:cubicBezTo>
                  <a:cubicBezTo>
                    <a:pt x="504602" y="336102"/>
                    <a:pt x="501427" y="337789"/>
                    <a:pt x="501427" y="337789"/>
                  </a:cubicBezTo>
                  <a:cubicBezTo>
                    <a:pt x="499839" y="339476"/>
                    <a:pt x="498252" y="341163"/>
                    <a:pt x="495077" y="344536"/>
                  </a:cubicBezTo>
                  <a:cubicBezTo>
                    <a:pt x="493489" y="346223"/>
                    <a:pt x="493489" y="344536"/>
                    <a:pt x="490314" y="344536"/>
                  </a:cubicBezTo>
                  <a:cubicBezTo>
                    <a:pt x="487139" y="342849"/>
                    <a:pt x="485551" y="346223"/>
                    <a:pt x="483964" y="347910"/>
                  </a:cubicBezTo>
                  <a:cubicBezTo>
                    <a:pt x="480789" y="349596"/>
                    <a:pt x="480789" y="351283"/>
                    <a:pt x="479201" y="349596"/>
                  </a:cubicBezTo>
                  <a:cubicBezTo>
                    <a:pt x="479201" y="347910"/>
                    <a:pt x="479201" y="346223"/>
                    <a:pt x="477614" y="341163"/>
                  </a:cubicBezTo>
                  <a:cubicBezTo>
                    <a:pt x="477614" y="336102"/>
                    <a:pt x="479201" y="339476"/>
                    <a:pt x="480789" y="336102"/>
                  </a:cubicBezTo>
                  <a:cubicBezTo>
                    <a:pt x="482376" y="334416"/>
                    <a:pt x="483964" y="332729"/>
                    <a:pt x="485551" y="331042"/>
                  </a:cubicBezTo>
                  <a:cubicBezTo>
                    <a:pt x="488726" y="327669"/>
                    <a:pt x="488726" y="329355"/>
                    <a:pt x="490314" y="327669"/>
                  </a:cubicBezTo>
                  <a:lnTo>
                    <a:pt x="498251" y="324296"/>
                  </a:lnTo>
                  <a:close/>
                  <a:moveTo>
                    <a:pt x="370152" y="313182"/>
                  </a:moveTo>
                  <a:cubicBezTo>
                    <a:pt x="370152" y="313182"/>
                    <a:pt x="373571" y="313182"/>
                    <a:pt x="375281" y="313182"/>
                  </a:cubicBezTo>
                  <a:cubicBezTo>
                    <a:pt x="376991" y="313182"/>
                    <a:pt x="376991" y="314770"/>
                    <a:pt x="382120" y="317945"/>
                  </a:cubicBezTo>
                  <a:cubicBezTo>
                    <a:pt x="382120" y="317945"/>
                    <a:pt x="385539" y="319532"/>
                    <a:pt x="382120" y="322707"/>
                  </a:cubicBezTo>
                  <a:cubicBezTo>
                    <a:pt x="380410" y="324295"/>
                    <a:pt x="376991" y="325882"/>
                    <a:pt x="375281" y="327470"/>
                  </a:cubicBezTo>
                  <a:cubicBezTo>
                    <a:pt x="371862" y="329057"/>
                    <a:pt x="371862" y="327470"/>
                    <a:pt x="368443" y="325882"/>
                  </a:cubicBezTo>
                  <a:cubicBezTo>
                    <a:pt x="366733" y="325882"/>
                    <a:pt x="365023" y="324295"/>
                    <a:pt x="365023" y="321120"/>
                  </a:cubicBezTo>
                  <a:cubicBezTo>
                    <a:pt x="363314" y="319532"/>
                    <a:pt x="365023" y="316357"/>
                    <a:pt x="365023" y="314770"/>
                  </a:cubicBezTo>
                  <a:cubicBezTo>
                    <a:pt x="366733" y="313182"/>
                    <a:pt x="370152" y="313182"/>
                    <a:pt x="370152" y="313182"/>
                  </a:cubicBezTo>
                  <a:close/>
                  <a:moveTo>
                    <a:pt x="352201" y="311595"/>
                  </a:moveTo>
                  <a:cubicBezTo>
                    <a:pt x="356964" y="311595"/>
                    <a:pt x="360139" y="311595"/>
                    <a:pt x="361726" y="311595"/>
                  </a:cubicBezTo>
                  <a:cubicBezTo>
                    <a:pt x="363314" y="316358"/>
                    <a:pt x="360139" y="317945"/>
                    <a:pt x="360139" y="319533"/>
                  </a:cubicBezTo>
                  <a:cubicBezTo>
                    <a:pt x="358551" y="322708"/>
                    <a:pt x="360139" y="321121"/>
                    <a:pt x="358551" y="322708"/>
                  </a:cubicBezTo>
                  <a:cubicBezTo>
                    <a:pt x="356964" y="322708"/>
                    <a:pt x="352201" y="322708"/>
                    <a:pt x="352201" y="322708"/>
                  </a:cubicBezTo>
                  <a:cubicBezTo>
                    <a:pt x="352201" y="322708"/>
                    <a:pt x="352201" y="322708"/>
                    <a:pt x="350613" y="321121"/>
                  </a:cubicBezTo>
                  <a:cubicBezTo>
                    <a:pt x="349026" y="319533"/>
                    <a:pt x="349026" y="319533"/>
                    <a:pt x="349026" y="317945"/>
                  </a:cubicBezTo>
                  <a:cubicBezTo>
                    <a:pt x="350613" y="314770"/>
                    <a:pt x="350613" y="311595"/>
                    <a:pt x="352201" y="311595"/>
                  </a:cubicBezTo>
                  <a:close/>
                  <a:moveTo>
                    <a:pt x="536057" y="311595"/>
                  </a:moveTo>
                  <a:cubicBezTo>
                    <a:pt x="540996" y="311595"/>
                    <a:pt x="544289" y="310007"/>
                    <a:pt x="544289" y="313182"/>
                  </a:cubicBezTo>
                  <a:cubicBezTo>
                    <a:pt x="542642" y="314770"/>
                    <a:pt x="542642" y="314770"/>
                    <a:pt x="540996" y="316357"/>
                  </a:cubicBezTo>
                  <a:cubicBezTo>
                    <a:pt x="539350" y="317945"/>
                    <a:pt x="537704" y="317945"/>
                    <a:pt x="534411" y="319532"/>
                  </a:cubicBezTo>
                  <a:cubicBezTo>
                    <a:pt x="531118" y="321120"/>
                    <a:pt x="532765" y="317945"/>
                    <a:pt x="526179" y="322707"/>
                  </a:cubicBezTo>
                  <a:cubicBezTo>
                    <a:pt x="521241" y="327470"/>
                    <a:pt x="511363" y="327470"/>
                    <a:pt x="508070" y="329057"/>
                  </a:cubicBezTo>
                  <a:cubicBezTo>
                    <a:pt x="506424" y="329057"/>
                    <a:pt x="508070" y="324295"/>
                    <a:pt x="506424" y="324295"/>
                  </a:cubicBezTo>
                  <a:cubicBezTo>
                    <a:pt x="504778" y="322707"/>
                    <a:pt x="503131" y="321120"/>
                    <a:pt x="501485" y="322707"/>
                  </a:cubicBezTo>
                  <a:cubicBezTo>
                    <a:pt x="499839" y="322707"/>
                    <a:pt x="499839" y="319532"/>
                    <a:pt x="503131" y="319532"/>
                  </a:cubicBezTo>
                  <a:cubicBezTo>
                    <a:pt x="504778" y="317945"/>
                    <a:pt x="504778" y="314770"/>
                    <a:pt x="506424" y="316357"/>
                  </a:cubicBezTo>
                  <a:cubicBezTo>
                    <a:pt x="509717" y="316357"/>
                    <a:pt x="511363" y="314770"/>
                    <a:pt x="513009" y="314770"/>
                  </a:cubicBezTo>
                  <a:cubicBezTo>
                    <a:pt x="514655" y="314770"/>
                    <a:pt x="519594" y="313182"/>
                    <a:pt x="519594" y="313182"/>
                  </a:cubicBezTo>
                  <a:cubicBezTo>
                    <a:pt x="519594" y="313182"/>
                    <a:pt x="522887" y="313182"/>
                    <a:pt x="524533" y="313182"/>
                  </a:cubicBezTo>
                  <a:cubicBezTo>
                    <a:pt x="526179" y="313182"/>
                    <a:pt x="536057" y="311595"/>
                    <a:pt x="536057" y="311595"/>
                  </a:cubicBezTo>
                  <a:close/>
                  <a:moveTo>
                    <a:pt x="424092" y="311595"/>
                  </a:moveTo>
                  <a:cubicBezTo>
                    <a:pt x="425737" y="310007"/>
                    <a:pt x="427381" y="311595"/>
                    <a:pt x="430669" y="311595"/>
                  </a:cubicBezTo>
                  <a:cubicBezTo>
                    <a:pt x="432314" y="310007"/>
                    <a:pt x="432314" y="311595"/>
                    <a:pt x="435602" y="311595"/>
                  </a:cubicBezTo>
                  <a:cubicBezTo>
                    <a:pt x="440535" y="310007"/>
                    <a:pt x="438890" y="311595"/>
                    <a:pt x="438890" y="313182"/>
                  </a:cubicBezTo>
                  <a:cubicBezTo>
                    <a:pt x="440535" y="314770"/>
                    <a:pt x="442179" y="316357"/>
                    <a:pt x="445467" y="314770"/>
                  </a:cubicBezTo>
                  <a:cubicBezTo>
                    <a:pt x="448756" y="314770"/>
                    <a:pt x="447111" y="316357"/>
                    <a:pt x="448756" y="314770"/>
                  </a:cubicBezTo>
                  <a:cubicBezTo>
                    <a:pt x="452044" y="313182"/>
                    <a:pt x="452044" y="313182"/>
                    <a:pt x="455333" y="313182"/>
                  </a:cubicBezTo>
                  <a:cubicBezTo>
                    <a:pt x="456977" y="313182"/>
                    <a:pt x="456977" y="313182"/>
                    <a:pt x="455333" y="317945"/>
                  </a:cubicBezTo>
                  <a:cubicBezTo>
                    <a:pt x="453688" y="319532"/>
                    <a:pt x="450400" y="319532"/>
                    <a:pt x="445467" y="319532"/>
                  </a:cubicBezTo>
                  <a:cubicBezTo>
                    <a:pt x="445467" y="319532"/>
                    <a:pt x="437246" y="321120"/>
                    <a:pt x="435602" y="322707"/>
                  </a:cubicBezTo>
                  <a:cubicBezTo>
                    <a:pt x="432314" y="322707"/>
                    <a:pt x="429025" y="321120"/>
                    <a:pt x="429025" y="321120"/>
                  </a:cubicBezTo>
                  <a:cubicBezTo>
                    <a:pt x="427381" y="321120"/>
                    <a:pt x="422448" y="321120"/>
                    <a:pt x="420804" y="319532"/>
                  </a:cubicBezTo>
                  <a:cubicBezTo>
                    <a:pt x="417516" y="317945"/>
                    <a:pt x="410939" y="314770"/>
                    <a:pt x="412583" y="316357"/>
                  </a:cubicBezTo>
                  <a:cubicBezTo>
                    <a:pt x="415871" y="317945"/>
                    <a:pt x="419160" y="313182"/>
                    <a:pt x="419160" y="313182"/>
                  </a:cubicBezTo>
                  <a:cubicBezTo>
                    <a:pt x="419160" y="313182"/>
                    <a:pt x="422448" y="313182"/>
                    <a:pt x="424092" y="311595"/>
                  </a:cubicBezTo>
                  <a:close/>
                  <a:moveTo>
                    <a:pt x="379188" y="310008"/>
                  </a:moveTo>
                  <a:cubicBezTo>
                    <a:pt x="382363" y="308420"/>
                    <a:pt x="388713" y="308420"/>
                    <a:pt x="393476" y="311595"/>
                  </a:cubicBezTo>
                  <a:cubicBezTo>
                    <a:pt x="393476" y="313183"/>
                    <a:pt x="398239" y="311595"/>
                    <a:pt x="403001" y="313183"/>
                  </a:cubicBezTo>
                  <a:cubicBezTo>
                    <a:pt x="403001" y="313183"/>
                    <a:pt x="404589" y="316358"/>
                    <a:pt x="404589" y="317945"/>
                  </a:cubicBezTo>
                  <a:cubicBezTo>
                    <a:pt x="404589" y="319533"/>
                    <a:pt x="403001" y="321121"/>
                    <a:pt x="401414" y="321121"/>
                  </a:cubicBezTo>
                  <a:cubicBezTo>
                    <a:pt x="399826" y="321121"/>
                    <a:pt x="398239" y="322708"/>
                    <a:pt x="396651" y="322708"/>
                  </a:cubicBezTo>
                  <a:cubicBezTo>
                    <a:pt x="395064" y="322708"/>
                    <a:pt x="391889" y="321121"/>
                    <a:pt x="390301" y="319533"/>
                  </a:cubicBezTo>
                  <a:cubicBezTo>
                    <a:pt x="388713" y="317945"/>
                    <a:pt x="388713" y="319533"/>
                    <a:pt x="388713" y="314770"/>
                  </a:cubicBezTo>
                  <a:cubicBezTo>
                    <a:pt x="387126" y="311595"/>
                    <a:pt x="377601" y="311595"/>
                    <a:pt x="379188" y="310008"/>
                  </a:cubicBezTo>
                  <a:close/>
                  <a:moveTo>
                    <a:pt x="466501" y="310007"/>
                  </a:moveTo>
                  <a:cubicBezTo>
                    <a:pt x="469676" y="306832"/>
                    <a:pt x="471264" y="308420"/>
                    <a:pt x="472851" y="310007"/>
                  </a:cubicBezTo>
                  <a:cubicBezTo>
                    <a:pt x="474439" y="313182"/>
                    <a:pt x="471264" y="316358"/>
                    <a:pt x="471264" y="316358"/>
                  </a:cubicBezTo>
                  <a:cubicBezTo>
                    <a:pt x="469676" y="316358"/>
                    <a:pt x="466501" y="314770"/>
                    <a:pt x="466501" y="314770"/>
                  </a:cubicBezTo>
                  <a:cubicBezTo>
                    <a:pt x="466501" y="314770"/>
                    <a:pt x="466501" y="314770"/>
                    <a:pt x="463326" y="317945"/>
                  </a:cubicBezTo>
                  <a:cubicBezTo>
                    <a:pt x="463326" y="317945"/>
                    <a:pt x="461738" y="317945"/>
                    <a:pt x="458563" y="317945"/>
                  </a:cubicBezTo>
                  <a:cubicBezTo>
                    <a:pt x="456976" y="317945"/>
                    <a:pt x="461738" y="316358"/>
                    <a:pt x="461738" y="316358"/>
                  </a:cubicBezTo>
                  <a:cubicBezTo>
                    <a:pt x="461738" y="316358"/>
                    <a:pt x="463326" y="314770"/>
                    <a:pt x="463326" y="313182"/>
                  </a:cubicBezTo>
                  <a:cubicBezTo>
                    <a:pt x="463326" y="311595"/>
                    <a:pt x="464913" y="311595"/>
                    <a:pt x="466501" y="310007"/>
                  </a:cubicBezTo>
                  <a:close/>
                  <a:moveTo>
                    <a:pt x="496664" y="308420"/>
                  </a:moveTo>
                  <a:cubicBezTo>
                    <a:pt x="498251" y="306832"/>
                    <a:pt x="501426" y="308420"/>
                    <a:pt x="501426" y="308420"/>
                  </a:cubicBezTo>
                  <a:cubicBezTo>
                    <a:pt x="501426" y="308420"/>
                    <a:pt x="504601" y="310007"/>
                    <a:pt x="504601" y="310007"/>
                  </a:cubicBezTo>
                  <a:cubicBezTo>
                    <a:pt x="506189" y="311595"/>
                    <a:pt x="504601" y="310007"/>
                    <a:pt x="503014" y="314770"/>
                  </a:cubicBezTo>
                  <a:cubicBezTo>
                    <a:pt x="499839" y="316357"/>
                    <a:pt x="501426" y="314770"/>
                    <a:pt x="496664" y="314770"/>
                  </a:cubicBezTo>
                  <a:cubicBezTo>
                    <a:pt x="496664" y="314770"/>
                    <a:pt x="496664" y="316357"/>
                    <a:pt x="490314" y="316357"/>
                  </a:cubicBezTo>
                  <a:cubicBezTo>
                    <a:pt x="488726" y="316357"/>
                    <a:pt x="488726" y="314770"/>
                    <a:pt x="483964" y="314770"/>
                  </a:cubicBezTo>
                  <a:cubicBezTo>
                    <a:pt x="482376" y="313182"/>
                    <a:pt x="483964" y="314770"/>
                    <a:pt x="480789" y="314770"/>
                  </a:cubicBezTo>
                  <a:cubicBezTo>
                    <a:pt x="477614" y="316357"/>
                    <a:pt x="477614" y="314770"/>
                    <a:pt x="476026" y="313182"/>
                  </a:cubicBezTo>
                  <a:cubicBezTo>
                    <a:pt x="474439" y="313182"/>
                    <a:pt x="476026" y="313182"/>
                    <a:pt x="479201" y="311595"/>
                  </a:cubicBezTo>
                  <a:cubicBezTo>
                    <a:pt x="480789" y="310007"/>
                    <a:pt x="482376" y="311595"/>
                    <a:pt x="483964" y="311595"/>
                  </a:cubicBezTo>
                  <a:cubicBezTo>
                    <a:pt x="485551" y="311595"/>
                    <a:pt x="490314" y="313182"/>
                    <a:pt x="490314" y="313182"/>
                  </a:cubicBezTo>
                  <a:cubicBezTo>
                    <a:pt x="490314" y="313182"/>
                    <a:pt x="490314" y="313182"/>
                    <a:pt x="493489" y="310007"/>
                  </a:cubicBezTo>
                  <a:cubicBezTo>
                    <a:pt x="493489" y="310007"/>
                    <a:pt x="495076" y="310007"/>
                    <a:pt x="496664" y="308420"/>
                  </a:cubicBezTo>
                  <a:close/>
                  <a:moveTo>
                    <a:pt x="331563" y="308420"/>
                  </a:moveTo>
                  <a:cubicBezTo>
                    <a:pt x="333151" y="306832"/>
                    <a:pt x="333151" y="310007"/>
                    <a:pt x="337913" y="308420"/>
                  </a:cubicBezTo>
                  <a:cubicBezTo>
                    <a:pt x="337913" y="308420"/>
                    <a:pt x="341089" y="310007"/>
                    <a:pt x="345851" y="311595"/>
                  </a:cubicBezTo>
                  <a:cubicBezTo>
                    <a:pt x="347439" y="313182"/>
                    <a:pt x="345851" y="313182"/>
                    <a:pt x="341089" y="317945"/>
                  </a:cubicBezTo>
                  <a:cubicBezTo>
                    <a:pt x="339501" y="319532"/>
                    <a:pt x="341089" y="319532"/>
                    <a:pt x="339501" y="321120"/>
                  </a:cubicBezTo>
                  <a:cubicBezTo>
                    <a:pt x="337913" y="322707"/>
                    <a:pt x="336326" y="322707"/>
                    <a:pt x="333151" y="317945"/>
                  </a:cubicBezTo>
                  <a:cubicBezTo>
                    <a:pt x="331563" y="316357"/>
                    <a:pt x="329976" y="317945"/>
                    <a:pt x="329976" y="314770"/>
                  </a:cubicBezTo>
                  <a:cubicBezTo>
                    <a:pt x="329976" y="313182"/>
                    <a:pt x="329976" y="313182"/>
                    <a:pt x="331563" y="308420"/>
                  </a:cubicBezTo>
                  <a:close/>
                  <a:moveTo>
                    <a:pt x="523651" y="298895"/>
                  </a:moveTo>
                  <a:cubicBezTo>
                    <a:pt x="526826" y="298895"/>
                    <a:pt x="534764" y="297307"/>
                    <a:pt x="536351" y="300482"/>
                  </a:cubicBezTo>
                  <a:cubicBezTo>
                    <a:pt x="537939" y="303657"/>
                    <a:pt x="537939" y="303657"/>
                    <a:pt x="531589" y="305245"/>
                  </a:cubicBezTo>
                  <a:cubicBezTo>
                    <a:pt x="525238" y="306833"/>
                    <a:pt x="520476" y="303657"/>
                    <a:pt x="518888" y="306833"/>
                  </a:cubicBezTo>
                  <a:cubicBezTo>
                    <a:pt x="517301" y="308420"/>
                    <a:pt x="520476" y="298895"/>
                    <a:pt x="523651" y="298895"/>
                  </a:cubicBezTo>
                  <a:close/>
                  <a:moveTo>
                    <a:pt x="202023" y="270320"/>
                  </a:moveTo>
                  <a:cubicBezTo>
                    <a:pt x="202023" y="270320"/>
                    <a:pt x="205265" y="275083"/>
                    <a:pt x="205265" y="275083"/>
                  </a:cubicBezTo>
                  <a:cubicBezTo>
                    <a:pt x="205265" y="275083"/>
                    <a:pt x="208507" y="275083"/>
                    <a:pt x="211749" y="276670"/>
                  </a:cubicBezTo>
                  <a:cubicBezTo>
                    <a:pt x="211749" y="276670"/>
                    <a:pt x="211749" y="276670"/>
                    <a:pt x="218233" y="278258"/>
                  </a:cubicBezTo>
                  <a:cubicBezTo>
                    <a:pt x="219854" y="276670"/>
                    <a:pt x="221474" y="278258"/>
                    <a:pt x="224716" y="281433"/>
                  </a:cubicBezTo>
                  <a:cubicBezTo>
                    <a:pt x="224716" y="283020"/>
                    <a:pt x="226337" y="284608"/>
                    <a:pt x="226337" y="286195"/>
                  </a:cubicBezTo>
                  <a:cubicBezTo>
                    <a:pt x="226337" y="287783"/>
                    <a:pt x="229579" y="287783"/>
                    <a:pt x="231200" y="287783"/>
                  </a:cubicBezTo>
                  <a:cubicBezTo>
                    <a:pt x="232821" y="286195"/>
                    <a:pt x="239305" y="287783"/>
                    <a:pt x="242547" y="286195"/>
                  </a:cubicBezTo>
                  <a:cubicBezTo>
                    <a:pt x="247409" y="283020"/>
                    <a:pt x="242547" y="286195"/>
                    <a:pt x="245788" y="286195"/>
                  </a:cubicBezTo>
                  <a:cubicBezTo>
                    <a:pt x="247409" y="287783"/>
                    <a:pt x="247409" y="286195"/>
                    <a:pt x="252272" y="289370"/>
                  </a:cubicBezTo>
                  <a:cubicBezTo>
                    <a:pt x="252272" y="289370"/>
                    <a:pt x="255514" y="289370"/>
                    <a:pt x="255514" y="289370"/>
                  </a:cubicBezTo>
                  <a:cubicBezTo>
                    <a:pt x="255514" y="289370"/>
                    <a:pt x="258756" y="289370"/>
                    <a:pt x="258756" y="284608"/>
                  </a:cubicBezTo>
                  <a:cubicBezTo>
                    <a:pt x="258756" y="281433"/>
                    <a:pt x="260377" y="283020"/>
                    <a:pt x="260377" y="283020"/>
                  </a:cubicBezTo>
                  <a:cubicBezTo>
                    <a:pt x="260377" y="283020"/>
                    <a:pt x="260377" y="283020"/>
                    <a:pt x="261998" y="281433"/>
                  </a:cubicBezTo>
                  <a:cubicBezTo>
                    <a:pt x="263619" y="278258"/>
                    <a:pt x="265239" y="283020"/>
                    <a:pt x="266860" y="281433"/>
                  </a:cubicBezTo>
                  <a:cubicBezTo>
                    <a:pt x="268481" y="281433"/>
                    <a:pt x="268481" y="281433"/>
                    <a:pt x="270102" y="281433"/>
                  </a:cubicBezTo>
                  <a:cubicBezTo>
                    <a:pt x="271723" y="281433"/>
                    <a:pt x="276586" y="286195"/>
                    <a:pt x="276586" y="286195"/>
                  </a:cubicBezTo>
                  <a:cubicBezTo>
                    <a:pt x="276586" y="286195"/>
                    <a:pt x="279828" y="286195"/>
                    <a:pt x="281449" y="286195"/>
                  </a:cubicBezTo>
                  <a:cubicBezTo>
                    <a:pt x="283070" y="286195"/>
                    <a:pt x="284691" y="286195"/>
                    <a:pt x="289553" y="289370"/>
                  </a:cubicBezTo>
                  <a:cubicBezTo>
                    <a:pt x="289553" y="289370"/>
                    <a:pt x="291174" y="289370"/>
                    <a:pt x="292795" y="289370"/>
                  </a:cubicBezTo>
                  <a:cubicBezTo>
                    <a:pt x="294416" y="289370"/>
                    <a:pt x="296037" y="289370"/>
                    <a:pt x="297658" y="287783"/>
                  </a:cubicBezTo>
                  <a:cubicBezTo>
                    <a:pt x="299279" y="286195"/>
                    <a:pt x="299279" y="287783"/>
                    <a:pt x="302521" y="287783"/>
                  </a:cubicBezTo>
                  <a:cubicBezTo>
                    <a:pt x="305763" y="287783"/>
                    <a:pt x="305763" y="289370"/>
                    <a:pt x="307384" y="289370"/>
                  </a:cubicBezTo>
                  <a:cubicBezTo>
                    <a:pt x="307384" y="289370"/>
                    <a:pt x="313867" y="289370"/>
                    <a:pt x="315488" y="287783"/>
                  </a:cubicBezTo>
                  <a:cubicBezTo>
                    <a:pt x="317109" y="287783"/>
                    <a:pt x="318730" y="289370"/>
                    <a:pt x="318730" y="289370"/>
                  </a:cubicBezTo>
                  <a:cubicBezTo>
                    <a:pt x="318730" y="289370"/>
                    <a:pt x="317109" y="290958"/>
                    <a:pt x="315488" y="292545"/>
                  </a:cubicBezTo>
                  <a:cubicBezTo>
                    <a:pt x="315488" y="292545"/>
                    <a:pt x="313867" y="292545"/>
                    <a:pt x="312246" y="292545"/>
                  </a:cubicBezTo>
                  <a:cubicBezTo>
                    <a:pt x="310625" y="294133"/>
                    <a:pt x="310625" y="294133"/>
                    <a:pt x="300900" y="294133"/>
                  </a:cubicBezTo>
                  <a:cubicBezTo>
                    <a:pt x="291174" y="292545"/>
                    <a:pt x="299279" y="294133"/>
                    <a:pt x="297658" y="295720"/>
                  </a:cubicBezTo>
                  <a:cubicBezTo>
                    <a:pt x="296037" y="297308"/>
                    <a:pt x="297658" y="298895"/>
                    <a:pt x="297658" y="298895"/>
                  </a:cubicBezTo>
                  <a:cubicBezTo>
                    <a:pt x="297658" y="298895"/>
                    <a:pt x="300900" y="300483"/>
                    <a:pt x="305763" y="303658"/>
                  </a:cubicBezTo>
                  <a:cubicBezTo>
                    <a:pt x="305763" y="303658"/>
                    <a:pt x="310625" y="300483"/>
                    <a:pt x="312246" y="300483"/>
                  </a:cubicBezTo>
                  <a:cubicBezTo>
                    <a:pt x="313867" y="298895"/>
                    <a:pt x="315488" y="300483"/>
                    <a:pt x="315488" y="300483"/>
                  </a:cubicBezTo>
                  <a:cubicBezTo>
                    <a:pt x="315488" y="300483"/>
                    <a:pt x="318730" y="302070"/>
                    <a:pt x="320351" y="302070"/>
                  </a:cubicBezTo>
                  <a:cubicBezTo>
                    <a:pt x="320351" y="300483"/>
                    <a:pt x="325214" y="303658"/>
                    <a:pt x="325214" y="303658"/>
                  </a:cubicBezTo>
                  <a:cubicBezTo>
                    <a:pt x="325214" y="303658"/>
                    <a:pt x="325214" y="308421"/>
                    <a:pt x="325214" y="310008"/>
                  </a:cubicBezTo>
                  <a:cubicBezTo>
                    <a:pt x="325214" y="311596"/>
                    <a:pt x="325214" y="313183"/>
                    <a:pt x="325214" y="313183"/>
                  </a:cubicBezTo>
                  <a:cubicBezTo>
                    <a:pt x="325214" y="313183"/>
                    <a:pt x="325214" y="316358"/>
                    <a:pt x="320351" y="316358"/>
                  </a:cubicBezTo>
                  <a:cubicBezTo>
                    <a:pt x="320351" y="316358"/>
                    <a:pt x="318730" y="316358"/>
                    <a:pt x="315488" y="314771"/>
                  </a:cubicBezTo>
                  <a:cubicBezTo>
                    <a:pt x="312246" y="314771"/>
                    <a:pt x="310625" y="314771"/>
                    <a:pt x="305763" y="311596"/>
                  </a:cubicBezTo>
                  <a:cubicBezTo>
                    <a:pt x="305763" y="311596"/>
                    <a:pt x="305763" y="311596"/>
                    <a:pt x="297658" y="313183"/>
                  </a:cubicBezTo>
                  <a:cubicBezTo>
                    <a:pt x="297658" y="310008"/>
                    <a:pt x="291174" y="313183"/>
                    <a:pt x="289553" y="311596"/>
                  </a:cubicBezTo>
                  <a:cubicBezTo>
                    <a:pt x="286312" y="311596"/>
                    <a:pt x="289553" y="311596"/>
                    <a:pt x="284691" y="311596"/>
                  </a:cubicBezTo>
                  <a:cubicBezTo>
                    <a:pt x="281449" y="311596"/>
                    <a:pt x="281449" y="313183"/>
                    <a:pt x="279828" y="311596"/>
                  </a:cubicBezTo>
                  <a:cubicBezTo>
                    <a:pt x="278207" y="311596"/>
                    <a:pt x="273344" y="313183"/>
                    <a:pt x="271723" y="311596"/>
                  </a:cubicBezTo>
                  <a:cubicBezTo>
                    <a:pt x="271723" y="310008"/>
                    <a:pt x="268481" y="311596"/>
                    <a:pt x="266860" y="311596"/>
                  </a:cubicBezTo>
                  <a:cubicBezTo>
                    <a:pt x="265239" y="310008"/>
                    <a:pt x="260377" y="310008"/>
                    <a:pt x="258756" y="310008"/>
                  </a:cubicBezTo>
                  <a:cubicBezTo>
                    <a:pt x="258756" y="308421"/>
                    <a:pt x="253893" y="308421"/>
                    <a:pt x="253893" y="308421"/>
                  </a:cubicBezTo>
                  <a:cubicBezTo>
                    <a:pt x="252272" y="306833"/>
                    <a:pt x="247409" y="306833"/>
                    <a:pt x="247409" y="305246"/>
                  </a:cubicBezTo>
                  <a:cubicBezTo>
                    <a:pt x="247409" y="305246"/>
                    <a:pt x="245788" y="305246"/>
                    <a:pt x="244167" y="303658"/>
                  </a:cubicBezTo>
                  <a:cubicBezTo>
                    <a:pt x="244167" y="302070"/>
                    <a:pt x="240926" y="303658"/>
                    <a:pt x="239305" y="302070"/>
                  </a:cubicBezTo>
                  <a:cubicBezTo>
                    <a:pt x="239305" y="300483"/>
                    <a:pt x="237684" y="302070"/>
                    <a:pt x="232821" y="302070"/>
                  </a:cubicBezTo>
                  <a:cubicBezTo>
                    <a:pt x="227958" y="302070"/>
                    <a:pt x="231200" y="303658"/>
                    <a:pt x="226337" y="303658"/>
                  </a:cubicBezTo>
                  <a:cubicBezTo>
                    <a:pt x="224716" y="303658"/>
                    <a:pt x="216612" y="303658"/>
                    <a:pt x="216612" y="303658"/>
                  </a:cubicBezTo>
                  <a:cubicBezTo>
                    <a:pt x="216612" y="303658"/>
                    <a:pt x="216612" y="303658"/>
                    <a:pt x="211749" y="300483"/>
                  </a:cubicBezTo>
                  <a:cubicBezTo>
                    <a:pt x="211749" y="300483"/>
                    <a:pt x="211749" y="300483"/>
                    <a:pt x="203644" y="297308"/>
                  </a:cubicBezTo>
                  <a:cubicBezTo>
                    <a:pt x="203644" y="297308"/>
                    <a:pt x="203644" y="297308"/>
                    <a:pt x="198781" y="297308"/>
                  </a:cubicBezTo>
                  <a:cubicBezTo>
                    <a:pt x="198781" y="297308"/>
                    <a:pt x="193919" y="298895"/>
                    <a:pt x="192298" y="298895"/>
                  </a:cubicBezTo>
                  <a:cubicBezTo>
                    <a:pt x="192298" y="298895"/>
                    <a:pt x="190677" y="297308"/>
                    <a:pt x="190677" y="295720"/>
                  </a:cubicBezTo>
                  <a:cubicBezTo>
                    <a:pt x="189056" y="294133"/>
                    <a:pt x="190677" y="294133"/>
                    <a:pt x="190677" y="292545"/>
                  </a:cubicBezTo>
                  <a:cubicBezTo>
                    <a:pt x="189056" y="290958"/>
                    <a:pt x="187435" y="289370"/>
                    <a:pt x="185814" y="289370"/>
                  </a:cubicBezTo>
                  <a:cubicBezTo>
                    <a:pt x="184193" y="289370"/>
                    <a:pt x="184193" y="289370"/>
                    <a:pt x="182572" y="289370"/>
                  </a:cubicBezTo>
                  <a:cubicBezTo>
                    <a:pt x="179330" y="289370"/>
                    <a:pt x="177709" y="289370"/>
                    <a:pt x="174468" y="286195"/>
                  </a:cubicBezTo>
                  <a:cubicBezTo>
                    <a:pt x="171226" y="284608"/>
                    <a:pt x="174468" y="286195"/>
                    <a:pt x="177709" y="283020"/>
                  </a:cubicBezTo>
                  <a:cubicBezTo>
                    <a:pt x="179330" y="279845"/>
                    <a:pt x="179330" y="279845"/>
                    <a:pt x="182572" y="273495"/>
                  </a:cubicBezTo>
                  <a:cubicBezTo>
                    <a:pt x="184193" y="271908"/>
                    <a:pt x="185814" y="275083"/>
                    <a:pt x="189056" y="273495"/>
                  </a:cubicBezTo>
                  <a:cubicBezTo>
                    <a:pt x="192298" y="273495"/>
                    <a:pt x="197161" y="276670"/>
                    <a:pt x="197161" y="275083"/>
                  </a:cubicBezTo>
                  <a:cubicBezTo>
                    <a:pt x="195540" y="270320"/>
                    <a:pt x="200402" y="271908"/>
                    <a:pt x="202023" y="270320"/>
                  </a:cubicBezTo>
                  <a:close/>
                  <a:moveTo>
                    <a:pt x="209326" y="214758"/>
                  </a:moveTo>
                  <a:cubicBezTo>
                    <a:pt x="210914" y="213170"/>
                    <a:pt x="217264" y="214758"/>
                    <a:pt x="217264" y="216345"/>
                  </a:cubicBezTo>
                  <a:cubicBezTo>
                    <a:pt x="218852" y="217933"/>
                    <a:pt x="218852" y="219520"/>
                    <a:pt x="218852" y="222695"/>
                  </a:cubicBezTo>
                  <a:cubicBezTo>
                    <a:pt x="218852" y="225871"/>
                    <a:pt x="218852" y="227458"/>
                    <a:pt x="214089" y="225871"/>
                  </a:cubicBezTo>
                  <a:cubicBezTo>
                    <a:pt x="210914" y="224283"/>
                    <a:pt x="210914" y="225871"/>
                    <a:pt x="209326" y="224283"/>
                  </a:cubicBezTo>
                  <a:cubicBezTo>
                    <a:pt x="207739" y="222695"/>
                    <a:pt x="207739" y="217933"/>
                    <a:pt x="209326" y="214758"/>
                  </a:cubicBezTo>
                  <a:close/>
                  <a:moveTo>
                    <a:pt x="182339" y="198883"/>
                  </a:moveTo>
                  <a:cubicBezTo>
                    <a:pt x="183926" y="198883"/>
                    <a:pt x="183926" y="200470"/>
                    <a:pt x="185514" y="205233"/>
                  </a:cubicBezTo>
                  <a:cubicBezTo>
                    <a:pt x="185514" y="208408"/>
                    <a:pt x="185514" y="206820"/>
                    <a:pt x="185514" y="209995"/>
                  </a:cubicBezTo>
                  <a:cubicBezTo>
                    <a:pt x="185514" y="213170"/>
                    <a:pt x="187101" y="213170"/>
                    <a:pt x="190276" y="216345"/>
                  </a:cubicBezTo>
                  <a:cubicBezTo>
                    <a:pt x="191864" y="217933"/>
                    <a:pt x="191864" y="219520"/>
                    <a:pt x="190276" y="222695"/>
                  </a:cubicBezTo>
                  <a:cubicBezTo>
                    <a:pt x="190276" y="225870"/>
                    <a:pt x="190276" y="222695"/>
                    <a:pt x="187101" y="219520"/>
                  </a:cubicBezTo>
                  <a:cubicBezTo>
                    <a:pt x="183926" y="217933"/>
                    <a:pt x="183926" y="217933"/>
                    <a:pt x="180751" y="214758"/>
                  </a:cubicBezTo>
                  <a:cubicBezTo>
                    <a:pt x="179164" y="211583"/>
                    <a:pt x="179164" y="209995"/>
                    <a:pt x="177576" y="208408"/>
                  </a:cubicBezTo>
                  <a:cubicBezTo>
                    <a:pt x="174401" y="205233"/>
                    <a:pt x="174401" y="208408"/>
                    <a:pt x="171226" y="205233"/>
                  </a:cubicBezTo>
                  <a:cubicBezTo>
                    <a:pt x="169639" y="202058"/>
                    <a:pt x="171226" y="202058"/>
                    <a:pt x="172814" y="200470"/>
                  </a:cubicBezTo>
                  <a:cubicBezTo>
                    <a:pt x="172814" y="200470"/>
                    <a:pt x="179164" y="197295"/>
                    <a:pt x="182339" y="198883"/>
                  </a:cubicBezTo>
                  <a:close/>
                  <a:moveTo>
                    <a:pt x="495511" y="198088"/>
                  </a:moveTo>
                  <a:cubicBezTo>
                    <a:pt x="496135" y="197295"/>
                    <a:pt x="496966" y="197295"/>
                    <a:pt x="498629" y="198882"/>
                  </a:cubicBezTo>
                  <a:cubicBezTo>
                    <a:pt x="501955" y="202057"/>
                    <a:pt x="498629" y="200470"/>
                    <a:pt x="501955" y="202057"/>
                  </a:cubicBezTo>
                  <a:cubicBezTo>
                    <a:pt x="503619" y="203645"/>
                    <a:pt x="506945" y="203645"/>
                    <a:pt x="508608" y="202057"/>
                  </a:cubicBezTo>
                  <a:cubicBezTo>
                    <a:pt x="510271" y="202057"/>
                    <a:pt x="511934" y="200470"/>
                    <a:pt x="515260" y="202057"/>
                  </a:cubicBezTo>
                  <a:cubicBezTo>
                    <a:pt x="516923" y="202057"/>
                    <a:pt x="525239" y="202057"/>
                    <a:pt x="523576" y="203645"/>
                  </a:cubicBezTo>
                  <a:cubicBezTo>
                    <a:pt x="521913" y="205232"/>
                    <a:pt x="518586" y="200470"/>
                    <a:pt x="520249" y="206820"/>
                  </a:cubicBezTo>
                  <a:cubicBezTo>
                    <a:pt x="521913" y="211583"/>
                    <a:pt x="521913" y="213170"/>
                    <a:pt x="520249" y="209995"/>
                  </a:cubicBezTo>
                  <a:cubicBezTo>
                    <a:pt x="516923" y="205232"/>
                    <a:pt x="520249" y="206820"/>
                    <a:pt x="516923" y="205232"/>
                  </a:cubicBezTo>
                  <a:cubicBezTo>
                    <a:pt x="515260" y="203645"/>
                    <a:pt x="515260" y="202057"/>
                    <a:pt x="513597" y="203645"/>
                  </a:cubicBezTo>
                  <a:cubicBezTo>
                    <a:pt x="506945" y="205232"/>
                    <a:pt x="498629" y="206820"/>
                    <a:pt x="498629" y="205232"/>
                  </a:cubicBezTo>
                  <a:cubicBezTo>
                    <a:pt x="495303" y="203645"/>
                    <a:pt x="490314" y="205232"/>
                    <a:pt x="493640" y="202057"/>
                  </a:cubicBezTo>
                  <a:cubicBezTo>
                    <a:pt x="494472" y="200470"/>
                    <a:pt x="494887" y="198882"/>
                    <a:pt x="495511" y="198088"/>
                  </a:cubicBezTo>
                  <a:close/>
                  <a:moveTo>
                    <a:pt x="476026" y="186182"/>
                  </a:moveTo>
                  <a:cubicBezTo>
                    <a:pt x="480789" y="189754"/>
                    <a:pt x="480789" y="191540"/>
                    <a:pt x="480789" y="193326"/>
                  </a:cubicBezTo>
                  <a:cubicBezTo>
                    <a:pt x="480789" y="196898"/>
                    <a:pt x="483964" y="196898"/>
                    <a:pt x="480789" y="198684"/>
                  </a:cubicBezTo>
                  <a:cubicBezTo>
                    <a:pt x="477614" y="200470"/>
                    <a:pt x="474439" y="198684"/>
                    <a:pt x="472851" y="198684"/>
                  </a:cubicBezTo>
                  <a:cubicBezTo>
                    <a:pt x="469676" y="200470"/>
                    <a:pt x="466501" y="193326"/>
                    <a:pt x="468089" y="191540"/>
                  </a:cubicBezTo>
                  <a:cubicBezTo>
                    <a:pt x="471264" y="189754"/>
                    <a:pt x="464914" y="189754"/>
                    <a:pt x="471264" y="189754"/>
                  </a:cubicBezTo>
                  <a:cubicBezTo>
                    <a:pt x="476026" y="187968"/>
                    <a:pt x="474439" y="186182"/>
                    <a:pt x="476026" y="186182"/>
                  </a:cubicBezTo>
                  <a:close/>
                  <a:moveTo>
                    <a:pt x="745902" y="183184"/>
                  </a:moveTo>
                  <a:cubicBezTo>
                    <a:pt x="749077" y="181420"/>
                    <a:pt x="752252" y="181420"/>
                    <a:pt x="757014" y="183184"/>
                  </a:cubicBezTo>
                  <a:cubicBezTo>
                    <a:pt x="761777" y="186712"/>
                    <a:pt x="763364" y="186712"/>
                    <a:pt x="760189" y="192003"/>
                  </a:cubicBezTo>
                  <a:cubicBezTo>
                    <a:pt x="757014" y="197295"/>
                    <a:pt x="758602" y="193767"/>
                    <a:pt x="752252" y="192003"/>
                  </a:cubicBezTo>
                  <a:cubicBezTo>
                    <a:pt x="747489" y="190240"/>
                    <a:pt x="741139" y="183184"/>
                    <a:pt x="745902" y="183184"/>
                  </a:cubicBezTo>
                  <a:close/>
                  <a:moveTo>
                    <a:pt x="680182" y="175070"/>
                  </a:moveTo>
                  <a:cubicBezTo>
                    <a:pt x="683431" y="176693"/>
                    <a:pt x="689928" y="176693"/>
                    <a:pt x="691552" y="176693"/>
                  </a:cubicBezTo>
                  <a:cubicBezTo>
                    <a:pt x="691552" y="176693"/>
                    <a:pt x="693176" y="176693"/>
                    <a:pt x="693176" y="176693"/>
                  </a:cubicBezTo>
                  <a:cubicBezTo>
                    <a:pt x="693176" y="176693"/>
                    <a:pt x="694800" y="175070"/>
                    <a:pt x="696425" y="178316"/>
                  </a:cubicBezTo>
                  <a:cubicBezTo>
                    <a:pt x="698049" y="181562"/>
                    <a:pt x="702922" y="184808"/>
                    <a:pt x="702922" y="184808"/>
                  </a:cubicBezTo>
                  <a:cubicBezTo>
                    <a:pt x="702922" y="184808"/>
                    <a:pt x="709419" y="183185"/>
                    <a:pt x="711043" y="183185"/>
                  </a:cubicBezTo>
                  <a:cubicBezTo>
                    <a:pt x="711043" y="184808"/>
                    <a:pt x="711043" y="183185"/>
                    <a:pt x="712668" y="183185"/>
                  </a:cubicBezTo>
                  <a:cubicBezTo>
                    <a:pt x="715916" y="183185"/>
                    <a:pt x="719165" y="181562"/>
                    <a:pt x="719165" y="184808"/>
                  </a:cubicBezTo>
                  <a:cubicBezTo>
                    <a:pt x="719165" y="189678"/>
                    <a:pt x="719165" y="188054"/>
                    <a:pt x="719165" y="194547"/>
                  </a:cubicBezTo>
                  <a:cubicBezTo>
                    <a:pt x="719165" y="202662"/>
                    <a:pt x="724037" y="196170"/>
                    <a:pt x="719165" y="202662"/>
                  </a:cubicBezTo>
                  <a:cubicBezTo>
                    <a:pt x="717540" y="204285"/>
                    <a:pt x="717540" y="204285"/>
                    <a:pt x="717540" y="205908"/>
                  </a:cubicBezTo>
                  <a:cubicBezTo>
                    <a:pt x="719165" y="210777"/>
                    <a:pt x="719165" y="212400"/>
                    <a:pt x="719165" y="214023"/>
                  </a:cubicBezTo>
                  <a:cubicBezTo>
                    <a:pt x="722413" y="210777"/>
                    <a:pt x="720789" y="217269"/>
                    <a:pt x="720789" y="217269"/>
                  </a:cubicBezTo>
                  <a:cubicBezTo>
                    <a:pt x="722413" y="218892"/>
                    <a:pt x="724037" y="220515"/>
                    <a:pt x="725662" y="223761"/>
                  </a:cubicBezTo>
                  <a:cubicBezTo>
                    <a:pt x="725662" y="225385"/>
                    <a:pt x="728910" y="227008"/>
                    <a:pt x="728910" y="230254"/>
                  </a:cubicBezTo>
                  <a:cubicBezTo>
                    <a:pt x="730535" y="231877"/>
                    <a:pt x="730535" y="231877"/>
                    <a:pt x="730535" y="233500"/>
                  </a:cubicBezTo>
                  <a:cubicBezTo>
                    <a:pt x="732159" y="235123"/>
                    <a:pt x="737032" y="235123"/>
                    <a:pt x="740280" y="235123"/>
                  </a:cubicBezTo>
                  <a:cubicBezTo>
                    <a:pt x="741905" y="235123"/>
                    <a:pt x="741905" y="235123"/>
                    <a:pt x="741905" y="235123"/>
                  </a:cubicBezTo>
                  <a:cubicBezTo>
                    <a:pt x="743529" y="235123"/>
                    <a:pt x="743529" y="235123"/>
                    <a:pt x="745154" y="233500"/>
                  </a:cubicBezTo>
                  <a:cubicBezTo>
                    <a:pt x="746778" y="231877"/>
                    <a:pt x="748402" y="231877"/>
                    <a:pt x="750026" y="228631"/>
                  </a:cubicBezTo>
                  <a:cubicBezTo>
                    <a:pt x="751651" y="225385"/>
                    <a:pt x="751651" y="225385"/>
                    <a:pt x="754899" y="223761"/>
                  </a:cubicBezTo>
                  <a:cubicBezTo>
                    <a:pt x="756524" y="220515"/>
                    <a:pt x="759772" y="220515"/>
                    <a:pt x="763021" y="214023"/>
                  </a:cubicBezTo>
                  <a:cubicBezTo>
                    <a:pt x="763021" y="214023"/>
                    <a:pt x="766269" y="214023"/>
                    <a:pt x="767893" y="212400"/>
                  </a:cubicBezTo>
                  <a:cubicBezTo>
                    <a:pt x="767893" y="212400"/>
                    <a:pt x="767893" y="212400"/>
                    <a:pt x="769518" y="214023"/>
                  </a:cubicBezTo>
                  <a:cubicBezTo>
                    <a:pt x="769518" y="214023"/>
                    <a:pt x="769518" y="214023"/>
                    <a:pt x="771142" y="214023"/>
                  </a:cubicBezTo>
                  <a:cubicBezTo>
                    <a:pt x="772766" y="214023"/>
                    <a:pt x="772766" y="214023"/>
                    <a:pt x="776015" y="210777"/>
                  </a:cubicBezTo>
                  <a:cubicBezTo>
                    <a:pt x="777639" y="209154"/>
                    <a:pt x="777639" y="207531"/>
                    <a:pt x="777639" y="207531"/>
                  </a:cubicBezTo>
                  <a:cubicBezTo>
                    <a:pt x="777639" y="205908"/>
                    <a:pt x="777639" y="205908"/>
                    <a:pt x="777639" y="204285"/>
                  </a:cubicBezTo>
                  <a:cubicBezTo>
                    <a:pt x="779263" y="202662"/>
                    <a:pt x="780888" y="202662"/>
                    <a:pt x="782512" y="201039"/>
                  </a:cubicBezTo>
                  <a:cubicBezTo>
                    <a:pt x="784136" y="197793"/>
                    <a:pt x="787385" y="197793"/>
                    <a:pt x="790633" y="196170"/>
                  </a:cubicBezTo>
                  <a:cubicBezTo>
                    <a:pt x="790633" y="196170"/>
                    <a:pt x="792258" y="196170"/>
                    <a:pt x="792258" y="196170"/>
                  </a:cubicBezTo>
                  <a:cubicBezTo>
                    <a:pt x="792258" y="196170"/>
                    <a:pt x="792258" y="196170"/>
                    <a:pt x="793882" y="196170"/>
                  </a:cubicBezTo>
                  <a:cubicBezTo>
                    <a:pt x="795506" y="196170"/>
                    <a:pt x="795506" y="199416"/>
                    <a:pt x="797130" y="199416"/>
                  </a:cubicBezTo>
                  <a:cubicBezTo>
                    <a:pt x="798755" y="199416"/>
                    <a:pt x="800379" y="199416"/>
                    <a:pt x="803628" y="201039"/>
                  </a:cubicBezTo>
                  <a:cubicBezTo>
                    <a:pt x="805252" y="201039"/>
                    <a:pt x="806876" y="204285"/>
                    <a:pt x="810125" y="204285"/>
                  </a:cubicBezTo>
                  <a:cubicBezTo>
                    <a:pt x="811749" y="204285"/>
                    <a:pt x="814998" y="205908"/>
                    <a:pt x="818246" y="204285"/>
                  </a:cubicBezTo>
                  <a:cubicBezTo>
                    <a:pt x="821495" y="204285"/>
                    <a:pt x="821495" y="209154"/>
                    <a:pt x="824743" y="210777"/>
                  </a:cubicBezTo>
                  <a:cubicBezTo>
                    <a:pt x="827992" y="212400"/>
                    <a:pt x="831240" y="214023"/>
                    <a:pt x="836113" y="214023"/>
                  </a:cubicBezTo>
                  <a:cubicBezTo>
                    <a:pt x="840986" y="214023"/>
                    <a:pt x="842610" y="215646"/>
                    <a:pt x="845859" y="215646"/>
                  </a:cubicBezTo>
                  <a:cubicBezTo>
                    <a:pt x="849107" y="215646"/>
                    <a:pt x="847483" y="218892"/>
                    <a:pt x="850732" y="220515"/>
                  </a:cubicBezTo>
                  <a:cubicBezTo>
                    <a:pt x="852356" y="222138"/>
                    <a:pt x="855604" y="220515"/>
                    <a:pt x="855604" y="220515"/>
                  </a:cubicBezTo>
                  <a:cubicBezTo>
                    <a:pt x="855604" y="220515"/>
                    <a:pt x="857229" y="220515"/>
                    <a:pt x="858853" y="220515"/>
                  </a:cubicBezTo>
                  <a:cubicBezTo>
                    <a:pt x="858853" y="220515"/>
                    <a:pt x="858853" y="220515"/>
                    <a:pt x="858853" y="225385"/>
                  </a:cubicBezTo>
                  <a:cubicBezTo>
                    <a:pt x="860477" y="225385"/>
                    <a:pt x="862102" y="225385"/>
                    <a:pt x="863726" y="225385"/>
                  </a:cubicBezTo>
                  <a:cubicBezTo>
                    <a:pt x="866974" y="227008"/>
                    <a:pt x="870223" y="228631"/>
                    <a:pt x="871847" y="230254"/>
                  </a:cubicBezTo>
                  <a:cubicBezTo>
                    <a:pt x="875096" y="231877"/>
                    <a:pt x="884841" y="236746"/>
                    <a:pt x="886466" y="236746"/>
                  </a:cubicBezTo>
                  <a:cubicBezTo>
                    <a:pt x="889714" y="236746"/>
                    <a:pt x="891339" y="236746"/>
                    <a:pt x="897836" y="238369"/>
                  </a:cubicBezTo>
                  <a:cubicBezTo>
                    <a:pt x="904333" y="241615"/>
                    <a:pt x="907581" y="241615"/>
                    <a:pt x="909205" y="243238"/>
                  </a:cubicBezTo>
                  <a:cubicBezTo>
                    <a:pt x="912454" y="244861"/>
                    <a:pt x="917327" y="246484"/>
                    <a:pt x="918951" y="248107"/>
                  </a:cubicBezTo>
                  <a:cubicBezTo>
                    <a:pt x="918951" y="248107"/>
                    <a:pt x="927072" y="251353"/>
                    <a:pt x="928697" y="252976"/>
                  </a:cubicBezTo>
                  <a:cubicBezTo>
                    <a:pt x="930321" y="252976"/>
                    <a:pt x="935194" y="256222"/>
                    <a:pt x="936818" y="259468"/>
                  </a:cubicBezTo>
                  <a:cubicBezTo>
                    <a:pt x="936818" y="259468"/>
                    <a:pt x="946564" y="262715"/>
                    <a:pt x="953061" y="270830"/>
                  </a:cubicBezTo>
                  <a:cubicBezTo>
                    <a:pt x="959558" y="278945"/>
                    <a:pt x="954685" y="275699"/>
                    <a:pt x="956310" y="277322"/>
                  </a:cubicBezTo>
                  <a:cubicBezTo>
                    <a:pt x="956310" y="278945"/>
                    <a:pt x="957934" y="278945"/>
                    <a:pt x="961182" y="280568"/>
                  </a:cubicBezTo>
                  <a:cubicBezTo>
                    <a:pt x="962807" y="280568"/>
                    <a:pt x="962807" y="282191"/>
                    <a:pt x="964431" y="283814"/>
                  </a:cubicBezTo>
                  <a:cubicBezTo>
                    <a:pt x="966055" y="285437"/>
                    <a:pt x="964431" y="287060"/>
                    <a:pt x="966055" y="287060"/>
                  </a:cubicBezTo>
                  <a:cubicBezTo>
                    <a:pt x="966055" y="288683"/>
                    <a:pt x="972552" y="288683"/>
                    <a:pt x="975801" y="288683"/>
                  </a:cubicBezTo>
                  <a:cubicBezTo>
                    <a:pt x="980674" y="290306"/>
                    <a:pt x="983922" y="293552"/>
                    <a:pt x="987171" y="293552"/>
                  </a:cubicBezTo>
                  <a:cubicBezTo>
                    <a:pt x="990419" y="295175"/>
                    <a:pt x="988795" y="296798"/>
                    <a:pt x="990419" y="298422"/>
                  </a:cubicBezTo>
                  <a:cubicBezTo>
                    <a:pt x="993668" y="298422"/>
                    <a:pt x="993668" y="300045"/>
                    <a:pt x="995292" y="300045"/>
                  </a:cubicBezTo>
                  <a:cubicBezTo>
                    <a:pt x="996916" y="301668"/>
                    <a:pt x="995292" y="303291"/>
                    <a:pt x="995292" y="304914"/>
                  </a:cubicBezTo>
                  <a:cubicBezTo>
                    <a:pt x="995292" y="306537"/>
                    <a:pt x="995292" y="306537"/>
                    <a:pt x="993668" y="308160"/>
                  </a:cubicBezTo>
                  <a:cubicBezTo>
                    <a:pt x="990419" y="309783"/>
                    <a:pt x="992044" y="309783"/>
                    <a:pt x="983922" y="309783"/>
                  </a:cubicBezTo>
                  <a:cubicBezTo>
                    <a:pt x="974177" y="308160"/>
                    <a:pt x="980674" y="309783"/>
                    <a:pt x="979049" y="311406"/>
                  </a:cubicBezTo>
                  <a:cubicBezTo>
                    <a:pt x="977425" y="313029"/>
                    <a:pt x="979049" y="313029"/>
                    <a:pt x="979049" y="316275"/>
                  </a:cubicBezTo>
                  <a:cubicBezTo>
                    <a:pt x="980674" y="319521"/>
                    <a:pt x="982298" y="319521"/>
                    <a:pt x="983922" y="321144"/>
                  </a:cubicBezTo>
                  <a:cubicBezTo>
                    <a:pt x="985546" y="321144"/>
                    <a:pt x="985546" y="324390"/>
                    <a:pt x="985546" y="326013"/>
                  </a:cubicBezTo>
                  <a:cubicBezTo>
                    <a:pt x="987171" y="327636"/>
                    <a:pt x="990419" y="329259"/>
                    <a:pt x="992044" y="330882"/>
                  </a:cubicBezTo>
                  <a:cubicBezTo>
                    <a:pt x="993668" y="332505"/>
                    <a:pt x="996916" y="334129"/>
                    <a:pt x="998541" y="334129"/>
                  </a:cubicBezTo>
                  <a:cubicBezTo>
                    <a:pt x="1000165" y="334129"/>
                    <a:pt x="1001789" y="335752"/>
                    <a:pt x="1001789" y="338998"/>
                  </a:cubicBezTo>
                  <a:cubicBezTo>
                    <a:pt x="1001789" y="340621"/>
                    <a:pt x="1003414" y="342244"/>
                    <a:pt x="1006662" y="342244"/>
                  </a:cubicBezTo>
                  <a:cubicBezTo>
                    <a:pt x="1009911" y="342244"/>
                    <a:pt x="1008286" y="347113"/>
                    <a:pt x="1011535" y="350359"/>
                  </a:cubicBezTo>
                  <a:cubicBezTo>
                    <a:pt x="1013159" y="351982"/>
                    <a:pt x="1013159" y="353605"/>
                    <a:pt x="1013159" y="355228"/>
                  </a:cubicBezTo>
                  <a:cubicBezTo>
                    <a:pt x="1013159" y="356851"/>
                    <a:pt x="1013159" y="356851"/>
                    <a:pt x="1018032" y="356851"/>
                  </a:cubicBezTo>
                  <a:cubicBezTo>
                    <a:pt x="1021281" y="355228"/>
                    <a:pt x="1018032" y="356851"/>
                    <a:pt x="1019656" y="355228"/>
                  </a:cubicBezTo>
                  <a:cubicBezTo>
                    <a:pt x="1021281" y="351982"/>
                    <a:pt x="1022905" y="356851"/>
                    <a:pt x="1024529" y="358474"/>
                  </a:cubicBezTo>
                  <a:cubicBezTo>
                    <a:pt x="1024529" y="358474"/>
                    <a:pt x="1024529" y="361720"/>
                    <a:pt x="1024529" y="363343"/>
                  </a:cubicBezTo>
                  <a:cubicBezTo>
                    <a:pt x="1024529" y="363343"/>
                    <a:pt x="1024529" y="364966"/>
                    <a:pt x="1026153" y="366589"/>
                  </a:cubicBezTo>
                  <a:cubicBezTo>
                    <a:pt x="1027778" y="368212"/>
                    <a:pt x="1031026" y="368212"/>
                    <a:pt x="1032651" y="368212"/>
                  </a:cubicBezTo>
                  <a:cubicBezTo>
                    <a:pt x="1034275" y="366589"/>
                    <a:pt x="1037523" y="371459"/>
                    <a:pt x="1037523" y="371459"/>
                  </a:cubicBezTo>
                  <a:cubicBezTo>
                    <a:pt x="1037523" y="373082"/>
                    <a:pt x="1039148" y="374705"/>
                    <a:pt x="1040772" y="376328"/>
                  </a:cubicBezTo>
                  <a:cubicBezTo>
                    <a:pt x="1042396" y="377951"/>
                    <a:pt x="1045645" y="377951"/>
                    <a:pt x="1045645" y="377951"/>
                  </a:cubicBezTo>
                  <a:cubicBezTo>
                    <a:pt x="1045645" y="377951"/>
                    <a:pt x="1045645" y="377951"/>
                    <a:pt x="1050518" y="379574"/>
                  </a:cubicBezTo>
                  <a:cubicBezTo>
                    <a:pt x="1050518" y="379574"/>
                    <a:pt x="1053766" y="379574"/>
                    <a:pt x="1055390" y="379574"/>
                  </a:cubicBezTo>
                  <a:cubicBezTo>
                    <a:pt x="1058639" y="377951"/>
                    <a:pt x="1058639" y="379574"/>
                    <a:pt x="1055390" y="384443"/>
                  </a:cubicBezTo>
                  <a:cubicBezTo>
                    <a:pt x="1052142" y="386066"/>
                    <a:pt x="1053766" y="386066"/>
                    <a:pt x="1053766" y="386066"/>
                  </a:cubicBezTo>
                  <a:cubicBezTo>
                    <a:pt x="1052142" y="387689"/>
                    <a:pt x="1053766" y="386066"/>
                    <a:pt x="1053766" y="387689"/>
                  </a:cubicBezTo>
                  <a:cubicBezTo>
                    <a:pt x="1053766" y="390935"/>
                    <a:pt x="1052142" y="390935"/>
                    <a:pt x="1050518" y="390935"/>
                  </a:cubicBezTo>
                  <a:cubicBezTo>
                    <a:pt x="1048893" y="392558"/>
                    <a:pt x="1047269" y="390935"/>
                    <a:pt x="1045645" y="389312"/>
                  </a:cubicBezTo>
                  <a:cubicBezTo>
                    <a:pt x="1044020" y="387689"/>
                    <a:pt x="1042396" y="389312"/>
                    <a:pt x="1042396" y="387689"/>
                  </a:cubicBezTo>
                  <a:cubicBezTo>
                    <a:pt x="1040772" y="384443"/>
                    <a:pt x="1039148" y="384443"/>
                    <a:pt x="1037523" y="382820"/>
                  </a:cubicBezTo>
                  <a:cubicBezTo>
                    <a:pt x="1034275" y="381197"/>
                    <a:pt x="1037523" y="382820"/>
                    <a:pt x="1034275" y="382820"/>
                  </a:cubicBezTo>
                  <a:cubicBezTo>
                    <a:pt x="1029402" y="382820"/>
                    <a:pt x="1029402" y="382820"/>
                    <a:pt x="1026153" y="382820"/>
                  </a:cubicBezTo>
                  <a:cubicBezTo>
                    <a:pt x="1024529" y="382820"/>
                    <a:pt x="1018032" y="381197"/>
                    <a:pt x="1016408" y="379574"/>
                  </a:cubicBezTo>
                  <a:cubicBezTo>
                    <a:pt x="1014784" y="379574"/>
                    <a:pt x="1009911" y="379574"/>
                    <a:pt x="1008286" y="377951"/>
                  </a:cubicBezTo>
                  <a:cubicBezTo>
                    <a:pt x="1008286" y="376328"/>
                    <a:pt x="1006662" y="379574"/>
                    <a:pt x="1005038" y="379574"/>
                  </a:cubicBezTo>
                  <a:cubicBezTo>
                    <a:pt x="1003414" y="379574"/>
                    <a:pt x="1001789" y="377951"/>
                    <a:pt x="1000165" y="377951"/>
                  </a:cubicBezTo>
                  <a:cubicBezTo>
                    <a:pt x="1000165" y="377951"/>
                    <a:pt x="998541" y="377951"/>
                    <a:pt x="998541" y="377951"/>
                  </a:cubicBezTo>
                  <a:cubicBezTo>
                    <a:pt x="996916" y="377951"/>
                    <a:pt x="995292" y="377951"/>
                    <a:pt x="993668" y="376328"/>
                  </a:cubicBezTo>
                  <a:cubicBezTo>
                    <a:pt x="993668" y="374705"/>
                    <a:pt x="992044" y="374705"/>
                    <a:pt x="990419" y="374705"/>
                  </a:cubicBezTo>
                  <a:cubicBezTo>
                    <a:pt x="988795" y="373082"/>
                    <a:pt x="988795" y="371459"/>
                    <a:pt x="987171" y="371459"/>
                  </a:cubicBezTo>
                  <a:cubicBezTo>
                    <a:pt x="987171" y="369836"/>
                    <a:pt x="982298" y="369836"/>
                    <a:pt x="982298" y="368212"/>
                  </a:cubicBezTo>
                  <a:cubicBezTo>
                    <a:pt x="982298" y="366589"/>
                    <a:pt x="982298" y="366589"/>
                    <a:pt x="982298" y="364966"/>
                  </a:cubicBezTo>
                  <a:cubicBezTo>
                    <a:pt x="980674" y="363343"/>
                    <a:pt x="977425" y="363343"/>
                    <a:pt x="977425" y="361720"/>
                  </a:cubicBezTo>
                  <a:cubicBezTo>
                    <a:pt x="975801" y="361720"/>
                    <a:pt x="975801" y="360097"/>
                    <a:pt x="975801" y="358474"/>
                  </a:cubicBezTo>
                  <a:cubicBezTo>
                    <a:pt x="974177" y="358474"/>
                    <a:pt x="972552" y="356851"/>
                    <a:pt x="972552" y="351982"/>
                  </a:cubicBezTo>
                  <a:cubicBezTo>
                    <a:pt x="972552" y="351982"/>
                    <a:pt x="969304" y="350359"/>
                    <a:pt x="966055" y="348736"/>
                  </a:cubicBezTo>
                  <a:cubicBezTo>
                    <a:pt x="964431" y="347113"/>
                    <a:pt x="964431" y="347113"/>
                    <a:pt x="964431" y="343867"/>
                  </a:cubicBezTo>
                  <a:cubicBezTo>
                    <a:pt x="964431" y="342244"/>
                    <a:pt x="959558" y="337375"/>
                    <a:pt x="954685" y="334129"/>
                  </a:cubicBezTo>
                  <a:cubicBezTo>
                    <a:pt x="953061" y="332505"/>
                    <a:pt x="951437" y="332505"/>
                    <a:pt x="951437" y="332505"/>
                  </a:cubicBezTo>
                  <a:cubicBezTo>
                    <a:pt x="949812" y="334129"/>
                    <a:pt x="949812" y="334129"/>
                    <a:pt x="948188" y="334129"/>
                  </a:cubicBezTo>
                  <a:cubicBezTo>
                    <a:pt x="948188" y="332505"/>
                    <a:pt x="948188" y="332505"/>
                    <a:pt x="946564" y="332505"/>
                  </a:cubicBezTo>
                  <a:cubicBezTo>
                    <a:pt x="946564" y="332505"/>
                    <a:pt x="944940" y="332505"/>
                    <a:pt x="944940" y="332505"/>
                  </a:cubicBezTo>
                  <a:cubicBezTo>
                    <a:pt x="944940" y="332505"/>
                    <a:pt x="943315" y="332505"/>
                    <a:pt x="943315" y="332505"/>
                  </a:cubicBezTo>
                  <a:cubicBezTo>
                    <a:pt x="941691" y="332505"/>
                    <a:pt x="940067" y="332505"/>
                    <a:pt x="938442" y="330882"/>
                  </a:cubicBezTo>
                  <a:cubicBezTo>
                    <a:pt x="936818" y="329259"/>
                    <a:pt x="935194" y="330882"/>
                    <a:pt x="933570" y="327636"/>
                  </a:cubicBezTo>
                  <a:cubicBezTo>
                    <a:pt x="933570" y="327636"/>
                    <a:pt x="931945" y="327636"/>
                    <a:pt x="930321" y="327636"/>
                  </a:cubicBezTo>
                  <a:cubicBezTo>
                    <a:pt x="928697" y="327636"/>
                    <a:pt x="927072" y="327636"/>
                    <a:pt x="925448" y="327636"/>
                  </a:cubicBezTo>
                  <a:cubicBezTo>
                    <a:pt x="923824" y="326013"/>
                    <a:pt x="925448" y="327636"/>
                    <a:pt x="925448" y="330882"/>
                  </a:cubicBezTo>
                  <a:cubicBezTo>
                    <a:pt x="925448" y="330882"/>
                    <a:pt x="925448" y="330882"/>
                    <a:pt x="920575" y="332505"/>
                  </a:cubicBezTo>
                  <a:cubicBezTo>
                    <a:pt x="920575" y="332505"/>
                    <a:pt x="920575" y="332505"/>
                    <a:pt x="918951" y="330882"/>
                  </a:cubicBezTo>
                  <a:cubicBezTo>
                    <a:pt x="918951" y="330882"/>
                    <a:pt x="918951" y="330882"/>
                    <a:pt x="915703" y="335752"/>
                  </a:cubicBezTo>
                  <a:cubicBezTo>
                    <a:pt x="915703" y="335752"/>
                    <a:pt x="912454" y="337375"/>
                    <a:pt x="909205" y="337375"/>
                  </a:cubicBezTo>
                  <a:cubicBezTo>
                    <a:pt x="904333" y="335752"/>
                    <a:pt x="909205" y="337375"/>
                    <a:pt x="909205" y="340621"/>
                  </a:cubicBezTo>
                  <a:cubicBezTo>
                    <a:pt x="909205" y="343867"/>
                    <a:pt x="905957" y="343867"/>
                    <a:pt x="905957" y="343867"/>
                  </a:cubicBezTo>
                  <a:cubicBezTo>
                    <a:pt x="904333" y="343867"/>
                    <a:pt x="901084" y="345490"/>
                    <a:pt x="899460" y="343867"/>
                  </a:cubicBezTo>
                  <a:cubicBezTo>
                    <a:pt x="897836" y="343867"/>
                    <a:pt x="896211" y="343867"/>
                    <a:pt x="891339" y="342244"/>
                  </a:cubicBezTo>
                  <a:cubicBezTo>
                    <a:pt x="888090" y="340621"/>
                    <a:pt x="881593" y="338998"/>
                    <a:pt x="881593" y="338998"/>
                  </a:cubicBezTo>
                  <a:cubicBezTo>
                    <a:pt x="881593" y="338998"/>
                    <a:pt x="881593" y="338998"/>
                    <a:pt x="888090" y="343867"/>
                  </a:cubicBezTo>
                  <a:cubicBezTo>
                    <a:pt x="889714" y="343867"/>
                    <a:pt x="897836" y="345490"/>
                    <a:pt x="897836" y="345490"/>
                  </a:cubicBezTo>
                  <a:cubicBezTo>
                    <a:pt x="897836" y="345490"/>
                    <a:pt x="901084" y="347113"/>
                    <a:pt x="902709" y="345490"/>
                  </a:cubicBezTo>
                  <a:cubicBezTo>
                    <a:pt x="905957" y="345490"/>
                    <a:pt x="904333" y="347113"/>
                    <a:pt x="907581" y="351982"/>
                  </a:cubicBezTo>
                  <a:cubicBezTo>
                    <a:pt x="907581" y="353605"/>
                    <a:pt x="905957" y="355228"/>
                    <a:pt x="905957" y="356851"/>
                  </a:cubicBezTo>
                  <a:cubicBezTo>
                    <a:pt x="904333" y="356851"/>
                    <a:pt x="902709" y="356851"/>
                    <a:pt x="902709" y="356851"/>
                  </a:cubicBezTo>
                  <a:cubicBezTo>
                    <a:pt x="901084" y="356851"/>
                    <a:pt x="897836" y="358474"/>
                    <a:pt x="896211" y="360097"/>
                  </a:cubicBezTo>
                  <a:cubicBezTo>
                    <a:pt x="894587" y="360097"/>
                    <a:pt x="892963" y="361720"/>
                    <a:pt x="891339" y="361720"/>
                  </a:cubicBezTo>
                  <a:cubicBezTo>
                    <a:pt x="889714" y="363343"/>
                    <a:pt x="886466" y="361720"/>
                    <a:pt x="881593" y="360097"/>
                  </a:cubicBezTo>
                  <a:cubicBezTo>
                    <a:pt x="881593" y="360097"/>
                    <a:pt x="876720" y="360097"/>
                    <a:pt x="876720" y="360097"/>
                  </a:cubicBezTo>
                  <a:cubicBezTo>
                    <a:pt x="876720" y="360097"/>
                    <a:pt x="876720" y="360097"/>
                    <a:pt x="871847" y="360097"/>
                  </a:cubicBezTo>
                  <a:cubicBezTo>
                    <a:pt x="871847" y="360097"/>
                    <a:pt x="865350" y="361720"/>
                    <a:pt x="863726" y="361720"/>
                  </a:cubicBezTo>
                  <a:cubicBezTo>
                    <a:pt x="862102" y="361720"/>
                    <a:pt x="860477" y="361720"/>
                    <a:pt x="857229" y="360097"/>
                  </a:cubicBezTo>
                  <a:cubicBezTo>
                    <a:pt x="857229" y="360097"/>
                    <a:pt x="857229" y="360097"/>
                    <a:pt x="857229" y="355228"/>
                  </a:cubicBezTo>
                  <a:cubicBezTo>
                    <a:pt x="857229" y="355228"/>
                    <a:pt x="855604" y="353605"/>
                    <a:pt x="853980" y="353605"/>
                  </a:cubicBezTo>
                  <a:cubicBezTo>
                    <a:pt x="852356" y="350359"/>
                    <a:pt x="852356" y="351982"/>
                    <a:pt x="852356" y="350359"/>
                  </a:cubicBezTo>
                  <a:cubicBezTo>
                    <a:pt x="850732" y="348736"/>
                    <a:pt x="847483" y="345490"/>
                    <a:pt x="845859" y="343867"/>
                  </a:cubicBezTo>
                  <a:cubicBezTo>
                    <a:pt x="844235" y="342244"/>
                    <a:pt x="842610" y="342244"/>
                    <a:pt x="840986" y="338998"/>
                  </a:cubicBezTo>
                  <a:cubicBezTo>
                    <a:pt x="839362" y="337375"/>
                    <a:pt x="837737" y="335752"/>
                    <a:pt x="837737" y="332505"/>
                  </a:cubicBezTo>
                  <a:cubicBezTo>
                    <a:pt x="837737" y="329259"/>
                    <a:pt x="837737" y="332505"/>
                    <a:pt x="832865" y="334129"/>
                  </a:cubicBezTo>
                  <a:cubicBezTo>
                    <a:pt x="827992" y="335752"/>
                    <a:pt x="829616" y="335752"/>
                    <a:pt x="827992" y="335752"/>
                  </a:cubicBezTo>
                  <a:cubicBezTo>
                    <a:pt x="826367" y="337375"/>
                    <a:pt x="824743" y="337375"/>
                    <a:pt x="823119" y="334129"/>
                  </a:cubicBezTo>
                  <a:cubicBezTo>
                    <a:pt x="821495" y="332505"/>
                    <a:pt x="821495" y="332505"/>
                    <a:pt x="821495" y="334129"/>
                  </a:cubicBezTo>
                  <a:cubicBezTo>
                    <a:pt x="818246" y="334129"/>
                    <a:pt x="816622" y="329259"/>
                    <a:pt x="816622" y="329259"/>
                  </a:cubicBezTo>
                  <a:cubicBezTo>
                    <a:pt x="816622" y="329259"/>
                    <a:pt x="816622" y="330882"/>
                    <a:pt x="818246" y="332505"/>
                  </a:cubicBezTo>
                  <a:cubicBezTo>
                    <a:pt x="819870" y="334129"/>
                    <a:pt x="816622" y="335752"/>
                    <a:pt x="816622" y="337375"/>
                  </a:cubicBezTo>
                  <a:cubicBezTo>
                    <a:pt x="814998" y="338998"/>
                    <a:pt x="813373" y="338998"/>
                    <a:pt x="811749" y="338998"/>
                  </a:cubicBezTo>
                  <a:cubicBezTo>
                    <a:pt x="811749" y="338998"/>
                    <a:pt x="811749" y="338998"/>
                    <a:pt x="810125" y="338998"/>
                  </a:cubicBezTo>
                  <a:cubicBezTo>
                    <a:pt x="808500" y="338998"/>
                    <a:pt x="803628" y="338998"/>
                    <a:pt x="800379" y="338998"/>
                  </a:cubicBezTo>
                  <a:cubicBezTo>
                    <a:pt x="797130" y="338998"/>
                    <a:pt x="793882" y="338998"/>
                    <a:pt x="790633" y="338998"/>
                  </a:cubicBezTo>
                  <a:cubicBezTo>
                    <a:pt x="789009" y="338998"/>
                    <a:pt x="789009" y="340621"/>
                    <a:pt x="789009" y="335752"/>
                  </a:cubicBezTo>
                  <a:cubicBezTo>
                    <a:pt x="789009" y="330882"/>
                    <a:pt x="790633" y="334129"/>
                    <a:pt x="792258" y="327636"/>
                  </a:cubicBezTo>
                  <a:cubicBezTo>
                    <a:pt x="793882" y="322767"/>
                    <a:pt x="793882" y="324390"/>
                    <a:pt x="795506" y="322767"/>
                  </a:cubicBezTo>
                  <a:cubicBezTo>
                    <a:pt x="797130" y="319521"/>
                    <a:pt x="800379" y="321144"/>
                    <a:pt x="802003" y="317898"/>
                  </a:cubicBezTo>
                  <a:cubicBezTo>
                    <a:pt x="803628" y="316275"/>
                    <a:pt x="806876" y="316275"/>
                    <a:pt x="808500" y="316275"/>
                  </a:cubicBezTo>
                  <a:cubicBezTo>
                    <a:pt x="808500" y="316275"/>
                    <a:pt x="808500" y="316275"/>
                    <a:pt x="808500" y="314652"/>
                  </a:cubicBezTo>
                  <a:cubicBezTo>
                    <a:pt x="810125" y="311406"/>
                    <a:pt x="810125" y="313029"/>
                    <a:pt x="810125" y="313029"/>
                  </a:cubicBezTo>
                  <a:cubicBezTo>
                    <a:pt x="810125" y="313029"/>
                    <a:pt x="813373" y="314652"/>
                    <a:pt x="816622" y="313029"/>
                  </a:cubicBezTo>
                  <a:cubicBezTo>
                    <a:pt x="818246" y="311406"/>
                    <a:pt x="816622" y="309783"/>
                    <a:pt x="811749" y="306537"/>
                  </a:cubicBezTo>
                  <a:cubicBezTo>
                    <a:pt x="806876" y="301668"/>
                    <a:pt x="808500" y="303291"/>
                    <a:pt x="808500" y="301668"/>
                  </a:cubicBezTo>
                  <a:cubicBezTo>
                    <a:pt x="808500" y="300045"/>
                    <a:pt x="805252" y="298422"/>
                    <a:pt x="805252" y="296798"/>
                  </a:cubicBezTo>
                  <a:cubicBezTo>
                    <a:pt x="805252" y="295175"/>
                    <a:pt x="803628" y="293552"/>
                    <a:pt x="798755" y="288683"/>
                  </a:cubicBezTo>
                  <a:cubicBezTo>
                    <a:pt x="797130" y="287060"/>
                    <a:pt x="797130" y="285437"/>
                    <a:pt x="797130" y="283814"/>
                  </a:cubicBezTo>
                  <a:cubicBezTo>
                    <a:pt x="797130" y="282191"/>
                    <a:pt x="793882" y="278945"/>
                    <a:pt x="793882" y="277322"/>
                  </a:cubicBezTo>
                  <a:cubicBezTo>
                    <a:pt x="793882" y="274076"/>
                    <a:pt x="787385" y="274076"/>
                    <a:pt x="787385" y="272453"/>
                  </a:cubicBezTo>
                  <a:cubicBezTo>
                    <a:pt x="785761" y="270830"/>
                    <a:pt x="782512" y="270830"/>
                    <a:pt x="780888" y="270830"/>
                  </a:cubicBezTo>
                  <a:cubicBezTo>
                    <a:pt x="779263" y="269207"/>
                    <a:pt x="776015" y="269207"/>
                    <a:pt x="774391" y="269207"/>
                  </a:cubicBezTo>
                  <a:cubicBezTo>
                    <a:pt x="774391" y="269207"/>
                    <a:pt x="769518" y="269207"/>
                    <a:pt x="767893" y="267584"/>
                  </a:cubicBezTo>
                  <a:cubicBezTo>
                    <a:pt x="764645" y="265961"/>
                    <a:pt x="763021" y="265961"/>
                    <a:pt x="759772" y="262715"/>
                  </a:cubicBezTo>
                  <a:cubicBezTo>
                    <a:pt x="756524" y="261092"/>
                    <a:pt x="756524" y="261092"/>
                    <a:pt x="753275" y="261092"/>
                  </a:cubicBezTo>
                  <a:cubicBezTo>
                    <a:pt x="750026" y="261092"/>
                    <a:pt x="745154" y="259468"/>
                    <a:pt x="743529" y="259468"/>
                  </a:cubicBezTo>
                  <a:cubicBezTo>
                    <a:pt x="741905" y="259468"/>
                    <a:pt x="740280" y="257845"/>
                    <a:pt x="740280" y="257845"/>
                  </a:cubicBezTo>
                  <a:cubicBezTo>
                    <a:pt x="740280" y="257845"/>
                    <a:pt x="740280" y="257845"/>
                    <a:pt x="735407" y="257845"/>
                  </a:cubicBezTo>
                  <a:cubicBezTo>
                    <a:pt x="735407" y="257845"/>
                    <a:pt x="732159" y="256222"/>
                    <a:pt x="732159" y="256222"/>
                  </a:cubicBezTo>
                  <a:cubicBezTo>
                    <a:pt x="730535" y="254599"/>
                    <a:pt x="730535" y="254599"/>
                    <a:pt x="730535" y="252976"/>
                  </a:cubicBezTo>
                  <a:cubicBezTo>
                    <a:pt x="730535" y="251353"/>
                    <a:pt x="728910" y="249730"/>
                    <a:pt x="728910" y="248107"/>
                  </a:cubicBezTo>
                  <a:cubicBezTo>
                    <a:pt x="728910" y="248107"/>
                    <a:pt x="727286" y="248107"/>
                    <a:pt x="725662" y="248107"/>
                  </a:cubicBezTo>
                  <a:cubicBezTo>
                    <a:pt x="725662" y="248107"/>
                    <a:pt x="724037" y="249730"/>
                    <a:pt x="722413" y="249730"/>
                  </a:cubicBezTo>
                  <a:cubicBezTo>
                    <a:pt x="722413" y="249730"/>
                    <a:pt x="722413" y="249730"/>
                    <a:pt x="720789" y="249730"/>
                  </a:cubicBezTo>
                  <a:cubicBezTo>
                    <a:pt x="720789" y="249730"/>
                    <a:pt x="720789" y="249730"/>
                    <a:pt x="719165" y="248107"/>
                  </a:cubicBezTo>
                  <a:cubicBezTo>
                    <a:pt x="717540" y="244861"/>
                    <a:pt x="717540" y="246484"/>
                    <a:pt x="714292" y="246484"/>
                  </a:cubicBezTo>
                  <a:cubicBezTo>
                    <a:pt x="712668" y="246484"/>
                    <a:pt x="711043" y="244861"/>
                    <a:pt x="711043" y="244861"/>
                  </a:cubicBezTo>
                  <a:cubicBezTo>
                    <a:pt x="709419" y="243238"/>
                    <a:pt x="709419" y="243238"/>
                    <a:pt x="709419" y="238369"/>
                  </a:cubicBezTo>
                  <a:cubicBezTo>
                    <a:pt x="709419" y="236746"/>
                    <a:pt x="711043" y="236746"/>
                    <a:pt x="711043" y="231877"/>
                  </a:cubicBezTo>
                  <a:cubicBezTo>
                    <a:pt x="712668" y="227008"/>
                    <a:pt x="711043" y="231877"/>
                    <a:pt x="707795" y="235123"/>
                  </a:cubicBezTo>
                  <a:cubicBezTo>
                    <a:pt x="706170" y="235123"/>
                    <a:pt x="706170" y="236746"/>
                    <a:pt x="706170" y="238369"/>
                  </a:cubicBezTo>
                  <a:cubicBezTo>
                    <a:pt x="706170" y="241615"/>
                    <a:pt x="704546" y="243238"/>
                    <a:pt x="704546" y="243238"/>
                  </a:cubicBezTo>
                  <a:cubicBezTo>
                    <a:pt x="704546" y="244861"/>
                    <a:pt x="704546" y="246484"/>
                    <a:pt x="702922" y="249730"/>
                  </a:cubicBezTo>
                  <a:cubicBezTo>
                    <a:pt x="701298" y="251353"/>
                    <a:pt x="701298" y="251353"/>
                    <a:pt x="699673" y="251353"/>
                  </a:cubicBezTo>
                  <a:cubicBezTo>
                    <a:pt x="698049" y="251353"/>
                    <a:pt x="698049" y="251353"/>
                    <a:pt x="694800" y="251353"/>
                  </a:cubicBezTo>
                  <a:cubicBezTo>
                    <a:pt x="689928" y="249730"/>
                    <a:pt x="689928" y="249730"/>
                    <a:pt x="689928" y="248107"/>
                  </a:cubicBezTo>
                  <a:cubicBezTo>
                    <a:pt x="689928" y="246484"/>
                    <a:pt x="689928" y="246484"/>
                    <a:pt x="689928" y="243238"/>
                  </a:cubicBezTo>
                  <a:cubicBezTo>
                    <a:pt x="688303" y="241615"/>
                    <a:pt x="689928" y="239992"/>
                    <a:pt x="688303" y="236746"/>
                  </a:cubicBezTo>
                  <a:cubicBezTo>
                    <a:pt x="686679" y="235123"/>
                    <a:pt x="686679" y="235123"/>
                    <a:pt x="685055" y="233500"/>
                  </a:cubicBezTo>
                  <a:cubicBezTo>
                    <a:pt x="683431" y="231877"/>
                    <a:pt x="683431" y="231877"/>
                    <a:pt x="680182" y="230254"/>
                  </a:cubicBezTo>
                  <a:cubicBezTo>
                    <a:pt x="678558" y="230254"/>
                    <a:pt x="678558" y="228631"/>
                    <a:pt x="675309" y="227008"/>
                  </a:cubicBezTo>
                  <a:cubicBezTo>
                    <a:pt x="673685" y="225385"/>
                    <a:pt x="675309" y="225385"/>
                    <a:pt x="678558" y="220515"/>
                  </a:cubicBezTo>
                  <a:cubicBezTo>
                    <a:pt x="678558" y="218892"/>
                    <a:pt x="678558" y="222138"/>
                    <a:pt x="681806" y="222138"/>
                  </a:cubicBezTo>
                  <a:cubicBezTo>
                    <a:pt x="685055" y="222138"/>
                    <a:pt x="681806" y="225385"/>
                    <a:pt x="686679" y="225385"/>
                  </a:cubicBezTo>
                  <a:cubicBezTo>
                    <a:pt x="689928" y="225385"/>
                    <a:pt x="689928" y="225385"/>
                    <a:pt x="689928" y="222138"/>
                  </a:cubicBezTo>
                  <a:cubicBezTo>
                    <a:pt x="691552" y="220515"/>
                    <a:pt x="694800" y="218892"/>
                    <a:pt x="694800" y="218892"/>
                  </a:cubicBezTo>
                  <a:cubicBezTo>
                    <a:pt x="694800" y="218892"/>
                    <a:pt x="698049" y="218892"/>
                    <a:pt x="699673" y="217269"/>
                  </a:cubicBezTo>
                  <a:cubicBezTo>
                    <a:pt x="702922" y="217269"/>
                    <a:pt x="701298" y="218892"/>
                    <a:pt x="706170" y="218892"/>
                  </a:cubicBezTo>
                  <a:cubicBezTo>
                    <a:pt x="709419" y="218892"/>
                    <a:pt x="707795" y="218892"/>
                    <a:pt x="709419" y="217269"/>
                  </a:cubicBezTo>
                  <a:cubicBezTo>
                    <a:pt x="711043" y="215646"/>
                    <a:pt x="712668" y="215646"/>
                    <a:pt x="714292" y="215646"/>
                  </a:cubicBezTo>
                  <a:cubicBezTo>
                    <a:pt x="711043" y="215646"/>
                    <a:pt x="711043" y="215646"/>
                    <a:pt x="709419" y="215646"/>
                  </a:cubicBezTo>
                  <a:cubicBezTo>
                    <a:pt x="707795" y="214023"/>
                    <a:pt x="707795" y="210777"/>
                    <a:pt x="704546" y="214023"/>
                  </a:cubicBezTo>
                  <a:cubicBezTo>
                    <a:pt x="701298" y="215646"/>
                    <a:pt x="699673" y="214023"/>
                    <a:pt x="696425" y="215646"/>
                  </a:cubicBezTo>
                  <a:cubicBezTo>
                    <a:pt x="693176" y="215646"/>
                    <a:pt x="694800" y="217269"/>
                    <a:pt x="691552" y="215646"/>
                  </a:cubicBezTo>
                  <a:cubicBezTo>
                    <a:pt x="688303" y="212400"/>
                    <a:pt x="691552" y="212400"/>
                    <a:pt x="688303" y="212400"/>
                  </a:cubicBezTo>
                  <a:cubicBezTo>
                    <a:pt x="685055" y="214023"/>
                    <a:pt x="680182" y="214023"/>
                    <a:pt x="680182" y="214023"/>
                  </a:cubicBezTo>
                  <a:cubicBezTo>
                    <a:pt x="678558" y="215646"/>
                    <a:pt x="676933" y="215646"/>
                    <a:pt x="675309" y="214023"/>
                  </a:cubicBezTo>
                  <a:cubicBezTo>
                    <a:pt x="675309" y="210777"/>
                    <a:pt x="672061" y="210777"/>
                    <a:pt x="672061" y="207531"/>
                  </a:cubicBezTo>
                  <a:cubicBezTo>
                    <a:pt x="673685" y="205908"/>
                    <a:pt x="673685" y="201039"/>
                    <a:pt x="672061" y="201039"/>
                  </a:cubicBezTo>
                  <a:cubicBezTo>
                    <a:pt x="668812" y="201039"/>
                    <a:pt x="665563" y="199416"/>
                    <a:pt x="665563" y="199416"/>
                  </a:cubicBezTo>
                  <a:cubicBezTo>
                    <a:pt x="663939" y="199416"/>
                    <a:pt x="663939" y="197793"/>
                    <a:pt x="660691" y="197793"/>
                  </a:cubicBezTo>
                  <a:cubicBezTo>
                    <a:pt x="655818" y="197793"/>
                    <a:pt x="657442" y="199416"/>
                    <a:pt x="655818" y="197793"/>
                  </a:cubicBezTo>
                  <a:cubicBezTo>
                    <a:pt x="652569" y="197793"/>
                    <a:pt x="650945" y="194547"/>
                    <a:pt x="650945" y="194547"/>
                  </a:cubicBezTo>
                  <a:cubicBezTo>
                    <a:pt x="650945" y="194547"/>
                    <a:pt x="646072" y="191301"/>
                    <a:pt x="644448" y="189678"/>
                  </a:cubicBezTo>
                  <a:cubicBezTo>
                    <a:pt x="641199" y="184808"/>
                    <a:pt x="637951" y="184808"/>
                    <a:pt x="642824" y="183185"/>
                  </a:cubicBezTo>
                  <a:cubicBezTo>
                    <a:pt x="647696" y="183185"/>
                    <a:pt x="649321" y="179939"/>
                    <a:pt x="652569" y="184808"/>
                  </a:cubicBezTo>
                  <a:cubicBezTo>
                    <a:pt x="655818" y="189678"/>
                    <a:pt x="652569" y="186431"/>
                    <a:pt x="655818" y="189678"/>
                  </a:cubicBezTo>
                  <a:cubicBezTo>
                    <a:pt x="659066" y="191301"/>
                    <a:pt x="660691" y="186431"/>
                    <a:pt x="660691" y="186431"/>
                  </a:cubicBezTo>
                  <a:cubicBezTo>
                    <a:pt x="660691" y="186431"/>
                    <a:pt x="663939" y="181562"/>
                    <a:pt x="667188" y="181562"/>
                  </a:cubicBezTo>
                  <a:cubicBezTo>
                    <a:pt x="668812" y="181562"/>
                    <a:pt x="670436" y="183185"/>
                    <a:pt x="672061" y="181562"/>
                  </a:cubicBezTo>
                  <a:cubicBezTo>
                    <a:pt x="673685" y="179939"/>
                    <a:pt x="676933" y="175070"/>
                    <a:pt x="680182" y="175070"/>
                  </a:cubicBezTo>
                  <a:close/>
                  <a:moveTo>
                    <a:pt x="643243" y="165545"/>
                  </a:moveTo>
                  <a:cubicBezTo>
                    <a:pt x="651622" y="165545"/>
                    <a:pt x="653297" y="167132"/>
                    <a:pt x="658325" y="170308"/>
                  </a:cubicBezTo>
                  <a:cubicBezTo>
                    <a:pt x="663352" y="173483"/>
                    <a:pt x="661676" y="175070"/>
                    <a:pt x="654973" y="176658"/>
                  </a:cubicBezTo>
                  <a:cubicBezTo>
                    <a:pt x="648270" y="176658"/>
                    <a:pt x="641567" y="171895"/>
                    <a:pt x="636540" y="171895"/>
                  </a:cubicBezTo>
                  <a:cubicBezTo>
                    <a:pt x="633189" y="171895"/>
                    <a:pt x="634864" y="165545"/>
                    <a:pt x="643243" y="165545"/>
                  </a:cubicBezTo>
                  <a:close/>
                  <a:moveTo>
                    <a:pt x="504555" y="140183"/>
                  </a:moveTo>
                  <a:cubicBezTo>
                    <a:pt x="506166" y="138557"/>
                    <a:pt x="506166" y="141809"/>
                    <a:pt x="507777" y="143436"/>
                  </a:cubicBezTo>
                  <a:cubicBezTo>
                    <a:pt x="507777" y="145062"/>
                    <a:pt x="507777" y="146688"/>
                    <a:pt x="506166" y="148314"/>
                  </a:cubicBezTo>
                  <a:cubicBezTo>
                    <a:pt x="504555" y="149940"/>
                    <a:pt x="506166" y="153193"/>
                    <a:pt x="506166" y="154819"/>
                  </a:cubicBezTo>
                  <a:cubicBezTo>
                    <a:pt x="504555" y="156445"/>
                    <a:pt x="502944" y="156445"/>
                    <a:pt x="499722" y="159698"/>
                  </a:cubicBezTo>
                  <a:cubicBezTo>
                    <a:pt x="494890" y="162950"/>
                    <a:pt x="494890" y="164576"/>
                    <a:pt x="493279" y="164576"/>
                  </a:cubicBezTo>
                  <a:cubicBezTo>
                    <a:pt x="490057" y="164576"/>
                    <a:pt x="486836" y="166203"/>
                    <a:pt x="483614" y="167829"/>
                  </a:cubicBezTo>
                  <a:cubicBezTo>
                    <a:pt x="482003" y="167829"/>
                    <a:pt x="480392" y="167829"/>
                    <a:pt x="478781" y="166203"/>
                  </a:cubicBezTo>
                  <a:cubicBezTo>
                    <a:pt x="477171" y="166203"/>
                    <a:pt x="470727" y="164576"/>
                    <a:pt x="470727" y="164576"/>
                  </a:cubicBezTo>
                  <a:cubicBezTo>
                    <a:pt x="470727" y="162950"/>
                    <a:pt x="464284" y="164576"/>
                    <a:pt x="464284" y="164576"/>
                  </a:cubicBezTo>
                  <a:cubicBezTo>
                    <a:pt x="464284" y="164576"/>
                    <a:pt x="459451" y="162950"/>
                    <a:pt x="459451" y="162950"/>
                  </a:cubicBezTo>
                  <a:cubicBezTo>
                    <a:pt x="457840" y="162950"/>
                    <a:pt x="456229" y="164576"/>
                    <a:pt x="454619" y="162950"/>
                  </a:cubicBezTo>
                  <a:cubicBezTo>
                    <a:pt x="451397" y="162950"/>
                    <a:pt x="454619" y="162950"/>
                    <a:pt x="449786" y="162950"/>
                  </a:cubicBezTo>
                  <a:cubicBezTo>
                    <a:pt x="444953" y="162950"/>
                    <a:pt x="446564" y="164576"/>
                    <a:pt x="446564" y="164576"/>
                  </a:cubicBezTo>
                  <a:cubicBezTo>
                    <a:pt x="446564" y="164576"/>
                    <a:pt x="443343" y="164576"/>
                    <a:pt x="438510" y="164576"/>
                  </a:cubicBezTo>
                  <a:cubicBezTo>
                    <a:pt x="432067" y="164576"/>
                    <a:pt x="438510" y="164576"/>
                    <a:pt x="428845" y="162950"/>
                  </a:cubicBezTo>
                  <a:cubicBezTo>
                    <a:pt x="427234" y="162950"/>
                    <a:pt x="427234" y="164576"/>
                    <a:pt x="425623" y="164576"/>
                  </a:cubicBezTo>
                  <a:cubicBezTo>
                    <a:pt x="424012" y="164576"/>
                    <a:pt x="424012" y="166203"/>
                    <a:pt x="422402" y="171081"/>
                  </a:cubicBezTo>
                  <a:cubicBezTo>
                    <a:pt x="420791" y="174334"/>
                    <a:pt x="422402" y="172707"/>
                    <a:pt x="419180" y="175960"/>
                  </a:cubicBezTo>
                  <a:cubicBezTo>
                    <a:pt x="417569" y="180839"/>
                    <a:pt x="419180" y="177586"/>
                    <a:pt x="422402" y="182465"/>
                  </a:cubicBezTo>
                  <a:cubicBezTo>
                    <a:pt x="424012" y="184091"/>
                    <a:pt x="425623" y="185717"/>
                    <a:pt x="427234" y="185717"/>
                  </a:cubicBezTo>
                  <a:cubicBezTo>
                    <a:pt x="427234" y="187344"/>
                    <a:pt x="427234" y="188970"/>
                    <a:pt x="428845" y="190596"/>
                  </a:cubicBezTo>
                  <a:cubicBezTo>
                    <a:pt x="428845" y="192222"/>
                    <a:pt x="430456" y="193849"/>
                    <a:pt x="430456" y="193849"/>
                  </a:cubicBezTo>
                  <a:cubicBezTo>
                    <a:pt x="430456" y="193849"/>
                    <a:pt x="435288" y="195475"/>
                    <a:pt x="443343" y="188970"/>
                  </a:cubicBezTo>
                  <a:cubicBezTo>
                    <a:pt x="449786" y="182465"/>
                    <a:pt x="443343" y="188970"/>
                    <a:pt x="446564" y="188970"/>
                  </a:cubicBezTo>
                  <a:cubicBezTo>
                    <a:pt x="449786" y="188970"/>
                    <a:pt x="446564" y="188970"/>
                    <a:pt x="449786" y="187344"/>
                  </a:cubicBezTo>
                  <a:cubicBezTo>
                    <a:pt x="454619" y="184091"/>
                    <a:pt x="449786" y="187344"/>
                    <a:pt x="453008" y="184091"/>
                  </a:cubicBezTo>
                  <a:cubicBezTo>
                    <a:pt x="456229" y="182465"/>
                    <a:pt x="456229" y="184091"/>
                    <a:pt x="457840" y="184091"/>
                  </a:cubicBezTo>
                  <a:cubicBezTo>
                    <a:pt x="461062" y="184091"/>
                    <a:pt x="464284" y="184091"/>
                    <a:pt x="465895" y="184091"/>
                  </a:cubicBezTo>
                  <a:cubicBezTo>
                    <a:pt x="467505" y="182465"/>
                    <a:pt x="467505" y="182465"/>
                    <a:pt x="470727" y="180839"/>
                  </a:cubicBezTo>
                  <a:cubicBezTo>
                    <a:pt x="475560" y="177586"/>
                    <a:pt x="475560" y="182465"/>
                    <a:pt x="475560" y="185717"/>
                  </a:cubicBezTo>
                  <a:cubicBezTo>
                    <a:pt x="475560" y="187344"/>
                    <a:pt x="469116" y="187344"/>
                    <a:pt x="469116" y="187344"/>
                  </a:cubicBezTo>
                  <a:cubicBezTo>
                    <a:pt x="469116" y="187344"/>
                    <a:pt x="467505" y="188970"/>
                    <a:pt x="467505" y="190596"/>
                  </a:cubicBezTo>
                  <a:cubicBezTo>
                    <a:pt x="465895" y="192222"/>
                    <a:pt x="465895" y="193849"/>
                    <a:pt x="464284" y="193849"/>
                  </a:cubicBezTo>
                  <a:cubicBezTo>
                    <a:pt x="462673" y="195475"/>
                    <a:pt x="461062" y="197101"/>
                    <a:pt x="456229" y="198727"/>
                  </a:cubicBezTo>
                  <a:cubicBezTo>
                    <a:pt x="453008" y="201980"/>
                    <a:pt x="454619" y="201980"/>
                    <a:pt x="453008" y="201980"/>
                  </a:cubicBezTo>
                  <a:cubicBezTo>
                    <a:pt x="449786" y="201980"/>
                    <a:pt x="448175" y="203606"/>
                    <a:pt x="446564" y="206858"/>
                  </a:cubicBezTo>
                  <a:cubicBezTo>
                    <a:pt x="446564" y="206858"/>
                    <a:pt x="446564" y="206858"/>
                    <a:pt x="449786" y="211737"/>
                  </a:cubicBezTo>
                  <a:cubicBezTo>
                    <a:pt x="449786" y="211737"/>
                    <a:pt x="449786" y="211737"/>
                    <a:pt x="453008" y="216616"/>
                  </a:cubicBezTo>
                  <a:cubicBezTo>
                    <a:pt x="453008" y="216616"/>
                    <a:pt x="459451" y="223121"/>
                    <a:pt x="459451" y="223121"/>
                  </a:cubicBezTo>
                  <a:cubicBezTo>
                    <a:pt x="459451" y="224747"/>
                    <a:pt x="459451" y="226373"/>
                    <a:pt x="459451" y="229625"/>
                  </a:cubicBezTo>
                  <a:cubicBezTo>
                    <a:pt x="457840" y="232878"/>
                    <a:pt x="464284" y="236130"/>
                    <a:pt x="467505" y="241009"/>
                  </a:cubicBezTo>
                  <a:cubicBezTo>
                    <a:pt x="470727" y="244261"/>
                    <a:pt x="467505" y="245888"/>
                    <a:pt x="465895" y="245888"/>
                  </a:cubicBezTo>
                  <a:cubicBezTo>
                    <a:pt x="464284" y="247514"/>
                    <a:pt x="462673" y="247514"/>
                    <a:pt x="461062" y="247514"/>
                  </a:cubicBezTo>
                  <a:cubicBezTo>
                    <a:pt x="459451" y="245888"/>
                    <a:pt x="457840" y="249140"/>
                    <a:pt x="457840" y="250766"/>
                  </a:cubicBezTo>
                  <a:cubicBezTo>
                    <a:pt x="457840" y="252392"/>
                    <a:pt x="453008" y="252392"/>
                    <a:pt x="446564" y="252392"/>
                  </a:cubicBezTo>
                  <a:cubicBezTo>
                    <a:pt x="444953" y="250766"/>
                    <a:pt x="444953" y="250766"/>
                    <a:pt x="444953" y="245888"/>
                  </a:cubicBezTo>
                  <a:cubicBezTo>
                    <a:pt x="446564" y="242635"/>
                    <a:pt x="444953" y="244261"/>
                    <a:pt x="443343" y="242635"/>
                  </a:cubicBezTo>
                  <a:cubicBezTo>
                    <a:pt x="441732" y="239383"/>
                    <a:pt x="443343" y="239383"/>
                    <a:pt x="438510" y="232878"/>
                  </a:cubicBezTo>
                  <a:cubicBezTo>
                    <a:pt x="435288" y="227999"/>
                    <a:pt x="438510" y="232878"/>
                    <a:pt x="433678" y="231252"/>
                  </a:cubicBezTo>
                  <a:cubicBezTo>
                    <a:pt x="428845" y="227999"/>
                    <a:pt x="433678" y="229625"/>
                    <a:pt x="433678" y="226373"/>
                  </a:cubicBezTo>
                  <a:cubicBezTo>
                    <a:pt x="433678" y="224747"/>
                    <a:pt x="436899" y="226373"/>
                    <a:pt x="438510" y="221494"/>
                  </a:cubicBezTo>
                  <a:cubicBezTo>
                    <a:pt x="438510" y="218242"/>
                    <a:pt x="435288" y="219868"/>
                    <a:pt x="432067" y="218242"/>
                  </a:cubicBezTo>
                  <a:cubicBezTo>
                    <a:pt x="428845" y="216616"/>
                    <a:pt x="425623" y="219868"/>
                    <a:pt x="425623" y="227999"/>
                  </a:cubicBezTo>
                  <a:cubicBezTo>
                    <a:pt x="424012" y="237757"/>
                    <a:pt x="425623" y="232878"/>
                    <a:pt x="425623" y="237757"/>
                  </a:cubicBezTo>
                  <a:cubicBezTo>
                    <a:pt x="425623" y="242635"/>
                    <a:pt x="425623" y="244261"/>
                    <a:pt x="425623" y="245888"/>
                  </a:cubicBezTo>
                  <a:cubicBezTo>
                    <a:pt x="427234" y="247514"/>
                    <a:pt x="425623" y="254019"/>
                    <a:pt x="425623" y="255645"/>
                  </a:cubicBezTo>
                  <a:cubicBezTo>
                    <a:pt x="424012" y="258897"/>
                    <a:pt x="424012" y="260524"/>
                    <a:pt x="424012" y="263776"/>
                  </a:cubicBezTo>
                  <a:cubicBezTo>
                    <a:pt x="422402" y="267028"/>
                    <a:pt x="420791" y="268655"/>
                    <a:pt x="417569" y="270281"/>
                  </a:cubicBezTo>
                  <a:cubicBezTo>
                    <a:pt x="414347" y="271907"/>
                    <a:pt x="412736" y="270281"/>
                    <a:pt x="409515" y="268655"/>
                  </a:cubicBezTo>
                  <a:cubicBezTo>
                    <a:pt x="407904" y="265402"/>
                    <a:pt x="407904" y="263776"/>
                    <a:pt x="407904" y="260524"/>
                  </a:cubicBezTo>
                  <a:cubicBezTo>
                    <a:pt x="406293" y="258897"/>
                    <a:pt x="409515" y="258897"/>
                    <a:pt x="411126" y="255645"/>
                  </a:cubicBezTo>
                  <a:cubicBezTo>
                    <a:pt x="414347" y="252392"/>
                    <a:pt x="412736" y="252392"/>
                    <a:pt x="414347" y="247514"/>
                  </a:cubicBezTo>
                  <a:cubicBezTo>
                    <a:pt x="414347" y="242635"/>
                    <a:pt x="412736" y="245888"/>
                    <a:pt x="411126" y="242635"/>
                  </a:cubicBezTo>
                  <a:cubicBezTo>
                    <a:pt x="411126" y="239383"/>
                    <a:pt x="411126" y="242635"/>
                    <a:pt x="412736" y="239383"/>
                  </a:cubicBezTo>
                  <a:cubicBezTo>
                    <a:pt x="414347" y="237757"/>
                    <a:pt x="412736" y="236130"/>
                    <a:pt x="412736" y="232878"/>
                  </a:cubicBezTo>
                  <a:cubicBezTo>
                    <a:pt x="412736" y="227999"/>
                    <a:pt x="411126" y="231252"/>
                    <a:pt x="407904" y="231252"/>
                  </a:cubicBezTo>
                  <a:cubicBezTo>
                    <a:pt x="404682" y="229625"/>
                    <a:pt x="403071" y="231252"/>
                    <a:pt x="401460" y="229625"/>
                  </a:cubicBezTo>
                  <a:cubicBezTo>
                    <a:pt x="399850" y="227999"/>
                    <a:pt x="401460" y="226373"/>
                    <a:pt x="399850" y="221494"/>
                  </a:cubicBezTo>
                  <a:cubicBezTo>
                    <a:pt x="398239" y="216616"/>
                    <a:pt x="399850" y="219868"/>
                    <a:pt x="403071" y="216616"/>
                  </a:cubicBezTo>
                  <a:cubicBezTo>
                    <a:pt x="404682" y="213363"/>
                    <a:pt x="404682" y="216616"/>
                    <a:pt x="403071" y="213363"/>
                  </a:cubicBezTo>
                  <a:cubicBezTo>
                    <a:pt x="401460" y="208485"/>
                    <a:pt x="403071" y="211737"/>
                    <a:pt x="404682" y="208485"/>
                  </a:cubicBezTo>
                  <a:cubicBezTo>
                    <a:pt x="406293" y="205232"/>
                    <a:pt x="406293" y="206858"/>
                    <a:pt x="406293" y="203606"/>
                  </a:cubicBezTo>
                  <a:cubicBezTo>
                    <a:pt x="407904" y="198727"/>
                    <a:pt x="406293" y="200353"/>
                    <a:pt x="407904" y="195475"/>
                  </a:cubicBezTo>
                  <a:cubicBezTo>
                    <a:pt x="407904" y="188970"/>
                    <a:pt x="407904" y="195475"/>
                    <a:pt x="409515" y="188970"/>
                  </a:cubicBezTo>
                  <a:cubicBezTo>
                    <a:pt x="412736" y="184091"/>
                    <a:pt x="414347" y="185717"/>
                    <a:pt x="412736" y="184091"/>
                  </a:cubicBezTo>
                  <a:cubicBezTo>
                    <a:pt x="411126" y="180839"/>
                    <a:pt x="415958" y="179212"/>
                    <a:pt x="415958" y="172707"/>
                  </a:cubicBezTo>
                  <a:cubicBezTo>
                    <a:pt x="414347" y="166203"/>
                    <a:pt x="417569" y="169455"/>
                    <a:pt x="415958" y="167829"/>
                  </a:cubicBezTo>
                  <a:cubicBezTo>
                    <a:pt x="415958" y="164576"/>
                    <a:pt x="419180" y="164576"/>
                    <a:pt x="420791" y="162950"/>
                  </a:cubicBezTo>
                  <a:cubicBezTo>
                    <a:pt x="422402" y="159698"/>
                    <a:pt x="420791" y="162950"/>
                    <a:pt x="424012" y="159698"/>
                  </a:cubicBezTo>
                  <a:cubicBezTo>
                    <a:pt x="425623" y="156445"/>
                    <a:pt x="425623" y="159698"/>
                    <a:pt x="427234" y="158072"/>
                  </a:cubicBezTo>
                  <a:cubicBezTo>
                    <a:pt x="427234" y="158072"/>
                    <a:pt x="430456" y="156445"/>
                    <a:pt x="430456" y="156445"/>
                  </a:cubicBezTo>
                  <a:cubicBezTo>
                    <a:pt x="432067" y="154819"/>
                    <a:pt x="433678" y="151567"/>
                    <a:pt x="433678" y="149940"/>
                  </a:cubicBezTo>
                  <a:cubicBezTo>
                    <a:pt x="435288" y="149940"/>
                    <a:pt x="435288" y="149940"/>
                    <a:pt x="438510" y="148314"/>
                  </a:cubicBezTo>
                  <a:cubicBezTo>
                    <a:pt x="440121" y="146688"/>
                    <a:pt x="440121" y="149940"/>
                    <a:pt x="444953" y="151567"/>
                  </a:cubicBezTo>
                  <a:cubicBezTo>
                    <a:pt x="444953" y="153193"/>
                    <a:pt x="449786" y="151567"/>
                    <a:pt x="451397" y="149940"/>
                  </a:cubicBezTo>
                  <a:cubicBezTo>
                    <a:pt x="453008" y="149940"/>
                    <a:pt x="454619" y="151567"/>
                    <a:pt x="457840" y="153193"/>
                  </a:cubicBezTo>
                  <a:cubicBezTo>
                    <a:pt x="461062" y="154819"/>
                    <a:pt x="464284" y="154819"/>
                    <a:pt x="465895" y="154819"/>
                  </a:cubicBezTo>
                  <a:cubicBezTo>
                    <a:pt x="467505" y="156445"/>
                    <a:pt x="467505" y="154819"/>
                    <a:pt x="470727" y="154819"/>
                  </a:cubicBezTo>
                  <a:cubicBezTo>
                    <a:pt x="473949" y="153193"/>
                    <a:pt x="473949" y="154819"/>
                    <a:pt x="475560" y="154819"/>
                  </a:cubicBezTo>
                  <a:cubicBezTo>
                    <a:pt x="477171" y="156445"/>
                    <a:pt x="480392" y="156445"/>
                    <a:pt x="482003" y="156445"/>
                  </a:cubicBezTo>
                  <a:cubicBezTo>
                    <a:pt x="483614" y="158072"/>
                    <a:pt x="485225" y="158072"/>
                    <a:pt x="486836" y="156445"/>
                  </a:cubicBezTo>
                  <a:cubicBezTo>
                    <a:pt x="488447" y="156445"/>
                    <a:pt x="491668" y="153193"/>
                    <a:pt x="493279" y="149940"/>
                  </a:cubicBezTo>
                  <a:cubicBezTo>
                    <a:pt x="494890" y="146688"/>
                    <a:pt x="496501" y="148314"/>
                    <a:pt x="498112" y="143436"/>
                  </a:cubicBezTo>
                  <a:cubicBezTo>
                    <a:pt x="501333" y="140183"/>
                    <a:pt x="501333" y="141809"/>
                    <a:pt x="504555" y="140183"/>
                  </a:cubicBezTo>
                  <a:close/>
                  <a:moveTo>
                    <a:pt x="533176" y="95695"/>
                  </a:moveTo>
                  <a:cubicBezTo>
                    <a:pt x="533176" y="95695"/>
                    <a:pt x="534763" y="95695"/>
                    <a:pt x="536351" y="95695"/>
                  </a:cubicBezTo>
                  <a:cubicBezTo>
                    <a:pt x="539526" y="95695"/>
                    <a:pt x="537938" y="97282"/>
                    <a:pt x="537938" y="98870"/>
                  </a:cubicBezTo>
                  <a:cubicBezTo>
                    <a:pt x="537938" y="100457"/>
                    <a:pt x="537938" y="100457"/>
                    <a:pt x="536351" y="102045"/>
                  </a:cubicBezTo>
                  <a:cubicBezTo>
                    <a:pt x="534763" y="103632"/>
                    <a:pt x="536351" y="106807"/>
                    <a:pt x="533176" y="106807"/>
                  </a:cubicBezTo>
                  <a:cubicBezTo>
                    <a:pt x="530001" y="108395"/>
                    <a:pt x="533176" y="106807"/>
                    <a:pt x="531588" y="103632"/>
                  </a:cubicBezTo>
                  <a:cubicBezTo>
                    <a:pt x="531588" y="100457"/>
                    <a:pt x="530001" y="97282"/>
                    <a:pt x="533176" y="95695"/>
                  </a:cubicBezTo>
                  <a:close/>
                  <a:moveTo>
                    <a:pt x="4096" y="75503"/>
                  </a:moveTo>
                  <a:cubicBezTo>
                    <a:pt x="5522" y="75909"/>
                    <a:pt x="7152" y="76722"/>
                    <a:pt x="7967" y="76722"/>
                  </a:cubicBezTo>
                  <a:cubicBezTo>
                    <a:pt x="9596" y="76722"/>
                    <a:pt x="12856" y="81601"/>
                    <a:pt x="12856" y="81601"/>
                  </a:cubicBezTo>
                  <a:cubicBezTo>
                    <a:pt x="12856" y="81601"/>
                    <a:pt x="17745" y="79975"/>
                    <a:pt x="21004" y="79975"/>
                  </a:cubicBezTo>
                  <a:cubicBezTo>
                    <a:pt x="25893" y="79975"/>
                    <a:pt x="27522" y="83227"/>
                    <a:pt x="29152" y="83227"/>
                  </a:cubicBezTo>
                  <a:cubicBezTo>
                    <a:pt x="30782" y="83227"/>
                    <a:pt x="37300" y="81601"/>
                    <a:pt x="37300" y="81601"/>
                  </a:cubicBezTo>
                  <a:cubicBezTo>
                    <a:pt x="37300" y="81601"/>
                    <a:pt x="37300" y="81601"/>
                    <a:pt x="42189" y="84853"/>
                  </a:cubicBezTo>
                  <a:cubicBezTo>
                    <a:pt x="42189" y="84853"/>
                    <a:pt x="40560" y="83227"/>
                    <a:pt x="42189" y="81601"/>
                  </a:cubicBezTo>
                  <a:cubicBezTo>
                    <a:pt x="43819" y="81601"/>
                    <a:pt x="43819" y="83227"/>
                    <a:pt x="43819" y="84853"/>
                  </a:cubicBezTo>
                  <a:cubicBezTo>
                    <a:pt x="45448" y="88106"/>
                    <a:pt x="45448" y="89732"/>
                    <a:pt x="45448" y="89732"/>
                  </a:cubicBezTo>
                  <a:cubicBezTo>
                    <a:pt x="45448" y="89732"/>
                    <a:pt x="47078" y="89732"/>
                    <a:pt x="50337" y="91358"/>
                  </a:cubicBezTo>
                  <a:cubicBezTo>
                    <a:pt x="51967" y="92985"/>
                    <a:pt x="51967" y="92985"/>
                    <a:pt x="51967" y="94611"/>
                  </a:cubicBezTo>
                  <a:cubicBezTo>
                    <a:pt x="53597" y="97863"/>
                    <a:pt x="53597" y="99489"/>
                    <a:pt x="53597" y="99489"/>
                  </a:cubicBezTo>
                  <a:cubicBezTo>
                    <a:pt x="53597" y="99489"/>
                    <a:pt x="55226" y="102742"/>
                    <a:pt x="55226" y="104368"/>
                  </a:cubicBezTo>
                  <a:cubicBezTo>
                    <a:pt x="56856" y="105994"/>
                    <a:pt x="56856" y="105994"/>
                    <a:pt x="58486" y="105994"/>
                  </a:cubicBezTo>
                  <a:cubicBezTo>
                    <a:pt x="60115" y="105994"/>
                    <a:pt x="60115" y="107620"/>
                    <a:pt x="61745" y="107620"/>
                  </a:cubicBezTo>
                  <a:cubicBezTo>
                    <a:pt x="63375" y="107620"/>
                    <a:pt x="66634" y="110873"/>
                    <a:pt x="66634" y="110873"/>
                  </a:cubicBezTo>
                  <a:cubicBezTo>
                    <a:pt x="66634" y="112499"/>
                    <a:pt x="71523" y="114125"/>
                    <a:pt x="73152" y="114125"/>
                  </a:cubicBezTo>
                  <a:cubicBezTo>
                    <a:pt x="73152" y="114125"/>
                    <a:pt x="78041" y="117378"/>
                    <a:pt x="81301" y="120630"/>
                  </a:cubicBezTo>
                  <a:cubicBezTo>
                    <a:pt x="82930" y="125509"/>
                    <a:pt x="81301" y="123883"/>
                    <a:pt x="81301" y="125509"/>
                  </a:cubicBezTo>
                  <a:cubicBezTo>
                    <a:pt x="81301" y="127135"/>
                    <a:pt x="81301" y="127135"/>
                    <a:pt x="82930" y="127135"/>
                  </a:cubicBezTo>
                  <a:cubicBezTo>
                    <a:pt x="84560" y="128761"/>
                    <a:pt x="86190" y="130388"/>
                    <a:pt x="87819" y="130388"/>
                  </a:cubicBezTo>
                  <a:cubicBezTo>
                    <a:pt x="87819" y="132014"/>
                    <a:pt x="91079" y="132014"/>
                    <a:pt x="91079" y="133640"/>
                  </a:cubicBezTo>
                  <a:cubicBezTo>
                    <a:pt x="92708" y="135266"/>
                    <a:pt x="94338" y="136892"/>
                    <a:pt x="94338" y="136892"/>
                  </a:cubicBezTo>
                  <a:cubicBezTo>
                    <a:pt x="94338" y="136892"/>
                    <a:pt x="95968" y="135266"/>
                    <a:pt x="95968" y="135266"/>
                  </a:cubicBezTo>
                  <a:cubicBezTo>
                    <a:pt x="97597" y="133640"/>
                    <a:pt x="97597" y="133640"/>
                    <a:pt x="100856" y="136892"/>
                  </a:cubicBezTo>
                  <a:cubicBezTo>
                    <a:pt x="102486" y="138519"/>
                    <a:pt x="102486" y="140145"/>
                    <a:pt x="102486" y="141771"/>
                  </a:cubicBezTo>
                  <a:cubicBezTo>
                    <a:pt x="102486" y="141771"/>
                    <a:pt x="104116" y="143397"/>
                    <a:pt x="104116" y="143397"/>
                  </a:cubicBezTo>
                  <a:cubicBezTo>
                    <a:pt x="105745" y="143397"/>
                    <a:pt x="107375" y="140145"/>
                    <a:pt x="109005" y="138519"/>
                  </a:cubicBezTo>
                  <a:cubicBezTo>
                    <a:pt x="112264" y="136892"/>
                    <a:pt x="110634" y="141771"/>
                    <a:pt x="112264" y="143397"/>
                  </a:cubicBezTo>
                  <a:cubicBezTo>
                    <a:pt x="112264" y="143397"/>
                    <a:pt x="115523" y="145024"/>
                    <a:pt x="117153" y="145024"/>
                  </a:cubicBezTo>
                  <a:cubicBezTo>
                    <a:pt x="117153" y="145024"/>
                    <a:pt x="118783" y="148276"/>
                    <a:pt x="118783" y="148276"/>
                  </a:cubicBezTo>
                  <a:cubicBezTo>
                    <a:pt x="118783" y="148276"/>
                    <a:pt x="118783" y="149902"/>
                    <a:pt x="118783" y="151528"/>
                  </a:cubicBezTo>
                  <a:cubicBezTo>
                    <a:pt x="118783" y="153155"/>
                    <a:pt x="118783" y="154781"/>
                    <a:pt x="120412" y="154781"/>
                  </a:cubicBezTo>
                  <a:cubicBezTo>
                    <a:pt x="120412" y="156407"/>
                    <a:pt x="123671" y="156407"/>
                    <a:pt x="125301" y="156407"/>
                  </a:cubicBezTo>
                  <a:cubicBezTo>
                    <a:pt x="125301" y="156407"/>
                    <a:pt x="126931" y="158033"/>
                    <a:pt x="128560" y="158033"/>
                  </a:cubicBezTo>
                  <a:cubicBezTo>
                    <a:pt x="130190" y="159660"/>
                    <a:pt x="130190" y="161286"/>
                    <a:pt x="131820" y="162912"/>
                  </a:cubicBezTo>
                  <a:cubicBezTo>
                    <a:pt x="133449" y="164538"/>
                    <a:pt x="133449" y="164538"/>
                    <a:pt x="133449" y="164538"/>
                  </a:cubicBezTo>
                  <a:cubicBezTo>
                    <a:pt x="135079" y="166164"/>
                    <a:pt x="135079" y="161286"/>
                    <a:pt x="138338" y="162912"/>
                  </a:cubicBezTo>
                  <a:cubicBezTo>
                    <a:pt x="143227" y="164538"/>
                    <a:pt x="139968" y="166164"/>
                    <a:pt x="143227" y="167791"/>
                  </a:cubicBezTo>
                  <a:cubicBezTo>
                    <a:pt x="144857" y="169417"/>
                    <a:pt x="143227" y="169417"/>
                    <a:pt x="143227" y="171043"/>
                  </a:cubicBezTo>
                  <a:cubicBezTo>
                    <a:pt x="144857" y="174295"/>
                    <a:pt x="143227" y="171043"/>
                    <a:pt x="143227" y="174295"/>
                  </a:cubicBezTo>
                  <a:cubicBezTo>
                    <a:pt x="141598" y="175922"/>
                    <a:pt x="141598" y="175922"/>
                    <a:pt x="139968" y="177548"/>
                  </a:cubicBezTo>
                  <a:cubicBezTo>
                    <a:pt x="138338" y="180800"/>
                    <a:pt x="139968" y="179174"/>
                    <a:pt x="141598" y="180800"/>
                  </a:cubicBezTo>
                  <a:cubicBezTo>
                    <a:pt x="141598" y="180800"/>
                    <a:pt x="141598" y="180800"/>
                    <a:pt x="144857" y="180800"/>
                  </a:cubicBezTo>
                  <a:cubicBezTo>
                    <a:pt x="146487" y="180800"/>
                    <a:pt x="144857" y="182427"/>
                    <a:pt x="143227" y="184053"/>
                  </a:cubicBezTo>
                  <a:cubicBezTo>
                    <a:pt x="141598" y="187305"/>
                    <a:pt x="143227" y="185679"/>
                    <a:pt x="144857" y="188932"/>
                  </a:cubicBezTo>
                  <a:cubicBezTo>
                    <a:pt x="144857" y="190558"/>
                    <a:pt x="149746" y="188932"/>
                    <a:pt x="151375" y="188932"/>
                  </a:cubicBezTo>
                  <a:cubicBezTo>
                    <a:pt x="151375" y="188932"/>
                    <a:pt x="154635" y="190558"/>
                    <a:pt x="154635" y="190558"/>
                  </a:cubicBezTo>
                  <a:cubicBezTo>
                    <a:pt x="154635" y="190558"/>
                    <a:pt x="156264" y="190558"/>
                    <a:pt x="157894" y="193810"/>
                  </a:cubicBezTo>
                  <a:cubicBezTo>
                    <a:pt x="159524" y="197063"/>
                    <a:pt x="157894" y="193810"/>
                    <a:pt x="157894" y="195437"/>
                  </a:cubicBezTo>
                  <a:cubicBezTo>
                    <a:pt x="157894" y="198689"/>
                    <a:pt x="157894" y="198689"/>
                    <a:pt x="157894" y="200315"/>
                  </a:cubicBezTo>
                  <a:cubicBezTo>
                    <a:pt x="157894" y="200315"/>
                    <a:pt x="157894" y="201941"/>
                    <a:pt x="157894" y="201941"/>
                  </a:cubicBezTo>
                  <a:cubicBezTo>
                    <a:pt x="157894" y="201941"/>
                    <a:pt x="161153" y="203568"/>
                    <a:pt x="164413" y="206820"/>
                  </a:cubicBezTo>
                  <a:cubicBezTo>
                    <a:pt x="164413" y="206820"/>
                    <a:pt x="162783" y="206820"/>
                    <a:pt x="162783" y="208446"/>
                  </a:cubicBezTo>
                  <a:cubicBezTo>
                    <a:pt x="162783" y="208446"/>
                    <a:pt x="164413" y="211699"/>
                    <a:pt x="164413" y="211699"/>
                  </a:cubicBezTo>
                  <a:cubicBezTo>
                    <a:pt x="164413" y="211699"/>
                    <a:pt x="166042" y="213325"/>
                    <a:pt x="167672" y="213325"/>
                  </a:cubicBezTo>
                  <a:cubicBezTo>
                    <a:pt x="167672" y="213325"/>
                    <a:pt x="170931" y="213325"/>
                    <a:pt x="172561" y="213325"/>
                  </a:cubicBezTo>
                  <a:cubicBezTo>
                    <a:pt x="174191" y="213325"/>
                    <a:pt x="175820" y="216577"/>
                    <a:pt x="175820" y="216577"/>
                  </a:cubicBezTo>
                  <a:cubicBezTo>
                    <a:pt x="175820" y="216577"/>
                    <a:pt x="175820" y="216577"/>
                    <a:pt x="182339" y="223082"/>
                  </a:cubicBezTo>
                  <a:cubicBezTo>
                    <a:pt x="182339" y="223082"/>
                    <a:pt x="182339" y="223082"/>
                    <a:pt x="182339" y="227961"/>
                  </a:cubicBezTo>
                  <a:cubicBezTo>
                    <a:pt x="182339" y="231213"/>
                    <a:pt x="180709" y="234466"/>
                    <a:pt x="180709" y="234466"/>
                  </a:cubicBezTo>
                  <a:cubicBezTo>
                    <a:pt x="180709" y="234466"/>
                    <a:pt x="180709" y="236092"/>
                    <a:pt x="180709" y="242597"/>
                  </a:cubicBezTo>
                  <a:cubicBezTo>
                    <a:pt x="180709" y="242597"/>
                    <a:pt x="180709" y="242597"/>
                    <a:pt x="180709" y="247476"/>
                  </a:cubicBezTo>
                  <a:cubicBezTo>
                    <a:pt x="180709" y="247476"/>
                    <a:pt x="180709" y="250728"/>
                    <a:pt x="180709" y="257233"/>
                  </a:cubicBezTo>
                  <a:cubicBezTo>
                    <a:pt x="180709" y="257233"/>
                    <a:pt x="180709" y="257233"/>
                    <a:pt x="180709" y="262112"/>
                  </a:cubicBezTo>
                  <a:lnTo>
                    <a:pt x="177450" y="270243"/>
                  </a:lnTo>
                  <a:cubicBezTo>
                    <a:pt x="177450" y="270243"/>
                    <a:pt x="177450" y="270243"/>
                    <a:pt x="172561" y="271869"/>
                  </a:cubicBezTo>
                  <a:cubicBezTo>
                    <a:pt x="172561" y="271869"/>
                    <a:pt x="172561" y="271869"/>
                    <a:pt x="166042" y="268616"/>
                  </a:cubicBezTo>
                  <a:cubicBezTo>
                    <a:pt x="166042" y="268616"/>
                    <a:pt x="162783" y="265364"/>
                    <a:pt x="161153" y="265364"/>
                  </a:cubicBezTo>
                  <a:cubicBezTo>
                    <a:pt x="157894" y="265364"/>
                    <a:pt x="157894" y="273495"/>
                    <a:pt x="156264" y="270243"/>
                  </a:cubicBezTo>
                  <a:cubicBezTo>
                    <a:pt x="154635" y="266990"/>
                    <a:pt x="151375" y="266990"/>
                    <a:pt x="151375" y="265364"/>
                  </a:cubicBezTo>
                  <a:cubicBezTo>
                    <a:pt x="151375" y="262112"/>
                    <a:pt x="144857" y="262112"/>
                    <a:pt x="143227" y="260485"/>
                  </a:cubicBezTo>
                  <a:cubicBezTo>
                    <a:pt x="143227" y="258859"/>
                    <a:pt x="135079" y="255607"/>
                    <a:pt x="130190" y="249102"/>
                  </a:cubicBezTo>
                  <a:cubicBezTo>
                    <a:pt x="130190" y="249102"/>
                    <a:pt x="125301" y="244223"/>
                    <a:pt x="123671" y="236092"/>
                  </a:cubicBezTo>
                  <a:cubicBezTo>
                    <a:pt x="120412" y="226335"/>
                    <a:pt x="123671" y="236092"/>
                    <a:pt x="117153" y="232840"/>
                  </a:cubicBezTo>
                  <a:cubicBezTo>
                    <a:pt x="112264" y="231213"/>
                    <a:pt x="113894" y="232840"/>
                    <a:pt x="112264" y="229587"/>
                  </a:cubicBezTo>
                  <a:cubicBezTo>
                    <a:pt x="110634" y="226335"/>
                    <a:pt x="109005" y="227961"/>
                    <a:pt x="107375" y="224709"/>
                  </a:cubicBezTo>
                  <a:cubicBezTo>
                    <a:pt x="105745" y="221456"/>
                    <a:pt x="102486" y="219830"/>
                    <a:pt x="102486" y="219830"/>
                  </a:cubicBezTo>
                  <a:cubicBezTo>
                    <a:pt x="102486" y="219830"/>
                    <a:pt x="95968" y="208446"/>
                    <a:pt x="94338" y="205194"/>
                  </a:cubicBezTo>
                  <a:cubicBezTo>
                    <a:pt x="92708" y="201941"/>
                    <a:pt x="89449" y="197063"/>
                    <a:pt x="87819" y="192184"/>
                  </a:cubicBezTo>
                  <a:cubicBezTo>
                    <a:pt x="86190" y="188932"/>
                    <a:pt x="86190" y="188932"/>
                    <a:pt x="84560" y="187305"/>
                  </a:cubicBezTo>
                  <a:cubicBezTo>
                    <a:pt x="84560" y="184053"/>
                    <a:pt x="81301" y="182427"/>
                    <a:pt x="79671" y="179174"/>
                  </a:cubicBezTo>
                  <a:cubicBezTo>
                    <a:pt x="79671" y="174295"/>
                    <a:pt x="78041" y="175922"/>
                    <a:pt x="76412" y="172669"/>
                  </a:cubicBezTo>
                  <a:cubicBezTo>
                    <a:pt x="76412" y="169417"/>
                    <a:pt x="69893" y="169417"/>
                    <a:pt x="68264" y="167791"/>
                  </a:cubicBezTo>
                  <a:cubicBezTo>
                    <a:pt x="66634" y="164538"/>
                    <a:pt x="66634" y="162912"/>
                    <a:pt x="63375" y="156407"/>
                  </a:cubicBezTo>
                  <a:cubicBezTo>
                    <a:pt x="61745" y="153155"/>
                    <a:pt x="63375" y="151528"/>
                    <a:pt x="63375" y="149902"/>
                  </a:cubicBezTo>
                  <a:cubicBezTo>
                    <a:pt x="63375" y="146650"/>
                    <a:pt x="60115" y="145024"/>
                    <a:pt x="60115" y="141771"/>
                  </a:cubicBezTo>
                  <a:cubicBezTo>
                    <a:pt x="58486" y="138519"/>
                    <a:pt x="56856" y="140145"/>
                    <a:pt x="53597" y="136892"/>
                  </a:cubicBezTo>
                  <a:cubicBezTo>
                    <a:pt x="51967" y="133640"/>
                    <a:pt x="47078" y="138519"/>
                    <a:pt x="42189" y="132014"/>
                  </a:cubicBezTo>
                  <a:cubicBezTo>
                    <a:pt x="42189" y="132014"/>
                    <a:pt x="42189" y="132014"/>
                    <a:pt x="40560" y="125509"/>
                  </a:cubicBezTo>
                  <a:cubicBezTo>
                    <a:pt x="40560" y="125509"/>
                    <a:pt x="37300" y="119004"/>
                    <a:pt x="37300" y="117378"/>
                  </a:cubicBezTo>
                  <a:cubicBezTo>
                    <a:pt x="37300" y="115752"/>
                    <a:pt x="30782" y="110873"/>
                    <a:pt x="24263" y="114125"/>
                  </a:cubicBezTo>
                  <a:cubicBezTo>
                    <a:pt x="17745" y="115752"/>
                    <a:pt x="24263" y="114125"/>
                    <a:pt x="21004" y="110873"/>
                  </a:cubicBezTo>
                  <a:cubicBezTo>
                    <a:pt x="19374" y="109247"/>
                    <a:pt x="21004" y="110873"/>
                    <a:pt x="19374" y="105994"/>
                  </a:cubicBezTo>
                  <a:cubicBezTo>
                    <a:pt x="17745" y="102742"/>
                    <a:pt x="14485" y="101116"/>
                    <a:pt x="11226" y="99489"/>
                  </a:cubicBezTo>
                  <a:cubicBezTo>
                    <a:pt x="7967" y="96237"/>
                    <a:pt x="7967" y="96237"/>
                    <a:pt x="6337" y="94611"/>
                  </a:cubicBezTo>
                  <a:cubicBezTo>
                    <a:pt x="6337" y="92985"/>
                    <a:pt x="3078" y="88106"/>
                    <a:pt x="1448" y="86480"/>
                  </a:cubicBezTo>
                  <a:cubicBezTo>
                    <a:pt x="-1811" y="84853"/>
                    <a:pt x="1448" y="79975"/>
                    <a:pt x="1448" y="76722"/>
                  </a:cubicBezTo>
                  <a:cubicBezTo>
                    <a:pt x="1448" y="75096"/>
                    <a:pt x="2670" y="75096"/>
                    <a:pt x="4096" y="75503"/>
                  </a:cubicBezTo>
                  <a:close/>
                  <a:moveTo>
                    <a:pt x="452213" y="67120"/>
                  </a:moveTo>
                  <a:cubicBezTo>
                    <a:pt x="452213" y="67120"/>
                    <a:pt x="453801" y="68707"/>
                    <a:pt x="452213" y="73470"/>
                  </a:cubicBezTo>
                  <a:cubicBezTo>
                    <a:pt x="450626" y="76645"/>
                    <a:pt x="452213" y="73470"/>
                    <a:pt x="450626" y="71882"/>
                  </a:cubicBezTo>
                  <a:cubicBezTo>
                    <a:pt x="447451" y="71882"/>
                    <a:pt x="450626" y="68707"/>
                    <a:pt x="452213" y="67120"/>
                  </a:cubicBezTo>
                  <a:close/>
                  <a:moveTo>
                    <a:pt x="442235" y="67120"/>
                  </a:moveTo>
                  <a:cubicBezTo>
                    <a:pt x="442235" y="68707"/>
                    <a:pt x="445864" y="73470"/>
                    <a:pt x="440421" y="75058"/>
                  </a:cubicBezTo>
                  <a:cubicBezTo>
                    <a:pt x="438607" y="75058"/>
                    <a:pt x="440421" y="73470"/>
                    <a:pt x="436792" y="71883"/>
                  </a:cubicBezTo>
                  <a:cubicBezTo>
                    <a:pt x="433164" y="71883"/>
                    <a:pt x="433164" y="71883"/>
                    <a:pt x="433164" y="70295"/>
                  </a:cubicBezTo>
                  <a:cubicBezTo>
                    <a:pt x="433164" y="67120"/>
                    <a:pt x="434978" y="70295"/>
                    <a:pt x="436792" y="68707"/>
                  </a:cubicBezTo>
                  <a:cubicBezTo>
                    <a:pt x="438607" y="67120"/>
                    <a:pt x="440421" y="67120"/>
                    <a:pt x="442235" y="67120"/>
                  </a:cubicBezTo>
                  <a:close/>
                  <a:moveTo>
                    <a:pt x="362090" y="54447"/>
                  </a:moveTo>
                  <a:cubicBezTo>
                    <a:pt x="362090" y="54447"/>
                    <a:pt x="363722" y="54447"/>
                    <a:pt x="365353" y="54447"/>
                  </a:cubicBezTo>
                  <a:cubicBezTo>
                    <a:pt x="366984" y="52832"/>
                    <a:pt x="366984" y="54447"/>
                    <a:pt x="370246" y="56061"/>
                  </a:cubicBezTo>
                  <a:cubicBezTo>
                    <a:pt x="370246" y="56061"/>
                    <a:pt x="371878" y="57676"/>
                    <a:pt x="371878" y="59290"/>
                  </a:cubicBezTo>
                  <a:cubicBezTo>
                    <a:pt x="373509" y="59290"/>
                    <a:pt x="375140" y="59290"/>
                    <a:pt x="375140" y="59290"/>
                  </a:cubicBezTo>
                  <a:cubicBezTo>
                    <a:pt x="375140" y="59290"/>
                    <a:pt x="376771" y="60905"/>
                    <a:pt x="376771" y="62520"/>
                  </a:cubicBezTo>
                  <a:cubicBezTo>
                    <a:pt x="376771" y="64134"/>
                    <a:pt x="378402" y="64134"/>
                    <a:pt x="378402" y="65749"/>
                  </a:cubicBezTo>
                  <a:cubicBezTo>
                    <a:pt x="378402" y="67364"/>
                    <a:pt x="380033" y="68978"/>
                    <a:pt x="381665" y="68978"/>
                  </a:cubicBezTo>
                  <a:cubicBezTo>
                    <a:pt x="383296" y="68978"/>
                    <a:pt x="383296" y="70593"/>
                    <a:pt x="386558" y="72208"/>
                  </a:cubicBezTo>
                  <a:cubicBezTo>
                    <a:pt x="388189" y="72208"/>
                    <a:pt x="388189" y="75437"/>
                    <a:pt x="389821" y="73822"/>
                  </a:cubicBezTo>
                  <a:cubicBezTo>
                    <a:pt x="389821" y="73822"/>
                    <a:pt x="393083" y="75437"/>
                    <a:pt x="393083" y="75437"/>
                  </a:cubicBezTo>
                  <a:cubicBezTo>
                    <a:pt x="393083" y="75437"/>
                    <a:pt x="396345" y="77051"/>
                    <a:pt x="399608" y="78666"/>
                  </a:cubicBezTo>
                  <a:cubicBezTo>
                    <a:pt x="399608" y="80281"/>
                    <a:pt x="401239" y="80281"/>
                    <a:pt x="404501" y="80281"/>
                  </a:cubicBezTo>
                  <a:cubicBezTo>
                    <a:pt x="407764" y="80281"/>
                    <a:pt x="401239" y="86739"/>
                    <a:pt x="401239" y="86739"/>
                  </a:cubicBezTo>
                  <a:cubicBezTo>
                    <a:pt x="401239" y="86739"/>
                    <a:pt x="401239" y="86739"/>
                    <a:pt x="399608" y="88354"/>
                  </a:cubicBezTo>
                  <a:cubicBezTo>
                    <a:pt x="399608" y="88354"/>
                    <a:pt x="399608" y="88354"/>
                    <a:pt x="394714" y="88354"/>
                  </a:cubicBezTo>
                  <a:cubicBezTo>
                    <a:pt x="394714" y="88354"/>
                    <a:pt x="389821" y="86739"/>
                    <a:pt x="388189" y="86739"/>
                  </a:cubicBezTo>
                  <a:cubicBezTo>
                    <a:pt x="388189" y="85125"/>
                    <a:pt x="386558" y="88354"/>
                    <a:pt x="388189" y="91583"/>
                  </a:cubicBezTo>
                  <a:cubicBezTo>
                    <a:pt x="389821" y="91583"/>
                    <a:pt x="389821" y="93198"/>
                    <a:pt x="391452" y="94813"/>
                  </a:cubicBezTo>
                  <a:cubicBezTo>
                    <a:pt x="391452" y="94813"/>
                    <a:pt x="389821" y="98042"/>
                    <a:pt x="389821" y="98042"/>
                  </a:cubicBezTo>
                  <a:cubicBezTo>
                    <a:pt x="389821" y="98042"/>
                    <a:pt x="389821" y="98042"/>
                    <a:pt x="386558" y="99656"/>
                  </a:cubicBezTo>
                  <a:cubicBezTo>
                    <a:pt x="386558" y="99656"/>
                    <a:pt x="386558" y="99656"/>
                    <a:pt x="384927" y="101271"/>
                  </a:cubicBezTo>
                  <a:cubicBezTo>
                    <a:pt x="384927" y="101271"/>
                    <a:pt x="383296" y="102886"/>
                    <a:pt x="381665" y="101271"/>
                  </a:cubicBezTo>
                  <a:cubicBezTo>
                    <a:pt x="380033" y="101271"/>
                    <a:pt x="380033" y="102886"/>
                    <a:pt x="378402" y="104500"/>
                  </a:cubicBezTo>
                  <a:cubicBezTo>
                    <a:pt x="376771" y="104500"/>
                    <a:pt x="378402" y="106115"/>
                    <a:pt x="380033" y="106115"/>
                  </a:cubicBezTo>
                  <a:cubicBezTo>
                    <a:pt x="380033" y="107730"/>
                    <a:pt x="381665" y="109344"/>
                    <a:pt x="380033" y="110959"/>
                  </a:cubicBezTo>
                  <a:cubicBezTo>
                    <a:pt x="380033" y="112574"/>
                    <a:pt x="378402" y="110959"/>
                    <a:pt x="373509" y="109344"/>
                  </a:cubicBezTo>
                  <a:cubicBezTo>
                    <a:pt x="370246" y="109344"/>
                    <a:pt x="373509" y="110959"/>
                    <a:pt x="371878" y="114188"/>
                  </a:cubicBezTo>
                  <a:cubicBezTo>
                    <a:pt x="371878" y="115803"/>
                    <a:pt x="371878" y="115803"/>
                    <a:pt x="371878" y="115803"/>
                  </a:cubicBezTo>
                  <a:cubicBezTo>
                    <a:pt x="371878" y="115803"/>
                    <a:pt x="373509" y="119032"/>
                    <a:pt x="375140" y="120647"/>
                  </a:cubicBezTo>
                  <a:cubicBezTo>
                    <a:pt x="375140" y="120647"/>
                    <a:pt x="375140" y="122261"/>
                    <a:pt x="376771" y="122261"/>
                  </a:cubicBezTo>
                  <a:cubicBezTo>
                    <a:pt x="376771" y="123876"/>
                    <a:pt x="378402" y="125491"/>
                    <a:pt x="380033" y="127105"/>
                  </a:cubicBezTo>
                  <a:cubicBezTo>
                    <a:pt x="380033" y="127105"/>
                    <a:pt x="381665" y="128720"/>
                    <a:pt x="383296" y="130335"/>
                  </a:cubicBezTo>
                  <a:cubicBezTo>
                    <a:pt x="383296" y="131949"/>
                    <a:pt x="383296" y="131949"/>
                    <a:pt x="383296" y="135179"/>
                  </a:cubicBezTo>
                  <a:cubicBezTo>
                    <a:pt x="383296" y="138408"/>
                    <a:pt x="383296" y="138408"/>
                    <a:pt x="383296" y="138408"/>
                  </a:cubicBezTo>
                  <a:cubicBezTo>
                    <a:pt x="383296" y="140022"/>
                    <a:pt x="384927" y="144866"/>
                    <a:pt x="386558" y="144866"/>
                  </a:cubicBezTo>
                  <a:cubicBezTo>
                    <a:pt x="388189" y="144866"/>
                    <a:pt x="389821" y="148096"/>
                    <a:pt x="389821" y="148096"/>
                  </a:cubicBezTo>
                  <a:cubicBezTo>
                    <a:pt x="389821" y="148096"/>
                    <a:pt x="394714" y="151325"/>
                    <a:pt x="396345" y="151325"/>
                  </a:cubicBezTo>
                  <a:cubicBezTo>
                    <a:pt x="397977" y="152940"/>
                    <a:pt x="397977" y="154554"/>
                    <a:pt x="399608" y="154554"/>
                  </a:cubicBezTo>
                  <a:cubicBezTo>
                    <a:pt x="401239" y="154554"/>
                    <a:pt x="397977" y="156169"/>
                    <a:pt x="396345" y="156169"/>
                  </a:cubicBezTo>
                  <a:cubicBezTo>
                    <a:pt x="394714" y="156169"/>
                    <a:pt x="393083" y="157784"/>
                    <a:pt x="389821" y="157784"/>
                  </a:cubicBezTo>
                  <a:cubicBezTo>
                    <a:pt x="388189" y="156169"/>
                    <a:pt x="389821" y="156169"/>
                    <a:pt x="386558" y="154554"/>
                  </a:cubicBezTo>
                  <a:cubicBezTo>
                    <a:pt x="384927" y="151325"/>
                    <a:pt x="386558" y="154554"/>
                    <a:pt x="381665" y="157784"/>
                  </a:cubicBezTo>
                  <a:cubicBezTo>
                    <a:pt x="376771" y="162627"/>
                    <a:pt x="381665" y="157784"/>
                    <a:pt x="378402" y="161013"/>
                  </a:cubicBezTo>
                  <a:cubicBezTo>
                    <a:pt x="376771" y="162627"/>
                    <a:pt x="375140" y="164242"/>
                    <a:pt x="375140" y="165857"/>
                  </a:cubicBezTo>
                  <a:cubicBezTo>
                    <a:pt x="375140" y="167471"/>
                    <a:pt x="375140" y="167471"/>
                    <a:pt x="375140" y="170701"/>
                  </a:cubicBezTo>
                  <a:cubicBezTo>
                    <a:pt x="375140" y="172315"/>
                    <a:pt x="375140" y="175545"/>
                    <a:pt x="375140" y="177159"/>
                  </a:cubicBezTo>
                  <a:cubicBezTo>
                    <a:pt x="375140" y="178774"/>
                    <a:pt x="373509" y="183618"/>
                    <a:pt x="373509" y="183618"/>
                  </a:cubicBezTo>
                  <a:cubicBezTo>
                    <a:pt x="373509" y="183618"/>
                    <a:pt x="363722" y="194921"/>
                    <a:pt x="362090" y="196535"/>
                  </a:cubicBezTo>
                  <a:cubicBezTo>
                    <a:pt x="362090" y="196535"/>
                    <a:pt x="358828" y="198150"/>
                    <a:pt x="357197" y="198150"/>
                  </a:cubicBezTo>
                  <a:cubicBezTo>
                    <a:pt x="355566" y="199764"/>
                    <a:pt x="357197" y="201379"/>
                    <a:pt x="357197" y="202994"/>
                  </a:cubicBezTo>
                  <a:cubicBezTo>
                    <a:pt x="358828" y="204608"/>
                    <a:pt x="358828" y="206223"/>
                    <a:pt x="358828" y="209452"/>
                  </a:cubicBezTo>
                  <a:cubicBezTo>
                    <a:pt x="358828" y="211067"/>
                    <a:pt x="358828" y="212682"/>
                    <a:pt x="358828" y="212682"/>
                  </a:cubicBezTo>
                  <a:cubicBezTo>
                    <a:pt x="358828" y="212682"/>
                    <a:pt x="357197" y="217526"/>
                    <a:pt x="355566" y="219140"/>
                  </a:cubicBezTo>
                  <a:cubicBezTo>
                    <a:pt x="355566" y="220755"/>
                    <a:pt x="355566" y="220755"/>
                    <a:pt x="353934" y="222369"/>
                  </a:cubicBezTo>
                  <a:cubicBezTo>
                    <a:pt x="352303" y="223984"/>
                    <a:pt x="352303" y="225599"/>
                    <a:pt x="350672" y="227213"/>
                  </a:cubicBezTo>
                  <a:cubicBezTo>
                    <a:pt x="349041" y="228828"/>
                    <a:pt x="347410" y="232057"/>
                    <a:pt x="347410" y="232057"/>
                  </a:cubicBezTo>
                  <a:cubicBezTo>
                    <a:pt x="347410" y="232057"/>
                    <a:pt x="347410" y="232057"/>
                    <a:pt x="345778" y="233672"/>
                  </a:cubicBezTo>
                  <a:cubicBezTo>
                    <a:pt x="345778" y="233672"/>
                    <a:pt x="345778" y="233672"/>
                    <a:pt x="342516" y="236901"/>
                  </a:cubicBezTo>
                  <a:cubicBezTo>
                    <a:pt x="342516" y="236901"/>
                    <a:pt x="342516" y="236901"/>
                    <a:pt x="337622" y="238516"/>
                  </a:cubicBezTo>
                  <a:cubicBezTo>
                    <a:pt x="337622" y="238516"/>
                    <a:pt x="332729" y="240130"/>
                    <a:pt x="331098" y="240130"/>
                  </a:cubicBezTo>
                  <a:cubicBezTo>
                    <a:pt x="329467" y="240130"/>
                    <a:pt x="327835" y="241745"/>
                    <a:pt x="327835" y="240130"/>
                  </a:cubicBezTo>
                  <a:cubicBezTo>
                    <a:pt x="326204" y="238516"/>
                    <a:pt x="326204" y="236901"/>
                    <a:pt x="326204" y="235287"/>
                  </a:cubicBezTo>
                  <a:cubicBezTo>
                    <a:pt x="326204" y="233672"/>
                    <a:pt x="327835" y="230443"/>
                    <a:pt x="324573" y="227213"/>
                  </a:cubicBezTo>
                  <a:cubicBezTo>
                    <a:pt x="322942" y="222369"/>
                    <a:pt x="322942" y="225599"/>
                    <a:pt x="319679" y="227213"/>
                  </a:cubicBezTo>
                  <a:cubicBezTo>
                    <a:pt x="319679" y="227213"/>
                    <a:pt x="316417" y="228828"/>
                    <a:pt x="313155" y="228828"/>
                  </a:cubicBezTo>
                  <a:cubicBezTo>
                    <a:pt x="309892" y="230443"/>
                    <a:pt x="311523" y="228828"/>
                    <a:pt x="311523" y="225599"/>
                  </a:cubicBezTo>
                  <a:cubicBezTo>
                    <a:pt x="311523" y="225599"/>
                    <a:pt x="308261" y="223984"/>
                    <a:pt x="303367" y="222369"/>
                  </a:cubicBezTo>
                  <a:cubicBezTo>
                    <a:pt x="303367" y="222369"/>
                    <a:pt x="298474" y="225599"/>
                    <a:pt x="298474" y="225599"/>
                  </a:cubicBezTo>
                  <a:cubicBezTo>
                    <a:pt x="296843" y="227213"/>
                    <a:pt x="295211" y="227213"/>
                    <a:pt x="293580" y="227213"/>
                  </a:cubicBezTo>
                  <a:cubicBezTo>
                    <a:pt x="293580" y="225599"/>
                    <a:pt x="290318" y="225599"/>
                    <a:pt x="290318" y="225599"/>
                  </a:cubicBezTo>
                  <a:cubicBezTo>
                    <a:pt x="290318" y="225599"/>
                    <a:pt x="287055" y="227213"/>
                    <a:pt x="280531" y="227213"/>
                  </a:cubicBezTo>
                  <a:cubicBezTo>
                    <a:pt x="280531" y="227213"/>
                    <a:pt x="280531" y="225599"/>
                    <a:pt x="280531" y="223984"/>
                  </a:cubicBezTo>
                  <a:cubicBezTo>
                    <a:pt x="278900" y="222369"/>
                    <a:pt x="280531" y="220755"/>
                    <a:pt x="280531" y="220755"/>
                  </a:cubicBezTo>
                  <a:cubicBezTo>
                    <a:pt x="280531" y="219140"/>
                    <a:pt x="275637" y="217526"/>
                    <a:pt x="275637" y="217526"/>
                  </a:cubicBezTo>
                  <a:cubicBezTo>
                    <a:pt x="274006" y="217526"/>
                    <a:pt x="272375" y="220755"/>
                    <a:pt x="270744" y="220755"/>
                  </a:cubicBezTo>
                  <a:cubicBezTo>
                    <a:pt x="270744" y="222369"/>
                    <a:pt x="269112" y="220755"/>
                    <a:pt x="269112" y="220755"/>
                  </a:cubicBezTo>
                  <a:cubicBezTo>
                    <a:pt x="267481" y="219140"/>
                    <a:pt x="264219" y="219140"/>
                    <a:pt x="264219" y="219140"/>
                  </a:cubicBezTo>
                  <a:cubicBezTo>
                    <a:pt x="264219" y="217526"/>
                    <a:pt x="260956" y="220755"/>
                    <a:pt x="260956" y="220755"/>
                  </a:cubicBezTo>
                  <a:cubicBezTo>
                    <a:pt x="260956" y="220755"/>
                    <a:pt x="260956" y="220755"/>
                    <a:pt x="257694" y="219140"/>
                  </a:cubicBezTo>
                  <a:cubicBezTo>
                    <a:pt x="257694" y="219140"/>
                    <a:pt x="254432" y="219140"/>
                    <a:pt x="254432" y="217526"/>
                  </a:cubicBezTo>
                  <a:cubicBezTo>
                    <a:pt x="254432" y="217526"/>
                    <a:pt x="252800" y="217526"/>
                    <a:pt x="252800" y="215911"/>
                  </a:cubicBezTo>
                  <a:cubicBezTo>
                    <a:pt x="252800" y="214296"/>
                    <a:pt x="251169" y="211067"/>
                    <a:pt x="251169" y="211067"/>
                  </a:cubicBezTo>
                  <a:cubicBezTo>
                    <a:pt x="251169" y="211067"/>
                    <a:pt x="247907" y="207838"/>
                    <a:pt x="247907" y="204608"/>
                  </a:cubicBezTo>
                  <a:cubicBezTo>
                    <a:pt x="246276" y="204608"/>
                    <a:pt x="247907" y="201379"/>
                    <a:pt x="246276" y="198150"/>
                  </a:cubicBezTo>
                  <a:cubicBezTo>
                    <a:pt x="246276" y="196535"/>
                    <a:pt x="246276" y="196535"/>
                    <a:pt x="246276" y="194921"/>
                  </a:cubicBezTo>
                  <a:cubicBezTo>
                    <a:pt x="244644" y="194921"/>
                    <a:pt x="244644" y="193306"/>
                    <a:pt x="243013" y="190077"/>
                  </a:cubicBezTo>
                  <a:cubicBezTo>
                    <a:pt x="243013" y="190077"/>
                    <a:pt x="238120" y="177159"/>
                    <a:pt x="238120" y="173930"/>
                  </a:cubicBezTo>
                  <a:cubicBezTo>
                    <a:pt x="236489" y="172315"/>
                    <a:pt x="236489" y="172315"/>
                    <a:pt x="234857" y="170701"/>
                  </a:cubicBezTo>
                  <a:cubicBezTo>
                    <a:pt x="234857" y="170701"/>
                    <a:pt x="234857" y="169086"/>
                    <a:pt x="233226" y="167471"/>
                  </a:cubicBezTo>
                  <a:cubicBezTo>
                    <a:pt x="229964" y="164242"/>
                    <a:pt x="233226" y="161013"/>
                    <a:pt x="233226" y="161013"/>
                  </a:cubicBezTo>
                  <a:cubicBezTo>
                    <a:pt x="233226" y="159398"/>
                    <a:pt x="234857" y="151325"/>
                    <a:pt x="234857" y="149710"/>
                  </a:cubicBezTo>
                  <a:cubicBezTo>
                    <a:pt x="234857" y="146481"/>
                    <a:pt x="236489" y="146481"/>
                    <a:pt x="238120" y="143252"/>
                  </a:cubicBezTo>
                  <a:cubicBezTo>
                    <a:pt x="238120" y="141637"/>
                    <a:pt x="241382" y="141637"/>
                    <a:pt x="243013" y="140022"/>
                  </a:cubicBezTo>
                  <a:cubicBezTo>
                    <a:pt x="244644" y="140022"/>
                    <a:pt x="243013" y="141637"/>
                    <a:pt x="244644" y="144866"/>
                  </a:cubicBezTo>
                  <a:cubicBezTo>
                    <a:pt x="244644" y="146481"/>
                    <a:pt x="249538" y="146481"/>
                    <a:pt x="251169" y="143252"/>
                  </a:cubicBezTo>
                  <a:cubicBezTo>
                    <a:pt x="252800" y="141637"/>
                    <a:pt x="254432" y="143252"/>
                    <a:pt x="254432" y="143252"/>
                  </a:cubicBezTo>
                  <a:cubicBezTo>
                    <a:pt x="256063" y="144866"/>
                    <a:pt x="257694" y="144866"/>
                    <a:pt x="260956" y="144866"/>
                  </a:cubicBezTo>
                  <a:cubicBezTo>
                    <a:pt x="262588" y="143252"/>
                    <a:pt x="267481" y="144866"/>
                    <a:pt x="267481" y="144866"/>
                  </a:cubicBezTo>
                  <a:cubicBezTo>
                    <a:pt x="267481" y="143252"/>
                    <a:pt x="267481" y="141637"/>
                    <a:pt x="267481" y="138408"/>
                  </a:cubicBezTo>
                  <a:cubicBezTo>
                    <a:pt x="267481" y="135179"/>
                    <a:pt x="267481" y="135179"/>
                    <a:pt x="267481" y="133564"/>
                  </a:cubicBezTo>
                  <a:cubicBezTo>
                    <a:pt x="267481" y="131949"/>
                    <a:pt x="269112" y="130335"/>
                    <a:pt x="269112" y="127105"/>
                  </a:cubicBezTo>
                  <a:cubicBezTo>
                    <a:pt x="270744" y="125491"/>
                    <a:pt x="272375" y="125491"/>
                    <a:pt x="274006" y="127105"/>
                  </a:cubicBezTo>
                  <a:cubicBezTo>
                    <a:pt x="274006" y="127105"/>
                    <a:pt x="277268" y="125491"/>
                    <a:pt x="277268" y="125491"/>
                  </a:cubicBezTo>
                  <a:cubicBezTo>
                    <a:pt x="277268" y="125491"/>
                    <a:pt x="282162" y="123876"/>
                    <a:pt x="283793" y="123876"/>
                  </a:cubicBezTo>
                  <a:cubicBezTo>
                    <a:pt x="285424" y="122261"/>
                    <a:pt x="290318" y="122261"/>
                    <a:pt x="290318" y="122261"/>
                  </a:cubicBezTo>
                  <a:cubicBezTo>
                    <a:pt x="290318" y="122261"/>
                    <a:pt x="290318" y="122261"/>
                    <a:pt x="295211" y="117418"/>
                  </a:cubicBezTo>
                  <a:cubicBezTo>
                    <a:pt x="300105" y="112574"/>
                    <a:pt x="296843" y="117418"/>
                    <a:pt x="300105" y="115803"/>
                  </a:cubicBezTo>
                  <a:cubicBezTo>
                    <a:pt x="301736" y="112574"/>
                    <a:pt x="300105" y="114188"/>
                    <a:pt x="303367" y="110959"/>
                  </a:cubicBezTo>
                  <a:cubicBezTo>
                    <a:pt x="304999" y="109344"/>
                    <a:pt x="304999" y="109344"/>
                    <a:pt x="308261" y="104500"/>
                  </a:cubicBezTo>
                  <a:cubicBezTo>
                    <a:pt x="313155" y="101271"/>
                    <a:pt x="311523" y="102886"/>
                    <a:pt x="314786" y="101271"/>
                  </a:cubicBezTo>
                  <a:cubicBezTo>
                    <a:pt x="316417" y="98042"/>
                    <a:pt x="314786" y="101271"/>
                    <a:pt x="314786" y="98042"/>
                  </a:cubicBezTo>
                  <a:cubicBezTo>
                    <a:pt x="316417" y="94813"/>
                    <a:pt x="316417" y="96427"/>
                    <a:pt x="318048" y="94813"/>
                  </a:cubicBezTo>
                  <a:cubicBezTo>
                    <a:pt x="318048" y="91583"/>
                    <a:pt x="318048" y="96427"/>
                    <a:pt x="319679" y="96427"/>
                  </a:cubicBezTo>
                  <a:cubicBezTo>
                    <a:pt x="321311" y="96427"/>
                    <a:pt x="321311" y="99656"/>
                    <a:pt x="321311" y="99656"/>
                  </a:cubicBezTo>
                  <a:cubicBezTo>
                    <a:pt x="321311" y="101271"/>
                    <a:pt x="324573" y="104500"/>
                    <a:pt x="326204" y="104500"/>
                  </a:cubicBezTo>
                  <a:cubicBezTo>
                    <a:pt x="327835" y="102886"/>
                    <a:pt x="327835" y="102886"/>
                    <a:pt x="332729" y="99656"/>
                  </a:cubicBezTo>
                  <a:cubicBezTo>
                    <a:pt x="334360" y="98042"/>
                    <a:pt x="332729" y="98042"/>
                    <a:pt x="335991" y="98042"/>
                  </a:cubicBezTo>
                  <a:cubicBezTo>
                    <a:pt x="337622" y="98042"/>
                    <a:pt x="337622" y="98042"/>
                    <a:pt x="339254" y="96427"/>
                  </a:cubicBezTo>
                  <a:cubicBezTo>
                    <a:pt x="340885" y="94813"/>
                    <a:pt x="339254" y="93198"/>
                    <a:pt x="339254" y="91583"/>
                  </a:cubicBezTo>
                  <a:cubicBezTo>
                    <a:pt x="339254" y="89969"/>
                    <a:pt x="339254" y="91583"/>
                    <a:pt x="339254" y="88354"/>
                  </a:cubicBezTo>
                  <a:cubicBezTo>
                    <a:pt x="340885" y="83510"/>
                    <a:pt x="340885" y="85125"/>
                    <a:pt x="340885" y="83510"/>
                  </a:cubicBezTo>
                  <a:cubicBezTo>
                    <a:pt x="340885" y="81895"/>
                    <a:pt x="340885" y="81895"/>
                    <a:pt x="342516" y="78666"/>
                  </a:cubicBezTo>
                  <a:cubicBezTo>
                    <a:pt x="345778" y="73822"/>
                    <a:pt x="342516" y="77051"/>
                    <a:pt x="344147" y="75437"/>
                  </a:cubicBezTo>
                  <a:cubicBezTo>
                    <a:pt x="344147" y="73822"/>
                    <a:pt x="349041" y="72208"/>
                    <a:pt x="350672" y="70593"/>
                  </a:cubicBezTo>
                  <a:cubicBezTo>
                    <a:pt x="352303" y="68978"/>
                    <a:pt x="352303" y="67364"/>
                    <a:pt x="352303" y="67364"/>
                  </a:cubicBezTo>
                  <a:cubicBezTo>
                    <a:pt x="352303" y="65749"/>
                    <a:pt x="355566" y="64134"/>
                    <a:pt x="355566" y="64134"/>
                  </a:cubicBezTo>
                  <a:cubicBezTo>
                    <a:pt x="355566" y="64134"/>
                    <a:pt x="357197" y="59290"/>
                    <a:pt x="358828" y="57676"/>
                  </a:cubicBezTo>
                  <a:cubicBezTo>
                    <a:pt x="358828" y="56061"/>
                    <a:pt x="362090" y="54447"/>
                    <a:pt x="362090" y="54447"/>
                  </a:cubicBezTo>
                  <a:close/>
                  <a:moveTo>
                    <a:pt x="517015" y="5207"/>
                  </a:moveTo>
                  <a:cubicBezTo>
                    <a:pt x="518635" y="5207"/>
                    <a:pt x="520254" y="6830"/>
                    <a:pt x="520254" y="6830"/>
                  </a:cubicBezTo>
                  <a:cubicBezTo>
                    <a:pt x="520254" y="6830"/>
                    <a:pt x="521873" y="10075"/>
                    <a:pt x="521873" y="11698"/>
                  </a:cubicBezTo>
                  <a:cubicBezTo>
                    <a:pt x="521873" y="13321"/>
                    <a:pt x="523492" y="14944"/>
                    <a:pt x="523492" y="16566"/>
                  </a:cubicBezTo>
                  <a:cubicBezTo>
                    <a:pt x="525112" y="18189"/>
                    <a:pt x="525112" y="18189"/>
                    <a:pt x="526731" y="19812"/>
                  </a:cubicBezTo>
                  <a:cubicBezTo>
                    <a:pt x="528350" y="21435"/>
                    <a:pt x="526731" y="19812"/>
                    <a:pt x="526731" y="21435"/>
                  </a:cubicBezTo>
                  <a:cubicBezTo>
                    <a:pt x="526731" y="23057"/>
                    <a:pt x="526731" y="24680"/>
                    <a:pt x="526731" y="24680"/>
                  </a:cubicBezTo>
                  <a:cubicBezTo>
                    <a:pt x="526731" y="24680"/>
                    <a:pt x="526731" y="26303"/>
                    <a:pt x="526731" y="27926"/>
                  </a:cubicBezTo>
                  <a:cubicBezTo>
                    <a:pt x="526731" y="27926"/>
                    <a:pt x="526731" y="31171"/>
                    <a:pt x="526731" y="31171"/>
                  </a:cubicBezTo>
                  <a:cubicBezTo>
                    <a:pt x="526731" y="31171"/>
                    <a:pt x="528350" y="34417"/>
                    <a:pt x="528350" y="36040"/>
                  </a:cubicBezTo>
                  <a:cubicBezTo>
                    <a:pt x="528350" y="36040"/>
                    <a:pt x="528350" y="37662"/>
                    <a:pt x="528350" y="37662"/>
                  </a:cubicBezTo>
                  <a:cubicBezTo>
                    <a:pt x="528350" y="37662"/>
                    <a:pt x="528350" y="40908"/>
                    <a:pt x="529969" y="40908"/>
                  </a:cubicBezTo>
                  <a:cubicBezTo>
                    <a:pt x="529969" y="42531"/>
                    <a:pt x="531589" y="45776"/>
                    <a:pt x="531589" y="45776"/>
                  </a:cubicBezTo>
                  <a:cubicBezTo>
                    <a:pt x="531589" y="45776"/>
                    <a:pt x="531589" y="47399"/>
                    <a:pt x="531589" y="49022"/>
                  </a:cubicBezTo>
                  <a:cubicBezTo>
                    <a:pt x="529969" y="50645"/>
                    <a:pt x="528350" y="50645"/>
                    <a:pt x="528350" y="52267"/>
                  </a:cubicBezTo>
                  <a:cubicBezTo>
                    <a:pt x="526731" y="53890"/>
                    <a:pt x="526731" y="53890"/>
                    <a:pt x="523492" y="63627"/>
                  </a:cubicBezTo>
                  <a:cubicBezTo>
                    <a:pt x="521873" y="65250"/>
                    <a:pt x="521873" y="60381"/>
                    <a:pt x="521873" y="58759"/>
                  </a:cubicBezTo>
                  <a:cubicBezTo>
                    <a:pt x="521873" y="55513"/>
                    <a:pt x="521873" y="55513"/>
                    <a:pt x="520254" y="53890"/>
                  </a:cubicBezTo>
                  <a:cubicBezTo>
                    <a:pt x="520254" y="50645"/>
                    <a:pt x="520254" y="50645"/>
                    <a:pt x="520254" y="49022"/>
                  </a:cubicBezTo>
                  <a:cubicBezTo>
                    <a:pt x="520254" y="47399"/>
                    <a:pt x="517015" y="49022"/>
                    <a:pt x="517015" y="50645"/>
                  </a:cubicBezTo>
                  <a:cubicBezTo>
                    <a:pt x="517015" y="52267"/>
                    <a:pt x="517015" y="53890"/>
                    <a:pt x="517015" y="53890"/>
                  </a:cubicBezTo>
                  <a:cubicBezTo>
                    <a:pt x="517015" y="53890"/>
                    <a:pt x="517015" y="55513"/>
                    <a:pt x="513777" y="52267"/>
                  </a:cubicBezTo>
                  <a:cubicBezTo>
                    <a:pt x="513777" y="52267"/>
                    <a:pt x="513777" y="55513"/>
                    <a:pt x="512158" y="57136"/>
                  </a:cubicBezTo>
                  <a:cubicBezTo>
                    <a:pt x="512158" y="57136"/>
                    <a:pt x="513777" y="58759"/>
                    <a:pt x="513777" y="60381"/>
                  </a:cubicBezTo>
                  <a:cubicBezTo>
                    <a:pt x="513777" y="62004"/>
                    <a:pt x="515396" y="62004"/>
                    <a:pt x="515396" y="62004"/>
                  </a:cubicBezTo>
                  <a:cubicBezTo>
                    <a:pt x="515396" y="62004"/>
                    <a:pt x="515396" y="65250"/>
                    <a:pt x="517015" y="66872"/>
                  </a:cubicBezTo>
                  <a:cubicBezTo>
                    <a:pt x="518635" y="70118"/>
                    <a:pt x="517015" y="66872"/>
                    <a:pt x="513777" y="71741"/>
                  </a:cubicBezTo>
                  <a:cubicBezTo>
                    <a:pt x="513777" y="73364"/>
                    <a:pt x="513777" y="74986"/>
                    <a:pt x="512158" y="76609"/>
                  </a:cubicBezTo>
                  <a:cubicBezTo>
                    <a:pt x="512158" y="76609"/>
                    <a:pt x="512158" y="78232"/>
                    <a:pt x="507300" y="78232"/>
                  </a:cubicBezTo>
                  <a:cubicBezTo>
                    <a:pt x="507300" y="78232"/>
                    <a:pt x="507300" y="78232"/>
                    <a:pt x="507300" y="76609"/>
                  </a:cubicBezTo>
                  <a:cubicBezTo>
                    <a:pt x="507300" y="74986"/>
                    <a:pt x="507300" y="76609"/>
                    <a:pt x="507300" y="74986"/>
                  </a:cubicBezTo>
                  <a:cubicBezTo>
                    <a:pt x="507300" y="71741"/>
                    <a:pt x="505681" y="73364"/>
                    <a:pt x="504061" y="70118"/>
                  </a:cubicBezTo>
                  <a:cubicBezTo>
                    <a:pt x="504061" y="70118"/>
                    <a:pt x="504061" y="70118"/>
                    <a:pt x="502442" y="70118"/>
                  </a:cubicBezTo>
                  <a:cubicBezTo>
                    <a:pt x="500823" y="71741"/>
                    <a:pt x="502442" y="70118"/>
                    <a:pt x="499204" y="70118"/>
                  </a:cubicBezTo>
                  <a:cubicBezTo>
                    <a:pt x="495965" y="70118"/>
                    <a:pt x="499204" y="70118"/>
                    <a:pt x="497584" y="70118"/>
                  </a:cubicBezTo>
                  <a:cubicBezTo>
                    <a:pt x="495965" y="71741"/>
                    <a:pt x="494346" y="68495"/>
                    <a:pt x="492727" y="66872"/>
                  </a:cubicBezTo>
                  <a:cubicBezTo>
                    <a:pt x="492727" y="66872"/>
                    <a:pt x="489488" y="66872"/>
                    <a:pt x="487869" y="63627"/>
                  </a:cubicBezTo>
                  <a:cubicBezTo>
                    <a:pt x="486249" y="60381"/>
                    <a:pt x="487869" y="63627"/>
                    <a:pt x="487869" y="60381"/>
                  </a:cubicBezTo>
                  <a:cubicBezTo>
                    <a:pt x="487869" y="57136"/>
                    <a:pt x="486249" y="57136"/>
                    <a:pt x="486249" y="55513"/>
                  </a:cubicBezTo>
                  <a:cubicBezTo>
                    <a:pt x="486249" y="52267"/>
                    <a:pt x="486249" y="52267"/>
                    <a:pt x="487869" y="49022"/>
                  </a:cubicBezTo>
                  <a:cubicBezTo>
                    <a:pt x="487869" y="45776"/>
                    <a:pt x="487869" y="49022"/>
                    <a:pt x="489488" y="45776"/>
                  </a:cubicBezTo>
                  <a:cubicBezTo>
                    <a:pt x="491107" y="44154"/>
                    <a:pt x="489488" y="45776"/>
                    <a:pt x="489488" y="44154"/>
                  </a:cubicBezTo>
                  <a:cubicBezTo>
                    <a:pt x="489488" y="42531"/>
                    <a:pt x="489488" y="40908"/>
                    <a:pt x="487869" y="39285"/>
                  </a:cubicBezTo>
                  <a:cubicBezTo>
                    <a:pt x="487869" y="39285"/>
                    <a:pt x="483011" y="37662"/>
                    <a:pt x="483011" y="37662"/>
                  </a:cubicBezTo>
                  <a:cubicBezTo>
                    <a:pt x="481392" y="37662"/>
                    <a:pt x="479772" y="37662"/>
                    <a:pt x="479772" y="37662"/>
                  </a:cubicBezTo>
                  <a:cubicBezTo>
                    <a:pt x="479772" y="37662"/>
                    <a:pt x="479772" y="37662"/>
                    <a:pt x="479772" y="40908"/>
                  </a:cubicBezTo>
                  <a:cubicBezTo>
                    <a:pt x="479772" y="40908"/>
                    <a:pt x="479772" y="42531"/>
                    <a:pt x="478153" y="44154"/>
                  </a:cubicBezTo>
                  <a:cubicBezTo>
                    <a:pt x="478153" y="45776"/>
                    <a:pt x="476534" y="44154"/>
                    <a:pt x="476534" y="44154"/>
                  </a:cubicBezTo>
                  <a:cubicBezTo>
                    <a:pt x="474915" y="42531"/>
                    <a:pt x="474915" y="42531"/>
                    <a:pt x="474915" y="40908"/>
                  </a:cubicBezTo>
                  <a:cubicBezTo>
                    <a:pt x="473295" y="39285"/>
                    <a:pt x="473295" y="40908"/>
                    <a:pt x="471676" y="42531"/>
                  </a:cubicBezTo>
                  <a:cubicBezTo>
                    <a:pt x="471676" y="42531"/>
                    <a:pt x="471676" y="42531"/>
                    <a:pt x="466818" y="42531"/>
                  </a:cubicBezTo>
                  <a:cubicBezTo>
                    <a:pt x="466818" y="42531"/>
                    <a:pt x="466818" y="40908"/>
                    <a:pt x="466818" y="40908"/>
                  </a:cubicBezTo>
                  <a:cubicBezTo>
                    <a:pt x="465199" y="39285"/>
                    <a:pt x="465199" y="40908"/>
                    <a:pt x="461961" y="40908"/>
                  </a:cubicBezTo>
                  <a:cubicBezTo>
                    <a:pt x="460341" y="40908"/>
                    <a:pt x="461961" y="42531"/>
                    <a:pt x="458722" y="44154"/>
                  </a:cubicBezTo>
                  <a:cubicBezTo>
                    <a:pt x="457103" y="45776"/>
                    <a:pt x="458722" y="44154"/>
                    <a:pt x="458722" y="47399"/>
                  </a:cubicBezTo>
                  <a:cubicBezTo>
                    <a:pt x="458722" y="50645"/>
                    <a:pt x="458722" y="49022"/>
                    <a:pt x="458722" y="50645"/>
                  </a:cubicBezTo>
                  <a:cubicBezTo>
                    <a:pt x="458722" y="52267"/>
                    <a:pt x="458722" y="50645"/>
                    <a:pt x="457103" y="52267"/>
                  </a:cubicBezTo>
                  <a:cubicBezTo>
                    <a:pt x="457103" y="52267"/>
                    <a:pt x="455484" y="53890"/>
                    <a:pt x="455484" y="57136"/>
                  </a:cubicBezTo>
                  <a:cubicBezTo>
                    <a:pt x="455484" y="57136"/>
                    <a:pt x="455484" y="57136"/>
                    <a:pt x="457103" y="58759"/>
                  </a:cubicBezTo>
                  <a:cubicBezTo>
                    <a:pt x="457103" y="60381"/>
                    <a:pt x="457103" y="60381"/>
                    <a:pt x="457103" y="62004"/>
                  </a:cubicBezTo>
                  <a:cubicBezTo>
                    <a:pt x="455484" y="63627"/>
                    <a:pt x="455484" y="62004"/>
                    <a:pt x="452245" y="62004"/>
                  </a:cubicBezTo>
                  <a:cubicBezTo>
                    <a:pt x="450626" y="60381"/>
                    <a:pt x="453864" y="58759"/>
                    <a:pt x="453864" y="57136"/>
                  </a:cubicBezTo>
                  <a:cubicBezTo>
                    <a:pt x="453864" y="55513"/>
                    <a:pt x="453864" y="58759"/>
                    <a:pt x="453864" y="52267"/>
                  </a:cubicBezTo>
                  <a:cubicBezTo>
                    <a:pt x="453864" y="47399"/>
                    <a:pt x="455484" y="49022"/>
                    <a:pt x="455484" y="47399"/>
                  </a:cubicBezTo>
                  <a:cubicBezTo>
                    <a:pt x="455484" y="47399"/>
                    <a:pt x="453864" y="45776"/>
                    <a:pt x="453864" y="45776"/>
                  </a:cubicBezTo>
                  <a:cubicBezTo>
                    <a:pt x="453864" y="44154"/>
                    <a:pt x="455484" y="42531"/>
                    <a:pt x="455484" y="40908"/>
                  </a:cubicBezTo>
                  <a:cubicBezTo>
                    <a:pt x="455484" y="37662"/>
                    <a:pt x="457103" y="37662"/>
                    <a:pt x="460341" y="34417"/>
                  </a:cubicBezTo>
                  <a:cubicBezTo>
                    <a:pt x="460341" y="34417"/>
                    <a:pt x="465199" y="34417"/>
                    <a:pt x="466818" y="32794"/>
                  </a:cubicBezTo>
                  <a:cubicBezTo>
                    <a:pt x="466818" y="32794"/>
                    <a:pt x="468438" y="32794"/>
                    <a:pt x="470057" y="31171"/>
                  </a:cubicBezTo>
                  <a:cubicBezTo>
                    <a:pt x="471676" y="31171"/>
                    <a:pt x="471676" y="31171"/>
                    <a:pt x="471676" y="29549"/>
                  </a:cubicBezTo>
                  <a:cubicBezTo>
                    <a:pt x="471676" y="27926"/>
                    <a:pt x="471676" y="27926"/>
                    <a:pt x="473295" y="26303"/>
                  </a:cubicBezTo>
                  <a:cubicBezTo>
                    <a:pt x="476534" y="23057"/>
                    <a:pt x="474915" y="26303"/>
                    <a:pt x="476534" y="24680"/>
                  </a:cubicBezTo>
                  <a:cubicBezTo>
                    <a:pt x="478153" y="24680"/>
                    <a:pt x="478153" y="24680"/>
                    <a:pt x="479772" y="24680"/>
                  </a:cubicBezTo>
                  <a:cubicBezTo>
                    <a:pt x="481392" y="24680"/>
                    <a:pt x="481392" y="24680"/>
                    <a:pt x="484630" y="26303"/>
                  </a:cubicBezTo>
                  <a:cubicBezTo>
                    <a:pt x="486249" y="26303"/>
                    <a:pt x="484630" y="26303"/>
                    <a:pt x="484630" y="27926"/>
                  </a:cubicBezTo>
                  <a:cubicBezTo>
                    <a:pt x="486249" y="29549"/>
                    <a:pt x="483011" y="31171"/>
                    <a:pt x="486249" y="32794"/>
                  </a:cubicBezTo>
                  <a:cubicBezTo>
                    <a:pt x="486249" y="32794"/>
                    <a:pt x="491107" y="32794"/>
                    <a:pt x="491107" y="31171"/>
                  </a:cubicBezTo>
                  <a:cubicBezTo>
                    <a:pt x="491107" y="29549"/>
                    <a:pt x="492727" y="31171"/>
                    <a:pt x="491107" y="27926"/>
                  </a:cubicBezTo>
                  <a:cubicBezTo>
                    <a:pt x="491107" y="26303"/>
                    <a:pt x="491107" y="27926"/>
                    <a:pt x="492727" y="26303"/>
                  </a:cubicBezTo>
                  <a:cubicBezTo>
                    <a:pt x="495965" y="23057"/>
                    <a:pt x="495965" y="26303"/>
                    <a:pt x="497584" y="26303"/>
                  </a:cubicBezTo>
                  <a:cubicBezTo>
                    <a:pt x="497584" y="26303"/>
                    <a:pt x="499204" y="26303"/>
                    <a:pt x="499204" y="24680"/>
                  </a:cubicBezTo>
                  <a:cubicBezTo>
                    <a:pt x="500823" y="21435"/>
                    <a:pt x="499204" y="23057"/>
                    <a:pt x="502442" y="21435"/>
                  </a:cubicBezTo>
                  <a:cubicBezTo>
                    <a:pt x="502442" y="19812"/>
                    <a:pt x="505681" y="21435"/>
                    <a:pt x="507300" y="18189"/>
                  </a:cubicBezTo>
                  <a:cubicBezTo>
                    <a:pt x="507300" y="18189"/>
                    <a:pt x="510538" y="18189"/>
                    <a:pt x="510538" y="14944"/>
                  </a:cubicBezTo>
                  <a:cubicBezTo>
                    <a:pt x="512158" y="13321"/>
                    <a:pt x="512158" y="13321"/>
                    <a:pt x="512158" y="10075"/>
                  </a:cubicBezTo>
                  <a:cubicBezTo>
                    <a:pt x="513777" y="6830"/>
                    <a:pt x="513777" y="5207"/>
                    <a:pt x="517015" y="5207"/>
                  </a:cubicBezTo>
                  <a:close/>
                  <a:moveTo>
                    <a:pt x="522064" y="444"/>
                  </a:moveTo>
                  <a:cubicBezTo>
                    <a:pt x="523652" y="-1143"/>
                    <a:pt x="525239" y="2032"/>
                    <a:pt x="525239" y="2032"/>
                  </a:cubicBezTo>
                  <a:cubicBezTo>
                    <a:pt x="526827" y="3620"/>
                    <a:pt x="525239" y="2032"/>
                    <a:pt x="525239" y="5207"/>
                  </a:cubicBezTo>
                  <a:cubicBezTo>
                    <a:pt x="525239" y="6795"/>
                    <a:pt x="525239" y="6795"/>
                    <a:pt x="523652" y="6795"/>
                  </a:cubicBezTo>
                  <a:cubicBezTo>
                    <a:pt x="522064" y="6795"/>
                    <a:pt x="523652" y="6795"/>
                    <a:pt x="522064" y="5207"/>
                  </a:cubicBezTo>
                  <a:cubicBezTo>
                    <a:pt x="518889" y="3620"/>
                    <a:pt x="520476" y="2032"/>
                    <a:pt x="522064" y="444"/>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7" name="í$líḋê">
              <a:extLst>
                <a:ext uri="{FF2B5EF4-FFF2-40B4-BE49-F238E27FC236}">
                  <a16:creationId xmlns:a16="http://schemas.microsoft.com/office/drawing/2014/main" xmlns="" id="{70F513B5-06FA-464B-86F2-E9B7AD1D91F8}"/>
                </a:ext>
              </a:extLst>
            </p:cNvPr>
            <p:cNvSpPr/>
            <p:nvPr/>
          </p:nvSpPr>
          <p:spPr bwMode="auto">
            <a:xfrm>
              <a:off x="7767639" y="3331477"/>
              <a:ext cx="1166041" cy="809516"/>
            </a:xfrm>
            <a:custGeom>
              <a:avLst/>
              <a:gdLst>
                <a:gd name="connsiteX0" fmla="*/ 946150 w 1166041"/>
                <a:gd name="connsiteY0" fmla="*/ 799197 h 809516"/>
                <a:gd name="connsiteX1" fmla="*/ 949325 w 1166041"/>
                <a:gd name="connsiteY1" fmla="*/ 807135 h 809516"/>
                <a:gd name="connsiteX2" fmla="*/ 939800 w 1166041"/>
                <a:gd name="connsiteY2" fmla="*/ 807135 h 809516"/>
                <a:gd name="connsiteX3" fmla="*/ 946150 w 1166041"/>
                <a:gd name="connsiteY3" fmla="*/ 799197 h 809516"/>
                <a:gd name="connsiteX4" fmla="*/ 655828 w 1166041"/>
                <a:gd name="connsiteY4" fmla="*/ 657944 h 809516"/>
                <a:gd name="connsiteX5" fmla="*/ 663924 w 1166041"/>
                <a:gd name="connsiteY5" fmla="*/ 659566 h 809516"/>
                <a:gd name="connsiteX6" fmla="*/ 675259 w 1166041"/>
                <a:gd name="connsiteY6" fmla="*/ 666054 h 809516"/>
                <a:gd name="connsiteX7" fmla="*/ 684974 w 1166041"/>
                <a:gd name="connsiteY7" fmla="*/ 667676 h 809516"/>
                <a:gd name="connsiteX8" fmla="*/ 689832 w 1166041"/>
                <a:gd name="connsiteY8" fmla="*/ 669298 h 809516"/>
                <a:gd name="connsiteX9" fmla="*/ 699548 w 1166041"/>
                <a:gd name="connsiteY9" fmla="*/ 666054 h 809516"/>
                <a:gd name="connsiteX10" fmla="*/ 714121 w 1166041"/>
                <a:gd name="connsiteY10" fmla="*/ 661188 h 809516"/>
                <a:gd name="connsiteX11" fmla="*/ 722217 w 1166041"/>
                <a:gd name="connsiteY11" fmla="*/ 662810 h 809516"/>
                <a:gd name="connsiteX12" fmla="*/ 723836 w 1166041"/>
                <a:gd name="connsiteY12" fmla="*/ 667676 h 809516"/>
                <a:gd name="connsiteX13" fmla="*/ 723836 w 1166041"/>
                <a:gd name="connsiteY13" fmla="*/ 680652 h 809516"/>
                <a:gd name="connsiteX14" fmla="*/ 722217 w 1166041"/>
                <a:gd name="connsiteY14" fmla="*/ 693628 h 809516"/>
                <a:gd name="connsiteX15" fmla="*/ 718979 w 1166041"/>
                <a:gd name="connsiteY15" fmla="*/ 698494 h 809516"/>
                <a:gd name="connsiteX16" fmla="*/ 717359 w 1166041"/>
                <a:gd name="connsiteY16" fmla="*/ 706605 h 809516"/>
                <a:gd name="connsiteX17" fmla="*/ 717359 w 1166041"/>
                <a:gd name="connsiteY17" fmla="*/ 717959 h 809516"/>
                <a:gd name="connsiteX18" fmla="*/ 710882 w 1166041"/>
                <a:gd name="connsiteY18" fmla="*/ 713093 h 809516"/>
                <a:gd name="connsiteX19" fmla="*/ 706025 w 1166041"/>
                <a:gd name="connsiteY19" fmla="*/ 713093 h 809516"/>
                <a:gd name="connsiteX20" fmla="*/ 704405 w 1166041"/>
                <a:gd name="connsiteY20" fmla="*/ 722825 h 809516"/>
                <a:gd name="connsiteX21" fmla="*/ 699548 w 1166041"/>
                <a:gd name="connsiteY21" fmla="*/ 721203 h 809516"/>
                <a:gd name="connsiteX22" fmla="*/ 694690 w 1166041"/>
                <a:gd name="connsiteY22" fmla="*/ 729313 h 809516"/>
                <a:gd name="connsiteX23" fmla="*/ 686593 w 1166041"/>
                <a:gd name="connsiteY23" fmla="*/ 727691 h 809516"/>
                <a:gd name="connsiteX24" fmla="*/ 680116 w 1166041"/>
                <a:gd name="connsiteY24" fmla="*/ 724447 h 809516"/>
                <a:gd name="connsiteX25" fmla="*/ 672020 w 1166041"/>
                <a:gd name="connsiteY25" fmla="*/ 719581 h 809516"/>
                <a:gd name="connsiteX26" fmla="*/ 662305 w 1166041"/>
                <a:gd name="connsiteY26" fmla="*/ 708227 h 809516"/>
                <a:gd name="connsiteX27" fmla="*/ 662305 w 1166041"/>
                <a:gd name="connsiteY27" fmla="*/ 698494 h 809516"/>
                <a:gd name="connsiteX28" fmla="*/ 660685 w 1166041"/>
                <a:gd name="connsiteY28" fmla="*/ 690384 h 809516"/>
                <a:gd name="connsiteX29" fmla="*/ 655828 w 1166041"/>
                <a:gd name="connsiteY29" fmla="*/ 679030 h 809516"/>
                <a:gd name="connsiteX30" fmla="*/ 649351 w 1166041"/>
                <a:gd name="connsiteY30" fmla="*/ 669298 h 809516"/>
                <a:gd name="connsiteX31" fmla="*/ 652589 w 1166041"/>
                <a:gd name="connsiteY31" fmla="*/ 661188 h 809516"/>
                <a:gd name="connsiteX32" fmla="*/ 655828 w 1166041"/>
                <a:gd name="connsiteY32" fmla="*/ 657944 h 809516"/>
                <a:gd name="connsiteX33" fmla="*/ 1040424 w 1166041"/>
                <a:gd name="connsiteY33" fmla="*/ 645512 h 809516"/>
                <a:gd name="connsiteX34" fmla="*/ 1045113 w 1166041"/>
                <a:gd name="connsiteY34" fmla="*/ 650172 h 809516"/>
                <a:gd name="connsiteX35" fmla="*/ 1051638 w 1166041"/>
                <a:gd name="connsiteY35" fmla="*/ 659898 h 809516"/>
                <a:gd name="connsiteX36" fmla="*/ 1058163 w 1166041"/>
                <a:gd name="connsiteY36" fmla="*/ 661519 h 809516"/>
                <a:gd name="connsiteX37" fmla="*/ 1077737 w 1166041"/>
                <a:gd name="connsiteY37" fmla="*/ 659898 h 809516"/>
                <a:gd name="connsiteX38" fmla="*/ 1069581 w 1166041"/>
                <a:gd name="connsiteY38" fmla="*/ 676107 h 809516"/>
                <a:gd name="connsiteX39" fmla="*/ 1064688 w 1166041"/>
                <a:gd name="connsiteY39" fmla="*/ 692317 h 809516"/>
                <a:gd name="connsiteX40" fmla="*/ 1045113 w 1166041"/>
                <a:gd name="connsiteY40" fmla="*/ 713389 h 809516"/>
                <a:gd name="connsiteX41" fmla="*/ 1053269 w 1166041"/>
                <a:gd name="connsiteY41" fmla="*/ 723114 h 809516"/>
                <a:gd name="connsiteX42" fmla="*/ 1040220 w 1166041"/>
                <a:gd name="connsiteY42" fmla="*/ 724735 h 809516"/>
                <a:gd name="connsiteX43" fmla="*/ 1025539 w 1166041"/>
                <a:gd name="connsiteY43" fmla="*/ 731219 h 809516"/>
                <a:gd name="connsiteX44" fmla="*/ 1015752 w 1166041"/>
                <a:gd name="connsiteY44" fmla="*/ 737702 h 809516"/>
                <a:gd name="connsiteX45" fmla="*/ 1010858 w 1166041"/>
                <a:gd name="connsiteY45" fmla="*/ 755533 h 809516"/>
                <a:gd name="connsiteX46" fmla="*/ 994546 w 1166041"/>
                <a:gd name="connsiteY46" fmla="*/ 778226 h 809516"/>
                <a:gd name="connsiteX47" fmla="*/ 984759 w 1166041"/>
                <a:gd name="connsiteY47" fmla="*/ 789572 h 809516"/>
                <a:gd name="connsiteX48" fmla="*/ 970079 w 1166041"/>
                <a:gd name="connsiteY48" fmla="*/ 792814 h 809516"/>
                <a:gd name="connsiteX49" fmla="*/ 952135 w 1166041"/>
                <a:gd name="connsiteY49" fmla="*/ 792814 h 809516"/>
                <a:gd name="connsiteX50" fmla="*/ 947242 w 1166041"/>
                <a:gd name="connsiteY50" fmla="*/ 792814 h 809516"/>
                <a:gd name="connsiteX51" fmla="*/ 937455 w 1166041"/>
                <a:gd name="connsiteY51" fmla="*/ 786330 h 809516"/>
                <a:gd name="connsiteX52" fmla="*/ 917880 w 1166041"/>
                <a:gd name="connsiteY52" fmla="*/ 779847 h 809516"/>
                <a:gd name="connsiteX53" fmla="*/ 929299 w 1166041"/>
                <a:gd name="connsiteY53" fmla="*/ 765258 h 809516"/>
                <a:gd name="connsiteX54" fmla="*/ 939086 w 1166041"/>
                <a:gd name="connsiteY54" fmla="*/ 750670 h 809516"/>
                <a:gd name="connsiteX55" fmla="*/ 957029 w 1166041"/>
                <a:gd name="connsiteY55" fmla="*/ 732840 h 809516"/>
                <a:gd name="connsiteX56" fmla="*/ 978234 w 1166041"/>
                <a:gd name="connsiteY56" fmla="*/ 719872 h 809516"/>
                <a:gd name="connsiteX57" fmla="*/ 1001071 w 1166041"/>
                <a:gd name="connsiteY57" fmla="*/ 705284 h 809516"/>
                <a:gd name="connsiteX58" fmla="*/ 1009227 w 1166041"/>
                <a:gd name="connsiteY58" fmla="*/ 692317 h 809516"/>
                <a:gd name="connsiteX59" fmla="*/ 1023908 w 1166041"/>
                <a:gd name="connsiteY59" fmla="*/ 671244 h 809516"/>
                <a:gd name="connsiteX60" fmla="*/ 1030433 w 1166041"/>
                <a:gd name="connsiteY60" fmla="*/ 658277 h 809516"/>
                <a:gd name="connsiteX61" fmla="*/ 1036957 w 1166041"/>
                <a:gd name="connsiteY61" fmla="*/ 646931 h 809516"/>
                <a:gd name="connsiteX62" fmla="*/ 1040424 w 1166041"/>
                <a:gd name="connsiteY62" fmla="*/ 645512 h 809516"/>
                <a:gd name="connsiteX63" fmla="*/ 714375 w 1166041"/>
                <a:gd name="connsiteY63" fmla="*/ 637272 h 809516"/>
                <a:gd name="connsiteX64" fmla="*/ 720725 w 1166041"/>
                <a:gd name="connsiteY64" fmla="*/ 638860 h 809516"/>
                <a:gd name="connsiteX65" fmla="*/ 725488 w 1166041"/>
                <a:gd name="connsiteY65" fmla="*/ 645210 h 809516"/>
                <a:gd name="connsiteX66" fmla="*/ 722313 w 1166041"/>
                <a:gd name="connsiteY66" fmla="*/ 649972 h 809516"/>
                <a:gd name="connsiteX67" fmla="*/ 717550 w 1166041"/>
                <a:gd name="connsiteY67" fmla="*/ 642035 h 809516"/>
                <a:gd name="connsiteX68" fmla="*/ 714375 w 1166041"/>
                <a:gd name="connsiteY68" fmla="*/ 637272 h 809516"/>
                <a:gd name="connsiteX69" fmla="*/ 635907 w 1166041"/>
                <a:gd name="connsiteY69" fmla="*/ 634097 h 809516"/>
                <a:gd name="connsiteX70" fmla="*/ 639536 w 1166041"/>
                <a:gd name="connsiteY70" fmla="*/ 638860 h 809516"/>
                <a:gd name="connsiteX71" fmla="*/ 635907 w 1166041"/>
                <a:gd name="connsiteY71" fmla="*/ 646797 h 809516"/>
                <a:gd name="connsiteX72" fmla="*/ 630464 w 1166041"/>
                <a:gd name="connsiteY72" fmla="*/ 640447 h 809516"/>
                <a:gd name="connsiteX73" fmla="*/ 635907 w 1166041"/>
                <a:gd name="connsiteY73" fmla="*/ 634097 h 809516"/>
                <a:gd name="connsiteX74" fmla="*/ 1103885 w 1166041"/>
                <a:gd name="connsiteY74" fmla="*/ 553177 h 809516"/>
                <a:gd name="connsiteX75" fmla="*/ 1111952 w 1166041"/>
                <a:gd name="connsiteY75" fmla="*/ 564438 h 809516"/>
                <a:gd name="connsiteX76" fmla="*/ 1121633 w 1166041"/>
                <a:gd name="connsiteY76" fmla="*/ 578916 h 809516"/>
                <a:gd name="connsiteX77" fmla="*/ 1144223 w 1166041"/>
                <a:gd name="connsiteY77" fmla="*/ 585351 h 809516"/>
                <a:gd name="connsiteX78" fmla="*/ 1158744 w 1166041"/>
                <a:gd name="connsiteY78" fmla="*/ 574090 h 809516"/>
                <a:gd name="connsiteX79" fmla="*/ 1165198 w 1166041"/>
                <a:gd name="connsiteY79" fmla="*/ 586959 h 809516"/>
                <a:gd name="connsiteX80" fmla="*/ 1157131 w 1166041"/>
                <a:gd name="connsiteY80" fmla="*/ 598220 h 809516"/>
                <a:gd name="connsiteX81" fmla="*/ 1150677 w 1166041"/>
                <a:gd name="connsiteY81" fmla="*/ 607872 h 809516"/>
                <a:gd name="connsiteX82" fmla="*/ 1145836 w 1166041"/>
                <a:gd name="connsiteY82" fmla="*/ 612698 h 809516"/>
                <a:gd name="connsiteX83" fmla="*/ 1134542 w 1166041"/>
                <a:gd name="connsiteY83" fmla="*/ 614307 h 809516"/>
                <a:gd name="connsiteX84" fmla="*/ 1134542 w 1166041"/>
                <a:gd name="connsiteY84" fmla="*/ 632002 h 809516"/>
                <a:gd name="connsiteX85" fmla="*/ 1124860 w 1166041"/>
                <a:gd name="connsiteY85" fmla="*/ 644871 h 809516"/>
                <a:gd name="connsiteX86" fmla="*/ 1110339 w 1166041"/>
                <a:gd name="connsiteY86" fmla="*/ 660958 h 809516"/>
                <a:gd name="connsiteX87" fmla="*/ 1097430 w 1166041"/>
                <a:gd name="connsiteY87" fmla="*/ 665784 h 809516"/>
                <a:gd name="connsiteX88" fmla="*/ 1090976 w 1166041"/>
                <a:gd name="connsiteY88" fmla="*/ 656132 h 809516"/>
                <a:gd name="connsiteX89" fmla="*/ 1094203 w 1166041"/>
                <a:gd name="connsiteY89" fmla="*/ 638437 h 809516"/>
                <a:gd name="connsiteX90" fmla="*/ 1084522 w 1166041"/>
                <a:gd name="connsiteY90" fmla="*/ 625567 h 809516"/>
                <a:gd name="connsiteX91" fmla="*/ 1070001 w 1166041"/>
                <a:gd name="connsiteY91" fmla="*/ 619133 h 809516"/>
                <a:gd name="connsiteX92" fmla="*/ 1078068 w 1166041"/>
                <a:gd name="connsiteY92" fmla="*/ 607872 h 809516"/>
                <a:gd name="connsiteX93" fmla="*/ 1086136 w 1166041"/>
                <a:gd name="connsiteY93" fmla="*/ 593394 h 809516"/>
                <a:gd name="connsiteX94" fmla="*/ 1087749 w 1166041"/>
                <a:gd name="connsiteY94" fmla="*/ 575699 h 809516"/>
                <a:gd name="connsiteX95" fmla="*/ 1094203 w 1166041"/>
                <a:gd name="connsiteY95" fmla="*/ 559612 h 809516"/>
                <a:gd name="connsiteX96" fmla="*/ 1102271 w 1166041"/>
                <a:gd name="connsiteY96" fmla="*/ 561221 h 809516"/>
                <a:gd name="connsiteX97" fmla="*/ 1103885 w 1166041"/>
                <a:gd name="connsiteY97" fmla="*/ 553177 h 809516"/>
                <a:gd name="connsiteX98" fmla="*/ 1085850 w 1166041"/>
                <a:gd name="connsiteY98" fmla="*/ 546784 h 809516"/>
                <a:gd name="connsiteX99" fmla="*/ 1084263 w 1166041"/>
                <a:gd name="connsiteY99" fmla="*/ 561072 h 809516"/>
                <a:gd name="connsiteX100" fmla="*/ 1076325 w 1166041"/>
                <a:gd name="connsiteY100" fmla="*/ 553135 h 809516"/>
                <a:gd name="connsiteX101" fmla="*/ 1085850 w 1166041"/>
                <a:gd name="connsiteY101" fmla="*/ 546784 h 809516"/>
                <a:gd name="connsiteX102" fmla="*/ 499393 w 1166041"/>
                <a:gd name="connsiteY102" fmla="*/ 538847 h 809516"/>
                <a:gd name="connsiteX103" fmla="*/ 509420 w 1166041"/>
                <a:gd name="connsiteY103" fmla="*/ 540434 h 809516"/>
                <a:gd name="connsiteX104" fmla="*/ 509420 w 1166041"/>
                <a:gd name="connsiteY104" fmla="*/ 545197 h 809516"/>
                <a:gd name="connsiteX105" fmla="*/ 501064 w 1166041"/>
                <a:gd name="connsiteY105" fmla="*/ 546784 h 809516"/>
                <a:gd name="connsiteX106" fmla="*/ 492709 w 1166041"/>
                <a:gd name="connsiteY106" fmla="*/ 548372 h 809516"/>
                <a:gd name="connsiteX107" fmla="*/ 484354 w 1166041"/>
                <a:gd name="connsiteY107" fmla="*/ 546784 h 809516"/>
                <a:gd name="connsiteX108" fmla="*/ 487696 w 1166041"/>
                <a:gd name="connsiteY108" fmla="*/ 543609 h 809516"/>
                <a:gd name="connsiteX109" fmla="*/ 499393 w 1166041"/>
                <a:gd name="connsiteY109" fmla="*/ 538847 h 809516"/>
                <a:gd name="connsiteX110" fmla="*/ 1043046 w 1166041"/>
                <a:gd name="connsiteY110" fmla="*/ 504035 h 809516"/>
                <a:gd name="connsiteX111" fmla="*/ 1069387 w 1166041"/>
                <a:gd name="connsiteY111" fmla="*/ 515545 h 809516"/>
                <a:gd name="connsiteX112" fmla="*/ 1082557 w 1166041"/>
                <a:gd name="connsiteY112" fmla="*/ 527054 h 809516"/>
                <a:gd name="connsiteX113" fmla="*/ 1082557 w 1166041"/>
                <a:gd name="connsiteY113" fmla="*/ 540208 h 809516"/>
                <a:gd name="connsiteX114" fmla="*/ 1072680 w 1166041"/>
                <a:gd name="connsiteY114" fmla="*/ 545141 h 809516"/>
                <a:gd name="connsiteX115" fmla="*/ 1059509 w 1166041"/>
                <a:gd name="connsiteY115" fmla="*/ 528699 h 809516"/>
                <a:gd name="connsiteX116" fmla="*/ 1051278 w 1166041"/>
                <a:gd name="connsiteY116" fmla="*/ 517189 h 809516"/>
                <a:gd name="connsiteX117" fmla="*/ 1043046 w 1166041"/>
                <a:gd name="connsiteY117" fmla="*/ 504035 h 809516"/>
                <a:gd name="connsiteX118" fmla="*/ 602740 w 1166041"/>
                <a:gd name="connsiteY118" fmla="*/ 722 h 809516"/>
                <a:gd name="connsiteX119" fmla="*/ 605989 w 1166041"/>
                <a:gd name="connsiteY119" fmla="*/ 722 h 809516"/>
                <a:gd name="connsiteX120" fmla="*/ 605989 w 1166041"/>
                <a:gd name="connsiteY120" fmla="*/ 2346 h 809516"/>
                <a:gd name="connsiteX121" fmla="*/ 609238 w 1166041"/>
                <a:gd name="connsiteY121" fmla="*/ 7221 h 809516"/>
                <a:gd name="connsiteX122" fmla="*/ 609238 w 1166041"/>
                <a:gd name="connsiteY122" fmla="*/ 13720 h 809516"/>
                <a:gd name="connsiteX123" fmla="*/ 612487 w 1166041"/>
                <a:gd name="connsiteY123" fmla="*/ 16970 h 809516"/>
                <a:gd name="connsiteX124" fmla="*/ 615737 w 1166041"/>
                <a:gd name="connsiteY124" fmla="*/ 21844 h 809516"/>
                <a:gd name="connsiteX125" fmla="*/ 615737 w 1166041"/>
                <a:gd name="connsiteY125" fmla="*/ 28343 h 809516"/>
                <a:gd name="connsiteX126" fmla="*/ 618986 w 1166041"/>
                <a:gd name="connsiteY126" fmla="*/ 31593 h 809516"/>
                <a:gd name="connsiteX127" fmla="*/ 622235 w 1166041"/>
                <a:gd name="connsiteY127" fmla="*/ 36467 h 809516"/>
                <a:gd name="connsiteX128" fmla="*/ 622235 w 1166041"/>
                <a:gd name="connsiteY128" fmla="*/ 42967 h 809516"/>
                <a:gd name="connsiteX129" fmla="*/ 623860 w 1166041"/>
                <a:gd name="connsiteY129" fmla="*/ 47841 h 809516"/>
                <a:gd name="connsiteX130" fmla="*/ 625485 w 1166041"/>
                <a:gd name="connsiteY130" fmla="*/ 55965 h 809516"/>
                <a:gd name="connsiteX131" fmla="*/ 625485 w 1166041"/>
                <a:gd name="connsiteY131" fmla="*/ 62464 h 809516"/>
                <a:gd name="connsiteX132" fmla="*/ 627109 w 1166041"/>
                <a:gd name="connsiteY132" fmla="*/ 67339 h 809516"/>
                <a:gd name="connsiteX133" fmla="*/ 628734 w 1166041"/>
                <a:gd name="connsiteY133" fmla="*/ 70588 h 809516"/>
                <a:gd name="connsiteX134" fmla="*/ 633608 w 1166041"/>
                <a:gd name="connsiteY134" fmla="*/ 75463 h 809516"/>
                <a:gd name="connsiteX135" fmla="*/ 640106 w 1166041"/>
                <a:gd name="connsiteY135" fmla="*/ 75463 h 809516"/>
                <a:gd name="connsiteX136" fmla="*/ 646605 w 1166041"/>
                <a:gd name="connsiteY136" fmla="*/ 72213 h 809516"/>
                <a:gd name="connsiteX137" fmla="*/ 648230 w 1166041"/>
                <a:gd name="connsiteY137" fmla="*/ 73838 h 809516"/>
                <a:gd name="connsiteX138" fmla="*/ 653103 w 1166041"/>
                <a:gd name="connsiteY138" fmla="*/ 78712 h 809516"/>
                <a:gd name="connsiteX139" fmla="*/ 656353 w 1166041"/>
                <a:gd name="connsiteY139" fmla="*/ 81962 h 809516"/>
                <a:gd name="connsiteX140" fmla="*/ 661227 w 1166041"/>
                <a:gd name="connsiteY140" fmla="*/ 85211 h 809516"/>
                <a:gd name="connsiteX141" fmla="*/ 661227 w 1166041"/>
                <a:gd name="connsiteY141" fmla="*/ 91711 h 809516"/>
                <a:gd name="connsiteX142" fmla="*/ 661227 w 1166041"/>
                <a:gd name="connsiteY142" fmla="*/ 99835 h 809516"/>
                <a:gd name="connsiteX143" fmla="*/ 662851 w 1166041"/>
                <a:gd name="connsiteY143" fmla="*/ 106334 h 809516"/>
                <a:gd name="connsiteX144" fmla="*/ 662851 w 1166041"/>
                <a:gd name="connsiteY144" fmla="*/ 116083 h 809516"/>
                <a:gd name="connsiteX145" fmla="*/ 664476 w 1166041"/>
                <a:gd name="connsiteY145" fmla="*/ 120957 h 809516"/>
                <a:gd name="connsiteX146" fmla="*/ 667725 w 1166041"/>
                <a:gd name="connsiteY146" fmla="*/ 122582 h 809516"/>
                <a:gd name="connsiteX147" fmla="*/ 669350 w 1166041"/>
                <a:gd name="connsiteY147" fmla="*/ 127456 h 809516"/>
                <a:gd name="connsiteX148" fmla="*/ 674224 w 1166041"/>
                <a:gd name="connsiteY148" fmla="*/ 133956 h 809516"/>
                <a:gd name="connsiteX149" fmla="*/ 675848 w 1166041"/>
                <a:gd name="connsiteY149" fmla="*/ 138830 h 809516"/>
                <a:gd name="connsiteX150" fmla="*/ 677473 w 1166041"/>
                <a:gd name="connsiteY150" fmla="*/ 143704 h 809516"/>
                <a:gd name="connsiteX151" fmla="*/ 677473 w 1166041"/>
                <a:gd name="connsiteY151" fmla="*/ 153453 h 809516"/>
                <a:gd name="connsiteX152" fmla="*/ 682347 w 1166041"/>
                <a:gd name="connsiteY152" fmla="*/ 158328 h 809516"/>
                <a:gd name="connsiteX153" fmla="*/ 682347 w 1166041"/>
                <a:gd name="connsiteY153" fmla="*/ 161577 h 809516"/>
                <a:gd name="connsiteX154" fmla="*/ 687221 w 1166041"/>
                <a:gd name="connsiteY154" fmla="*/ 171326 h 809516"/>
                <a:gd name="connsiteX155" fmla="*/ 690470 w 1166041"/>
                <a:gd name="connsiteY155" fmla="*/ 176201 h 809516"/>
                <a:gd name="connsiteX156" fmla="*/ 696969 w 1166041"/>
                <a:gd name="connsiteY156" fmla="*/ 177825 h 809516"/>
                <a:gd name="connsiteX157" fmla="*/ 701843 w 1166041"/>
                <a:gd name="connsiteY157" fmla="*/ 179450 h 809516"/>
                <a:gd name="connsiteX158" fmla="*/ 706716 w 1166041"/>
                <a:gd name="connsiteY158" fmla="*/ 181075 h 809516"/>
                <a:gd name="connsiteX159" fmla="*/ 709966 w 1166041"/>
                <a:gd name="connsiteY159" fmla="*/ 185949 h 809516"/>
                <a:gd name="connsiteX160" fmla="*/ 713215 w 1166041"/>
                <a:gd name="connsiteY160" fmla="*/ 189199 h 809516"/>
                <a:gd name="connsiteX161" fmla="*/ 722963 w 1166041"/>
                <a:gd name="connsiteY161" fmla="*/ 192449 h 809516"/>
                <a:gd name="connsiteX162" fmla="*/ 719713 w 1166041"/>
                <a:gd name="connsiteY162" fmla="*/ 195698 h 809516"/>
                <a:gd name="connsiteX163" fmla="*/ 727837 w 1166041"/>
                <a:gd name="connsiteY163" fmla="*/ 197323 h 809516"/>
                <a:gd name="connsiteX164" fmla="*/ 732711 w 1166041"/>
                <a:gd name="connsiteY164" fmla="*/ 198948 h 809516"/>
                <a:gd name="connsiteX165" fmla="*/ 734335 w 1166041"/>
                <a:gd name="connsiteY165" fmla="*/ 198948 h 809516"/>
                <a:gd name="connsiteX166" fmla="*/ 732711 w 1166041"/>
                <a:gd name="connsiteY166" fmla="*/ 203822 h 809516"/>
                <a:gd name="connsiteX167" fmla="*/ 732711 w 1166041"/>
                <a:gd name="connsiteY167" fmla="*/ 208697 h 809516"/>
                <a:gd name="connsiteX168" fmla="*/ 735960 w 1166041"/>
                <a:gd name="connsiteY168" fmla="*/ 210321 h 809516"/>
                <a:gd name="connsiteX169" fmla="*/ 737585 w 1166041"/>
                <a:gd name="connsiteY169" fmla="*/ 213571 h 809516"/>
                <a:gd name="connsiteX170" fmla="*/ 742458 w 1166041"/>
                <a:gd name="connsiteY170" fmla="*/ 218445 h 809516"/>
                <a:gd name="connsiteX171" fmla="*/ 745708 w 1166041"/>
                <a:gd name="connsiteY171" fmla="*/ 224945 h 809516"/>
                <a:gd name="connsiteX172" fmla="*/ 745708 w 1166041"/>
                <a:gd name="connsiteY172" fmla="*/ 233069 h 809516"/>
                <a:gd name="connsiteX173" fmla="*/ 748957 w 1166041"/>
                <a:gd name="connsiteY173" fmla="*/ 237943 h 809516"/>
                <a:gd name="connsiteX174" fmla="*/ 752206 w 1166041"/>
                <a:gd name="connsiteY174" fmla="*/ 247692 h 809516"/>
                <a:gd name="connsiteX175" fmla="*/ 757080 w 1166041"/>
                <a:gd name="connsiteY175" fmla="*/ 239568 h 809516"/>
                <a:gd name="connsiteX176" fmla="*/ 758705 w 1166041"/>
                <a:gd name="connsiteY176" fmla="*/ 241193 h 809516"/>
                <a:gd name="connsiteX177" fmla="*/ 760329 w 1166041"/>
                <a:gd name="connsiteY177" fmla="*/ 241193 h 809516"/>
                <a:gd name="connsiteX178" fmla="*/ 763579 w 1166041"/>
                <a:gd name="connsiteY178" fmla="*/ 244442 h 809516"/>
                <a:gd name="connsiteX179" fmla="*/ 763579 w 1166041"/>
                <a:gd name="connsiteY179" fmla="*/ 246067 h 809516"/>
                <a:gd name="connsiteX180" fmla="*/ 768453 w 1166041"/>
                <a:gd name="connsiteY180" fmla="*/ 247692 h 809516"/>
                <a:gd name="connsiteX181" fmla="*/ 771702 w 1166041"/>
                <a:gd name="connsiteY181" fmla="*/ 246067 h 809516"/>
                <a:gd name="connsiteX182" fmla="*/ 774951 w 1166041"/>
                <a:gd name="connsiteY182" fmla="*/ 250942 h 809516"/>
                <a:gd name="connsiteX183" fmla="*/ 774951 w 1166041"/>
                <a:gd name="connsiteY183" fmla="*/ 255816 h 809516"/>
                <a:gd name="connsiteX184" fmla="*/ 774951 w 1166041"/>
                <a:gd name="connsiteY184" fmla="*/ 265565 h 809516"/>
                <a:gd name="connsiteX185" fmla="*/ 779825 w 1166041"/>
                <a:gd name="connsiteY185" fmla="*/ 267190 h 809516"/>
                <a:gd name="connsiteX186" fmla="*/ 781450 w 1166041"/>
                <a:gd name="connsiteY186" fmla="*/ 273689 h 809516"/>
                <a:gd name="connsiteX187" fmla="*/ 786324 w 1166041"/>
                <a:gd name="connsiteY187" fmla="*/ 275314 h 809516"/>
                <a:gd name="connsiteX188" fmla="*/ 792822 w 1166041"/>
                <a:gd name="connsiteY188" fmla="*/ 278563 h 809516"/>
                <a:gd name="connsiteX189" fmla="*/ 794447 w 1166041"/>
                <a:gd name="connsiteY189" fmla="*/ 281813 h 809516"/>
                <a:gd name="connsiteX190" fmla="*/ 802570 w 1166041"/>
                <a:gd name="connsiteY190" fmla="*/ 288312 h 809516"/>
                <a:gd name="connsiteX191" fmla="*/ 807444 w 1166041"/>
                <a:gd name="connsiteY191" fmla="*/ 298061 h 809516"/>
                <a:gd name="connsiteX192" fmla="*/ 813942 w 1166041"/>
                <a:gd name="connsiteY192" fmla="*/ 302935 h 809516"/>
                <a:gd name="connsiteX193" fmla="*/ 815567 w 1166041"/>
                <a:gd name="connsiteY193" fmla="*/ 306185 h 809516"/>
                <a:gd name="connsiteX194" fmla="*/ 820441 w 1166041"/>
                <a:gd name="connsiteY194" fmla="*/ 304560 h 809516"/>
                <a:gd name="connsiteX195" fmla="*/ 825315 w 1166041"/>
                <a:gd name="connsiteY195" fmla="*/ 296436 h 809516"/>
                <a:gd name="connsiteX196" fmla="*/ 826939 w 1166041"/>
                <a:gd name="connsiteY196" fmla="*/ 306185 h 809516"/>
                <a:gd name="connsiteX197" fmla="*/ 823690 w 1166041"/>
                <a:gd name="connsiteY197" fmla="*/ 311059 h 809516"/>
                <a:gd name="connsiteX198" fmla="*/ 822066 w 1166041"/>
                <a:gd name="connsiteY198" fmla="*/ 315934 h 809516"/>
                <a:gd name="connsiteX199" fmla="*/ 823690 w 1166041"/>
                <a:gd name="connsiteY199" fmla="*/ 322433 h 809516"/>
                <a:gd name="connsiteX200" fmla="*/ 823690 w 1166041"/>
                <a:gd name="connsiteY200" fmla="*/ 327307 h 809516"/>
                <a:gd name="connsiteX201" fmla="*/ 822066 w 1166041"/>
                <a:gd name="connsiteY201" fmla="*/ 335431 h 809516"/>
                <a:gd name="connsiteX202" fmla="*/ 822066 w 1166041"/>
                <a:gd name="connsiteY202" fmla="*/ 341931 h 809516"/>
                <a:gd name="connsiteX203" fmla="*/ 820441 w 1166041"/>
                <a:gd name="connsiteY203" fmla="*/ 348430 h 809516"/>
                <a:gd name="connsiteX204" fmla="*/ 822066 w 1166041"/>
                <a:gd name="connsiteY204" fmla="*/ 351679 h 809516"/>
                <a:gd name="connsiteX205" fmla="*/ 823690 w 1166041"/>
                <a:gd name="connsiteY205" fmla="*/ 356554 h 809516"/>
                <a:gd name="connsiteX206" fmla="*/ 826939 w 1166041"/>
                <a:gd name="connsiteY206" fmla="*/ 359803 h 809516"/>
                <a:gd name="connsiteX207" fmla="*/ 828564 w 1166041"/>
                <a:gd name="connsiteY207" fmla="*/ 366303 h 809516"/>
                <a:gd name="connsiteX208" fmla="*/ 830189 w 1166041"/>
                <a:gd name="connsiteY208" fmla="*/ 371177 h 809516"/>
                <a:gd name="connsiteX209" fmla="*/ 831813 w 1166041"/>
                <a:gd name="connsiteY209" fmla="*/ 376051 h 809516"/>
                <a:gd name="connsiteX210" fmla="*/ 831813 w 1166041"/>
                <a:gd name="connsiteY210" fmla="*/ 382551 h 809516"/>
                <a:gd name="connsiteX211" fmla="*/ 831813 w 1166041"/>
                <a:gd name="connsiteY211" fmla="*/ 387425 h 809516"/>
                <a:gd name="connsiteX212" fmla="*/ 830189 w 1166041"/>
                <a:gd name="connsiteY212" fmla="*/ 392299 h 809516"/>
                <a:gd name="connsiteX213" fmla="*/ 828564 w 1166041"/>
                <a:gd name="connsiteY213" fmla="*/ 397174 h 809516"/>
                <a:gd name="connsiteX214" fmla="*/ 825315 w 1166041"/>
                <a:gd name="connsiteY214" fmla="*/ 402048 h 809516"/>
                <a:gd name="connsiteX215" fmla="*/ 823690 w 1166041"/>
                <a:gd name="connsiteY215" fmla="*/ 406923 h 809516"/>
                <a:gd name="connsiteX216" fmla="*/ 823690 w 1166041"/>
                <a:gd name="connsiteY216" fmla="*/ 411797 h 809516"/>
                <a:gd name="connsiteX217" fmla="*/ 823690 w 1166041"/>
                <a:gd name="connsiteY217" fmla="*/ 416672 h 809516"/>
                <a:gd name="connsiteX218" fmla="*/ 822066 w 1166041"/>
                <a:gd name="connsiteY218" fmla="*/ 423171 h 809516"/>
                <a:gd name="connsiteX219" fmla="*/ 820441 w 1166041"/>
                <a:gd name="connsiteY219" fmla="*/ 429670 h 809516"/>
                <a:gd name="connsiteX220" fmla="*/ 818816 w 1166041"/>
                <a:gd name="connsiteY220" fmla="*/ 436169 h 809516"/>
                <a:gd name="connsiteX221" fmla="*/ 817192 w 1166041"/>
                <a:gd name="connsiteY221" fmla="*/ 441044 h 809516"/>
                <a:gd name="connsiteX222" fmla="*/ 815567 w 1166041"/>
                <a:gd name="connsiteY222" fmla="*/ 445918 h 809516"/>
                <a:gd name="connsiteX223" fmla="*/ 815567 w 1166041"/>
                <a:gd name="connsiteY223" fmla="*/ 449168 h 809516"/>
                <a:gd name="connsiteX224" fmla="*/ 812318 w 1166041"/>
                <a:gd name="connsiteY224" fmla="*/ 454042 h 809516"/>
                <a:gd name="connsiteX225" fmla="*/ 812318 w 1166041"/>
                <a:gd name="connsiteY225" fmla="*/ 457292 h 809516"/>
                <a:gd name="connsiteX226" fmla="*/ 812318 w 1166041"/>
                <a:gd name="connsiteY226" fmla="*/ 462166 h 809516"/>
                <a:gd name="connsiteX227" fmla="*/ 807444 w 1166041"/>
                <a:gd name="connsiteY227" fmla="*/ 468665 h 809516"/>
                <a:gd name="connsiteX228" fmla="*/ 804195 w 1166041"/>
                <a:gd name="connsiteY228" fmla="*/ 471915 h 809516"/>
                <a:gd name="connsiteX229" fmla="*/ 799321 w 1166041"/>
                <a:gd name="connsiteY229" fmla="*/ 476789 h 809516"/>
                <a:gd name="connsiteX230" fmla="*/ 794447 w 1166041"/>
                <a:gd name="connsiteY230" fmla="*/ 480039 h 809516"/>
                <a:gd name="connsiteX231" fmla="*/ 791197 w 1166041"/>
                <a:gd name="connsiteY231" fmla="*/ 484913 h 809516"/>
                <a:gd name="connsiteX232" fmla="*/ 787948 w 1166041"/>
                <a:gd name="connsiteY232" fmla="*/ 488163 h 809516"/>
                <a:gd name="connsiteX233" fmla="*/ 787948 w 1166041"/>
                <a:gd name="connsiteY233" fmla="*/ 493037 h 809516"/>
                <a:gd name="connsiteX234" fmla="*/ 786324 w 1166041"/>
                <a:gd name="connsiteY234" fmla="*/ 494662 h 809516"/>
                <a:gd name="connsiteX235" fmla="*/ 783074 w 1166041"/>
                <a:gd name="connsiteY235" fmla="*/ 501161 h 809516"/>
                <a:gd name="connsiteX236" fmla="*/ 779825 w 1166041"/>
                <a:gd name="connsiteY236" fmla="*/ 506036 h 809516"/>
                <a:gd name="connsiteX237" fmla="*/ 778200 w 1166041"/>
                <a:gd name="connsiteY237" fmla="*/ 509285 h 809516"/>
                <a:gd name="connsiteX238" fmla="*/ 776576 w 1166041"/>
                <a:gd name="connsiteY238" fmla="*/ 514160 h 809516"/>
                <a:gd name="connsiteX239" fmla="*/ 776576 w 1166041"/>
                <a:gd name="connsiteY239" fmla="*/ 519034 h 809516"/>
                <a:gd name="connsiteX240" fmla="*/ 774951 w 1166041"/>
                <a:gd name="connsiteY240" fmla="*/ 522284 h 809516"/>
                <a:gd name="connsiteX241" fmla="*/ 773327 w 1166041"/>
                <a:gd name="connsiteY241" fmla="*/ 527158 h 809516"/>
                <a:gd name="connsiteX242" fmla="*/ 768453 w 1166041"/>
                <a:gd name="connsiteY242" fmla="*/ 533657 h 809516"/>
                <a:gd name="connsiteX243" fmla="*/ 765203 w 1166041"/>
                <a:gd name="connsiteY243" fmla="*/ 540157 h 809516"/>
                <a:gd name="connsiteX244" fmla="*/ 761954 w 1166041"/>
                <a:gd name="connsiteY244" fmla="*/ 545031 h 809516"/>
                <a:gd name="connsiteX245" fmla="*/ 761954 w 1166041"/>
                <a:gd name="connsiteY245" fmla="*/ 549905 h 809516"/>
                <a:gd name="connsiteX246" fmla="*/ 761954 w 1166041"/>
                <a:gd name="connsiteY246" fmla="*/ 554780 h 809516"/>
                <a:gd name="connsiteX247" fmla="*/ 760329 w 1166041"/>
                <a:gd name="connsiteY247" fmla="*/ 558029 h 809516"/>
                <a:gd name="connsiteX248" fmla="*/ 758705 w 1166041"/>
                <a:gd name="connsiteY248" fmla="*/ 562904 h 809516"/>
                <a:gd name="connsiteX249" fmla="*/ 760329 w 1166041"/>
                <a:gd name="connsiteY249" fmla="*/ 571028 h 809516"/>
                <a:gd name="connsiteX250" fmla="*/ 760329 w 1166041"/>
                <a:gd name="connsiteY250" fmla="*/ 574278 h 809516"/>
                <a:gd name="connsiteX251" fmla="*/ 755455 w 1166041"/>
                <a:gd name="connsiteY251" fmla="*/ 582402 h 809516"/>
                <a:gd name="connsiteX252" fmla="*/ 753831 w 1166041"/>
                <a:gd name="connsiteY252" fmla="*/ 588901 h 809516"/>
                <a:gd name="connsiteX253" fmla="*/ 748957 w 1166041"/>
                <a:gd name="connsiteY253" fmla="*/ 588901 h 809516"/>
                <a:gd name="connsiteX254" fmla="*/ 745708 w 1166041"/>
                <a:gd name="connsiteY254" fmla="*/ 588901 h 809516"/>
                <a:gd name="connsiteX255" fmla="*/ 739209 w 1166041"/>
                <a:gd name="connsiteY255" fmla="*/ 590526 h 809516"/>
                <a:gd name="connsiteX256" fmla="*/ 735960 w 1166041"/>
                <a:gd name="connsiteY256" fmla="*/ 590526 h 809516"/>
                <a:gd name="connsiteX257" fmla="*/ 729461 w 1166041"/>
                <a:gd name="connsiteY257" fmla="*/ 588901 h 809516"/>
                <a:gd name="connsiteX258" fmla="*/ 721338 w 1166041"/>
                <a:gd name="connsiteY258" fmla="*/ 592150 h 809516"/>
                <a:gd name="connsiteX259" fmla="*/ 719713 w 1166041"/>
                <a:gd name="connsiteY259" fmla="*/ 590526 h 809516"/>
                <a:gd name="connsiteX260" fmla="*/ 718089 w 1166041"/>
                <a:gd name="connsiteY260" fmla="*/ 590526 h 809516"/>
                <a:gd name="connsiteX261" fmla="*/ 711590 w 1166041"/>
                <a:gd name="connsiteY261" fmla="*/ 595400 h 809516"/>
                <a:gd name="connsiteX262" fmla="*/ 708341 w 1166041"/>
                <a:gd name="connsiteY262" fmla="*/ 598650 h 809516"/>
                <a:gd name="connsiteX263" fmla="*/ 703467 w 1166041"/>
                <a:gd name="connsiteY263" fmla="*/ 603524 h 809516"/>
                <a:gd name="connsiteX264" fmla="*/ 695344 w 1166041"/>
                <a:gd name="connsiteY264" fmla="*/ 611648 h 809516"/>
                <a:gd name="connsiteX265" fmla="*/ 692095 w 1166041"/>
                <a:gd name="connsiteY265" fmla="*/ 613273 h 809516"/>
                <a:gd name="connsiteX266" fmla="*/ 688845 w 1166041"/>
                <a:gd name="connsiteY266" fmla="*/ 613273 h 809516"/>
                <a:gd name="connsiteX267" fmla="*/ 685596 w 1166041"/>
                <a:gd name="connsiteY267" fmla="*/ 618147 h 809516"/>
                <a:gd name="connsiteX268" fmla="*/ 683972 w 1166041"/>
                <a:gd name="connsiteY268" fmla="*/ 621397 h 809516"/>
                <a:gd name="connsiteX269" fmla="*/ 682347 w 1166041"/>
                <a:gd name="connsiteY269" fmla="*/ 618147 h 809516"/>
                <a:gd name="connsiteX270" fmla="*/ 677473 w 1166041"/>
                <a:gd name="connsiteY270" fmla="*/ 614898 h 809516"/>
                <a:gd name="connsiteX271" fmla="*/ 675848 w 1166041"/>
                <a:gd name="connsiteY271" fmla="*/ 611648 h 809516"/>
                <a:gd name="connsiteX272" fmla="*/ 672599 w 1166041"/>
                <a:gd name="connsiteY272" fmla="*/ 610023 h 809516"/>
                <a:gd name="connsiteX273" fmla="*/ 667725 w 1166041"/>
                <a:gd name="connsiteY273" fmla="*/ 610023 h 809516"/>
                <a:gd name="connsiteX274" fmla="*/ 662851 w 1166041"/>
                <a:gd name="connsiteY274" fmla="*/ 608398 h 809516"/>
                <a:gd name="connsiteX275" fmla="*/ 659602 w 1166041"/>
                <a:gd name="connsiteY275" fmla="*/ 606774 h 809516"/>
                <a:gd name="connsiteX276" fmla="*/ 664476 w 1166041"/>
                <a:gd name="connsiteY276" fmla="*/ 605149 h 809516"/>
                <a:gd name="connsiteX277" fmla="*/ 662851 w 1166041"/>
                <a:gd name="connsiteY277" fmla="*/ 600274 h 809516"/>
                <a:gd name="connsiteX278" fmla="*/ 657977 w 1166041"/>
                <a:gd name="connsiteY278" fmla="*/ 603524 h 809516"/>
                <a:gd name="connsiteX279" fmla="*/ 654728 w 1166041"/>
                <a:gd name="connsiteY279" fmla="*/ 601899 h 809516"/>
                <a:gd name="connsiteX280" fmla="*/ 656353 w 1166041"/>
                <a:gd name="connsiteY280" fmla="*/ 597025 h 809516"/>
                <a:gd name="connsiteX281" fmla="*/ 653103 w 1166041"/>
                <a:gd name="connsiteY281" fmla="*/ 593775 h 809516"/>
                <a:gd name="connsiteX282" fmla="*/ 649854 w 1166041"/>
                <a:gd name="connsiteY282" fmla="*/ 597025 h 809516"/>
                <a:gd name="connsiteX283" fmla="*/ 648230 w 1166041"/>
                <a:gd name="connsiteY283" fmla="*/ 601899 h 809516"/>
                <a:gd name="connsiteX284" fmla="*/ 644980 w 1166041"/>
                <a:gd name="connsiteY284" fmla="*/ 603524 h 809516"/>
                <a:gd name="connsiteX285" fmla="*/ 643356 w 1166041"/>
                <a:gd name="connsiteY285" fmla="*/ 601899 h 809516"/>
                <a:gd name="connsiteX286" fmla="*/ 640106 w 1166041"/>
                <a:gd name="connsiteY286" fmla="*/ 605149 h 809516"/>
                <a:gd name="connsiteX287" fmla="*/ 636857 w 1166041"/>
                <a:gd name="connsiteY287" fmla="*/ 606774 h 809516"/>
                <a:gd name="connsiteX288" fmla="*/ 631983 w 1166041"/>
                <a:gd name="connsiteY288" fmla="*/ 611648 h 809516"/>
                <a:gd name="connsiteX289" fmla="*/ 625485 w 1166041"/>
                <a:gd name="connsiteY289" fmla="*/ 614898 h 809516"/>
                <a:gd name="connsiteX290" fmla="*/ 625485 w 1166041"/>
                <a:gd name="connsiteY290" fmla="*/ 613273 h 809516"/>
                <a:gd name="connsiteX291" fmla="*/ 622235 w 1166041"/>
                <a:gd name="connsiteY291" fmla="*/ 613273 h 809516"/>
                <a:gd name="connsiteX292" fmla="*/ 617361 w 1166041"/>
                <a:gd name="connsiteY292" fmla="*/ 611648 h 809516"/>
                <a:gd name="connsiteX293" fmla="*/ 614112 w 1166041"/>
                <a:gd name="connsiteY293" fmla="*/ 610023 h 809516"/>
                <a:gd name="connsiteX294" fmla="*/ 610863 w 1166041"/>
                <a:gd name="connsiteY294" fmla="*/ 608398 h 809516"/>
                <a:gd name="connsiteX295" fmla="*/ 607613 w 1166041"/>
                <a:gd name="connsiteY295" fmla="*/ 605149 h 809516"/>
                <a:gd name="connsiteX296" fmla="*/ 602740 w 1166041"/>
                <a:gd name="connsiteY296" fmla="*/ 605149 h 809516"/>
                <a:gd name="connsiteX297" fmla="*/ 594616 w 1166041"/>
                <a:gd name="connsiteY297" fmla="*/ 603524 h 809516"/>
                <a:gd name="connsiteX298" fmla="*/ 592992 w 1166041"/>
                <a:gd name="connsiteY298" fmla="*/ 603524 h 809516"/>
                <a:gd name="connsiteX299" fmla="*/ 591367 w 1166041"/>
                <a:gd name="connsiteY299" fmla="*/ 603524 h 809516"/>
                <a:gd name="connsiteX300" fmla="*/ 586493 w 1166041"/>
                <a:gd name="connsiteY300" fmla="*/ 603524 h 809516"/>
                <a:gd name="connsiteX301" fmla="*/ 581619 w 1166041"/>
                <a:gd name="connsiteY301" fmla="*/ 601899 h 809516"/>
                <a:gd name="connsiteX302" fmla="*/ 573496 w 1166041"/>
                <a:gd name="connsiteY302" fmla="*/ 597025 h 809516"/>
                <a:gd name="connsiteX303" fmla="*/ 568622 w 1166041"/>
                <a:gd name="connsiteY303" fmla="*/ 597025 h 809516"/>
                <a:gd name="connsiteX304" fmla="*/ 562124 w 1166041"/>
                <a:gd name="connsiteY304" fmla="*/ 595400 h 809516"/>
                <a:gd name="connsiteX305" fmla="*/ 558874 w 1166041"/>
                <a:gd name="connsiteY305" fmla="*/ 588901 h 809516"/>
                <a:gd name="connsiteX306" fmla="*/ 552376 w 1166041"/>
                <a:gd name="connsiteY306" fmla="*/ 582402 h 809516"/>
                <a:gd name="connsiteX307" fmla="*/ 550751 w 1166041"/>
                <a:gd name="connsiteY307" fmla="*/ 577527 h 809516"/>
                <a:gd name="connsiteX308" fmla="*/ 549127 w 1166041"/>
                <a:gd name="connsiteY308" fmla="*/ 571028 h 809516"/>
                <a:gd name="connsiteX309" fmla="*/ 547502 w 1166041"/>
                <a:gd name="connsiteY309" fmla="*/ 567778 h 809516"/>
                <a:gd name="connsiteX310" fmla="*/ 547502 w 1166041"/>
                <a:gd name="connsiteY310" fmla="*/ 564529 h 809516"/>
                <a:gd name="connsiteX311" fmla="*/ 547502 w 1166041"/>
                <a:gd name="connsiteY311" fmla="*/ 561279 h 809516"/>
                <a:gd name="connsiteX312" fmla="*/ 547502 w 1166041"/>
                <a:gd name="connsiteY312" fmla="*/ 554780 h 809516"/>
                <a:gd name="connsiteX313" fmla="*/ 542628 w 1166041"/>
                <a:gd name="connsiteY313" fmla="*/ 549905 h 809516"/>
                <a:gd name="connsiteX314" fmla="*/ 539379 w 1166041"/>
                <a:gd name="connsiteY314" fmla="*/ 546656 h 809516"/>
                <a:gd name="connsiteX315" fmla="*/ 539379 w 1166041"/>
                <a:gd name="connsiteY315" fmla="*/ 540157 h 809516"/>
                <a:gd name="connsiteX316" fmla="*/ 537754 w 1166041"/>
                <a:gd name="connsiteY316" fmla="*/ 538532 h 809516"/>
                <a:gd name="connsiteX317" fmla="*/ 531256 w 1166041"/>
                <a:gd name="connsiteY317" fmla="*/ 536907 h 809516"/>
                <a:gd name="connsiteX318" fmla="*/ 521508 w 1166041"/>
                <a:gd name="connsiteY318" fmla="*/ 538532 h 809516"/>
                <a:gd name="connsiteX319" fmla="*/ 521508 w 1166041"/>
                <a:gd name="connsiteY319" fmla="*/ 535282 h 809516"/>
                <a:gd name="connsiteX320" fmla="*/ 521508 w 1166041"/>
                <a:gd name="connsiteY320" fmla="*/ 532033 h 809516"/>
                <a:gd name="connsiteX321" fmla="*/ 523132 w 1166041"/>
                <a:gd name="connsiteY321" fmla="*/ 527158 h 809516"/>
                <a:gd name="connsiteX322" fmla="*/ 523132 w 1166041"/>
                <a:gd name="connsiteY322" fmla="*/ 520659 h 809516"/>
                <a:gd name="connsiteX323" fmla="*/ 523132 w 1166041"/>
                <a:gd name="connsiteY323" fmla="*/ 517409 h 809516"/>
                <a:gd name="connsiteX324" fmla="*/ 513385 w 1166041"/>
                <a:gd name="connsiteY324" fmla="*/ 514160 h 809516"/>
                <a:gd name="connsiteX325" fmla="*/ 511760 w 1166041"/>
                <a:gd name="connsiteY325" fmla="*/ 519034 h 809516"/>
                <a:gd name="connsiteX326" fmla="*/ 510135 w 1166041"/>
                <a:gd name="connsiteY326" fmla="*/ 525533 h 809516"/>
                <a:gd name="connsiteX327" fmla="*/ 505261 w 1166041"/>
                <a:gd name="connsiteY327" fmla="*/ 527158 h 809516"/>
                <a:gd name="connsiteX328" fmla="*/ 502012 w 1166041"/>
                <a:gd name="connsiteY328" fmla="*/ 527158 h 809516"/>
                <a:gd name="connsiteX329" fmla="*/ 498763 w 1166041"/>
                <a:gd name="connsiteY329" fmla="*/ 527158 h 809516"/>
                <a:gd name="connsiteX330" fmla="*/ 495514 w 1166041"/>
                <a:gd name="connsiteY330" fmla="*/ 532033 h 809516"/>
                <a:gd name="connsiteX331" fmla="*/ 492264 w 1166041"/>
                <a:gd name="connsiteY331" fmla="*/ 528783 h 809516"/>
                <a:gd name="connsiteX332" fmla="*/ 495514 w 1166041"/>
                <a:gd name="connsiteY332" fmla="*/ 523909 h 809516"/>
                <a:gd name="connsiteX333" fmla="*/ 497138 w 1166041"/>
                <a:gd name="connsiteY333" fmla="*/ 522284 h 809516"/>
                <a:gd name="connsiteX334" fmla="*/ 497138 w 1166041"/>
                <a:gd name="connsiteY334" fmla="*/ 523909 h 809516"/>
                <a:gd name="connsiteX335" fmla="*/ 502012 w 1166041"/>
                <a:gd name="connsiteY335" fmla="*/ 520659 h 809516"/>
                <a:gd name="connsiteX336" fmla="*/ 503637 w 1166041"/>
                <a:gd name="connsiteY336" fmla="*/ 517409 h 809516"/>
                <a:gd name="connsiteX337" fmla="*/ 503637 w 1166041"/>
                <a:gd name="connsiteY337" fmla="*/ 510910 h 809516"/>
                <a:gd name="connsiteX338" fmla="*/ 503637 w 1166041"/>
                <a:gd name="connsiteY338" fmla="*/ 507661 h 809516"/>
                <a:gd name="connsiteX339" fmla="*/ 505261 w 1166041"/>
                <a:gd name="connsiteY339" fmla="*/ 502786 h 809516"/>
                <a:gd name="connsiteX340" fmla="*/ 506886 w 1166041"/>
                <a:gd name="connsiteY340" fmla="*/ 497912 h 809516"/>
                <a:gd name="connsiteX341" fmla="*/ 510135 w 1166041"/>
                <a:gd name="connsiteY341" fmla="*/ 493037 h 809516"/>
                <a:gd name="connsiteX342" fmla="*/ 510135 w 1166041"/>
                <a:gd name="connsiteY342" fmla="*/ 488163 h 809516"/>
                <a:gd name="connsiteX343" fmla="*/ 510135 w 1166041"/>
                <a:gd name="connsiteY343" fmla="*/ 484913 h 809516"/>
                <a:gd name="connsiteX344" fmla="*/ 511760 w 1166041"/>
                <a:gd name="connsiteY344" fmla="*/ 480039 h 809516"/>
                <a:gd name="connsiteX345" fmla="*/ 508511 w 1166041"/>
                <a:gd name="connsiteY345" fmla="*/ 475164 h 809516"/>
                <a:gd name="connsiteX346" fmla="*/ 508511 w 1166041"/>
                <a:gd name="connsiteY346" fmla="*/ 480039 h 809516"/>
                <a:gd name="connsiteX347" fmla="*/ 505261 w 1166041"/>
                <a:gd name="connsiteY347" fmla="*/ 481664 h 809516"/>
                <a:gd name="connsiteX348" fmla="*/ 503637 w 1166041"/>
                <a:gd name="connsiteY348" fmla="*/ 484913 h 809516"/>
                <a:gd name="connsiteX349" fmla="*/ 500387 w 1166041"/>
                <a:gd name="connsiteY349" fmla="*/ 491413 h 809516"/>
                <a:gd name="connsiteX350" fmla="*/ 497138 w 1166041"/>
                <a:gd name="connsiteY350" fmla="*/ 494662 h 809516"/>
                <a:gd name="connsiteX351" fmla="*/ 493889 w 1166041"/>
                <a:gd name="connsiteY351" fmla="*/ 496287 h 809516"/>
                <a:gd name="connsiteX352" fmla="*/ 490640 w 1166041"/>
                <a:gd name="connsiteY352" fmla="*/ 499537 h 809516"/>
                <a:gd name="connsiteX353" fmla="*/ 487390 w 1166041"/>
                <a:gd name="connsiteY353" fmla="*/ 502786 h 809516"/>
                <a:gd name="connsiteX354" fmla="*/ 482517 w 1166041"/>
                <a:gd name="connsiteY354" fmla="*/ 506036 h 809516"/>
                <a:gd name="connsiteX355" fmla="*/ 476018 w 1166041"/>
                <a:gd name="connsiteY355" fmla="*/ 512535 h 809516"/>
                <a:gd name="connsiteX356" fmla="*/ 474393 w 1166041"/>
                <a:gd name="connsiteY356" fmla="*/ 515785 h 809516"/>
                <a:gd name="connsiteX357" fmla="*/ 472769 w 1166041"/>
                <a:gd name="connsiteY357" fmla="*/ 520659 h 809516"/>
                <a:gd name="connsiteX358" fmla="*/ 471144 w 1166041"/>
                <a:gd name="connsiteY358" fmla="*/ 523909 h 809516"/>
                <a:gd name="connsiteX359" fmla="*/ 467895 w 1166041"/>
                <a:gd name="connsiteY359" fmla="*/ 523909 h 809516"/>
                <a:gd name="connsiteX360" fmla="*/ 463021 w 1166041"/>
                <a:gd name="connsiteY360" fmla="*/ 522284 h 809516"/>
                <a:gd name="connsiteX361" fmla="*/ 458147 w 1166041"/>
                <a:gd name="connsiteY361" fmla="*/ 514160 h 809516"/>
                <a:gd name="connsiteX362" fmla="*/ 456522 w 1166041"/>
                <a:gd name="connsiteY362" fmla="*/ 507661 h 809516"/>
                <a:gd name="connsiteX363" fmla="*/ 454898 w 1166041"/>
                <a:gd name="connsiteY363" fmla="*/ 504411 h 809516"/>
                <a:gd name="connsiteX364" fmla="*/ 454898 w 1166041"/>
                <a:gd name="connsiteY364" fmla="*/ 501161 h 809516"/>
                <a:gd name="connsiteX365" fmla="*/ 451648 w 1166041"/>
                <a:gd name="connsiteY365" fmla="*/ 497912 h 809516"/>
                <a:gd name="connsiteX366" fmla="*/ 448399 w 1166041"/>
                <a:gd name="connsiteY366" fmla="*/ 491413 h 809516"/>
                <a:gd name="connsiteX367" fmla="*/ 446775 w 1166041"/>
                <a:gd name="connsiteY367" fmla="*/ 486538 h 809516"/>
                <a:gd name="connsiteX368" fmla="*/ 440276 w 1166041"/>
                <a:gd name="connsiteY368" fmla="*/ 484913 h 809516"/>
                <a:gd name="connsiteX369" fmla="*/ 433777 w 1166041"/>
                <a:gd name="connsiteY369" fmla="*/ 476789 h 809516"/>
                <a:gd name="connsiteX370" fmla="*/ 437027 w 1166041"/>
                <a:gd name="connsiteY370" fmla="*/ 473540 h 809516"/>
                <a:gd name="connsiteX371" fmla="*/ 438651 w 1166041"/>
                <a:gd name="connsiteY371" fmla="*/ 471915 h 809516"/>
                <a:gd name="connsiteX372" fmla="*/ 437027 w 1166041"/>
                <a:gd name="connsiteY372" fmla="*/ 470290 h 809516"/>
                <a:gd name="connsiteX373" fmla="*/ 433777 w 1166041"/>
                <a:gd name="connsiteY373" fmla="*/ 468665 h 809516"/>
                <a:gd name="connsiteX374" fmla="*/ 427279 w 1166041"/>
                <a:gd name="connsiteY374" fmla="*/ 463791 h 809516"/>
                <a:gd name="connsiteX375" fmla="*/ 424030 w 1166041"/>
                <a:gd name="connsiteY375" fmla="*/ 460541 h 809516"/>
                <a:gd name="connsiteX376" fmla="*/ 417531 w 1166041"/>
                <a:gd name="connsiteY376" fmla="*/ 462166 h 809516"/>
                <a:gd name="connsiteX377" fmla="*/ 412657 w 1166041"/>
                <a:gd name="connsiteY377" fmla="*/ 457292 h 809516"/>
                <a:gd name="connsiteX378" fmla="*/ 409408 w 1166041"/>
                <a:gd name="connsiteY378" fmla="*/ 457292 h 809516"/>
                <a:gd name="connsiteX379" fmla="*/ 402909 w 1166041"/>
                <a:gd name="connsiteY379" fmla="*/ 458916 h 809516"/>
                <a:gd name="connsiteX380" fmla="*/ 398035 w 1166041"/>
                <a:gd name="connsiteY380" fmla="*/ 458916 h 809516"/>
                <a:gd name="connsiteX381" fmla="*/ 393162 w 1166041"/>
                <a:gd name="connsiteY381" fmla="*/ 457292 h 809516"/>
                <a:gd name="connsiteX382" fmla="*/ 391537 w 1166041"/>
                <a:gd name="connsiteY382" fmla="*/ 452417 h 809516"/>
                <a:gd name="connsiteX383" fmla="*/ 385038 w 1166041"/>
                <a:gd name="connsiteY383" fmla="*/ 449168 h 809516"/>
                <a:gd name="connsiteX384" fmla="*/ 378540 w 1166041"/>
                <a:gd name="connsiteY384" fmla="*/ 445918 h 809516"/>
                <a:gd name="connsiteX385" fmla="*/ 372041 w 1166041"/>
                <a:gd name="connsiteY385" fmla="*/ 445918 h 809516"/>
                <a:gd name="connsiteX386" fmla="*/ 365543 w 1166041"/>
                <a:gd name="connsiteY386" fmla="*/ 447543 h 809516"/>
                <a:gd name="connsiteX387" fmla="*/ 362293 w 1166041"/>
                <a:gd name="connsiteY387" fmla="*/ 447543 h 809516"/>
                <a:gd name="connsiteX388" fmla="*/ 354170 w 1166041"/>
                <a:gd name="connsiteY388" fmla="*/ 447543 h 809516"/>
                <a:gd name="connsiteX389" fmla="*/ 349296 w 1166041"/>
                <a:gd name="connsiteY389" fmla="*/ 447543 h 809516"/>
                <a:gd name="connsiteX390" fmla="*/ 347672 w 1166041"/>
                <a:gd name="connsiteY390" fmla="*/ 447543 h 809516"/>
                <a:gd name="connsiteX391" fmla="*/ 344422 w 1166041"/>
                <a:gd name="connsiteY391" fmla="*/ 447543 h 809516"/>
                <a:gd name="connsiteX392" fmla="*/ 339549 w 1166041"/>
                <a:gd name="connsiteY392" fmla="*/ 449168 h 809516"/>
                <a:gd name="connsiteX393" fmla="*/ 334675 w 1166041"/>
                <a:gd name="connsiteY393" fmla="*/ 449168 h 809516"/>
                <a:gd name="connsiteX394" fmla="*/ 328176 w 1166041"/>
                <a:gd name="connsiteY394" fmla="*/ 449168 h 809516"/>
                <a:gd name="connsiteX395" fmla="*/ 323302 w 1166041"/>
                <a:gd name="connsiteY395" fmla="*/ 449168 h 809516"/>
                <a:gd name="connsiteX396" fmla="*/ 318428 w 1166041"/>
                <a:gd name="connsiteY396" fmla="*/ 452417 h 809516"/>
                <a:gd name="connsiteX397" fmla="*/ 313554 w 1166041"/>
                <a:gd name="connsiteY397" fmla="*/ 455667 h 809516"/>
                <a:gd name="connsiteX398" fmla="*/ 310305 w 1166041"/>
                <a:gd name="connsiteY398" fmla="*/ 458916 h 809516"/>
                <a:gd name="connsiteX399" fmla="*/ 303807 w 1166041"/>
                <a:gd name="connsiteY399" fmla="*/ 458916 h 809516"/>
                <a:gd name="connsiteX400" fmla="*/ 294059 w 1166041"/>
                <a:gd name="connsiteY400" fmla="*/ 462166 h 809516"/>
                <a:gd name="connsiteX401" fmla="*/ 287560 w 1166041"/>
                <a:gd name="connsiteY401" fmla="*/ 462166 h 809516"/>
                <a:gd name="connsiteX402" fmla="*/ 271314 w 1166041"/>
                <a:gd name="connsiteY402" fmla="*/ 462166 h 809516"/>
                <a:gd name="connsiteX403" fmla="*/ 266440 w 1166041"/>
                <a:gd name="connsiteY403" fmla="*/ 462166 h 809516"/>
                <a:gd name="connsiteX404" fmla="*/ 261566 w 1166041"/>
                <a:gd name="connsiteY404" fmla="*/ 463791 h 809516"/>
                <a:gd name="connsiteX405" fmla="*/ 256692 w 1166041"/>
                <a:gd name="connsiteY405" fmla="*/ 468665 h 809516"/>
                <a:gd name="connsiteX406" fmla="*/ 250194 w 1166041"/>
                <a:gd name="connsiteY406" fmla="*/ 473540 h 809516"/>
                <a:gd name="connsiteX407" fmla="*/ 242070 w 1166041"/>
                <a:gd name="connsiteY407" fmla="*/ 475164 h 809516"/>
                <a:gd name="connsiteX408" fmla="*/ 232323 w 1166041"/>
                <a:gd name="connsiteY408" fmla="*/ 483289 h 809516"/>
                <a:gd name="connsiteX409" fmla="*/ 229073 w 1166041"/>
                <a:gd name="connsiteY409" fmla="*/ 488163 h 809516"/>
                <a:gd name="connsiteX410" fmla="*/ 224199 w 1166041"/>
                <a:gd name="connsiteY410" fmla="*/ 493037 h 809516"/>
                <a:gd name="connsiteX411" fmla="*/ 219326 w 1166041"/>
                <a:gd name="connsiteY411" fmla="*/ 497912 h 809516"/>
                <a:gd name="connsiteX412" fmla="*/ 214452 w 1166041"/>
                <a:gd name="connsiteY412" fmla="*/ 497912 h 809516"/>
                <a:gd name="connsiteX413" fmla="*/ 211202 w 1166041"/>
                <a:gd name="connsiteY413" fmla="*/ 499537 h 809516"/>
                <a:gd name="connsiteX414" fmla="*/ 206328 w 1166041"/>
                <a:gd name="connsiteY414" fmla="*/ 499537 h 809516"/>
                <a:gd name="connsiteX415" fmla="*/ 201455 w 1166041"/>
                <a:gd name="connsiteY415" fmla="*/ 499537 h 809516"/>
                <a:gd name="connsiteX416" fmla="*/ 194956 w 1166041"/>
                <a:gd name="connsiteY416" fmla="*/ 501161 h 809516"/>
                <a:gd name="connsiteX417" fmla="*/ 186833 w 1166041"/>
                <a:gd name="connsiteY417" fmla="*/ 499537 h 809516"/>
                <a:gd name="connsiteX418" fmla="*/ 183584 w 1166041"/>
                <a:gd name="connsiteY418" fmla="*/ 499537 h 809516"/>
                <a:gd name="connsiteX419" fmla="*/ 181959 w 1166041"/>
                <a:gd name="connsiteY419" fmla="*/ 497912 h 809516"/>
                <a:gd name="connsiteX420" fmla="*/ 180334 w 1166041"/>
                <a:gd name="connsiteY420" fmla="*/ 497912 h 809516"/>
                <a:gd name="connsiteX421" fmla="*/ 173836 w 1166041"/>
                <a:gd name="connsiteY421" fmla="*/ 499537 h 809516"/>
                <a:gd name="connsiteX422" fmla="*/ 168962 w 1166041"/>
                <a:gd name="connsiteY422" fmla="*/ 499537 h 809516"/>
                <a:gd name="connsiteX423" fmla="*/ 162463 w 1166041"/>
                <a:gd name="connsiteY423" fmla="*/ 501161 h 809516"/>
                <a:gd name="connsiteX424" fmla="*/ 155965 w 1166041"/>
                <a:gd name="connsiteY424" fmla="*/ 501161 h 809516"/>
                <a:gd name="connsiteX425" fmla="*/ 146217 w 1166041"/>
                <a:gd name="connsiteY425" fmla="*/ 502786 h 809516"/>
                <a:gd name="connsiteX426" fmla="*/ 144592 w 1166041"/>
                <a:gd name="connsiteY426" fmla="*/ 504411 h 809516"/>
                <a:gd name="connsiteX427" fmla="*/ 141343 w 1166041"/>
                <a:gd name="connsiteY427" fmla="*/ 509285 h 809516"/>
                <a:gd name="connsiteX428" fmla="*/ 131595 w 1166041"/>
                <a:gd name="connsiteY428" fmla="*/ 512535 h 809516"/>
                <a:gd name="connsiteX429" fmla="*/ 125097 w 1166041"/>
                <a:gd name="connsiteY429" fmla="*/ 515785 h 809516"/>
                <a:gd name="connsiteX430" fmla="*/ 120223 w 1166041"/>
                <a:gd name="connsiteY430" fmla="*/ 519034 h 809516"/>
                <a:gd name="connsiteX431" fmla="*/ 116974 w 1166041"/>
                <a:gd name="connsiteY431" fmla="*/ 523909 h 809516"/>
                <a:gd name="connsiteX432" fmla="*/ 110475 w 1166041"/>
                <a:gd name="connsiteY432" fmla="*/ 525533 h 809516"/>
                <a:gd name="connsiteX433" fmla="*/ 99103 w 1166041"/>
                <a:gd name="connsiteY433" fmla="*/ 527158 h 809516"/>
                <a:gd name="connsiteX434" fmla="*/ 90979 w 1166041"/>
                <a:gd name="connsiteY434" fmla="*/ 527158 h 809516"/>
                <a:gd name="connsiteX435" fmla="*/ 81232 w 1166041"/>
                <a:gd name="connsiteY435" fmla="*/ 527158 h 809516"/>
                <a:gd name="connsiteX436" fmla="*/ 76358 w 1166041"/>
                <a:gd name="connsiteY436" fmla="*/ 527158 h 809516"/>
                <a:gd name="connsiteX437" fmla="*/ 69859 w 1166041"/>
                <a:gd name="connsiteY437" fmla="*/ 525533 h 809516"/>
                <a:gd name="connsiteX438" fmla="*/ 64985 w 1166041"/>
                <a:gd name="connsiteY438" fmla="*/ 520659 h 809516"/>
                <a:gd name="connsiteX439" fmla="*/ 61736 w 1166041"/>
                <a:gd name="connsiteY439" fmla="*/ 514160 h 809516"/>
                <a:gd name="connsiteX440" fmla="*/ 58487 w 1166041"/>
                <a:gd name="connsiteY440" fmla="*/ 510910 h 809516"/>
                <a:gd name="connsiteX441" fmla="*/ 55237 w 1166041"/>
                <a:gd name="connsiteY441" fmla="*/ 509285 h 809516"/>
                <a:gd name="connsiteX442" fmla="*/ 48739 w 1166041"/>
                <a:gd name="connsiteY442" fmla="*/ 507661 h 809516"/>
                <a:gd name="connsiteX443" fmla="*/ 43865 w 1166041"/>
                <a:gd name="connsiteY443" fmla="*/ 506036 h 809516"/>
                <a:gd name="connsiteX444" fmla="*/ 43865 w 1166041"/>
                <a:gd name="connsiteY444" fmla="*/ 504411 h 809516"/>
                <a:gd name="connsiteX445" fmla="*/ 45490 w 1166041"/>
                <a:gd name="connsiteY445" fmla="*/ 502786 h 809516"/>
                <a:gd name="connsiteX446" fmla="*/ 43865 w 1166041"/>
                <a:gd name="connsiteY446" fmla="*/ 496287 h 809516"/>
                <a:gd name="connsiteX447" fmla="*/ 48739 w 1166041"/>
                <a:gd name="connsiteY447" fmla="*/ 493037 h 809516"/>
                <a:gd name="connsiteX448" fmla="*/ 55237 w 1166041"/>
                <a:gd name="connsiteY448" fmla="*/ 491413 h 809516"/>
                <a:gd name="connsiteX449" fmla="*/ 56862 w 1166041"/>
                <a:gd name="connsiteY449" fmla="*/ 486538 h 809516"/>
                <a:gd name="connsiteX450" fmla="*/ 56862 w 1166041"/>
                <a:gd name="connsiteY450" fmla="*/ 481664 h 809516"/>
                <a:gd name="connsiteX451" fmla="*/ 56862 w 1166041"/>
                <a:gd name="connsiteY451" fmla="*/ 475164 h 809516"/>
                <a:gd name="connsiteX452" fmla="*/ 56862 w 1166041"/>
                <a:gd name="connsiteY452" fmla="*/ 473540 h 809516"/>
                <a:gd name="connsiteX453" fmla="*/ 58487 w 1166041"/>
                <a:gd name="connsiteY453" fmla="*/ 467040 h 809516"/>
                <a:gd name="connsiteX454" fmla="*/ 56862 w 1166041"/>
                <a:gd name="connsiteY454" fmla="*/ 457292 h 809516"/>
                <a:gd name="connsiteX455" fmla="*/ 56862 w 1166041"/>
                <a:gd name="connsiteY455" fmla="*/ 454042 h 809516"/>
                <a:gd name="connsiteX456" fmla="*/ 58487 w 1166041"/>
                <a:gd name="connsiteY456" fmla="*/ 452417 h 809516"/>
                <a:gd name="connsiteX457" fmla="*/ 56862 w 1166041"/>
                <a:gd name="connsiteY457" fmla="*/ 444293 h 809516"/>
                <a:gd name="connsiteX458" fmla="*/ 51988 w 1166041"/>
                <a:gd name="connsiteY458" fmla="*/ 439419 h 809516"/>
                <a:gd name="connsiteX459" fmla="*/ 45490 w 1166041"/>
                <a:gd name="connsiteY459" fmla="*/ 431295 h 809516"/>
                <a:gd name="connsiteX460" fmla="*/ 43865 w 1166041"/>
                <a:gd name="connsiteY460" fmla="*/ 424796 h 809516"/>
                <a:gd name="connsiteX461" fmla="*/ 42240 w 1166041"/>
                <a:gd name="connsiteY461" fmla="*/ 419921 h 809516"/>
                <a:gd name="connsiteX462" fmla="*/ 42240 w 1166041"/>
                <a:gd name="connsiteY462" fmla="*/ 413422 h 809516"/>
                <a:gd name="connsiteX463" fmla="*/ 42240 w 1166041"/>
                <a:gd name="connsiteY463" fmla="*/ 410172 h 809516"/>
                <a:gd name="connsiteX464" fmla="*/ 42240 w 1166041"/>
                <a:gd name="connsiteY464" fmla="*/ 403673 h 809516"/>
                <a:gd name="connsiteX465" fmla="*/ 40616 w 1166041"/>
                <a:gd name="connsiteY465" fmla="*/ 393924 h 809516"/>
                <a:gd name="connsiteX466" fmla="*/ 34117 w 1166041"/>
                <a:gd name="connsiteY466" fmla="*/ 384175 h 809516"/>
                <a:gd name="connsiteX467" fmla="*/ 32492 w 1166041"/>
                <a:gd name="connsiteY467" fmla="*/ 380926 h 809516"/>
                <a:gd name="connsiteX468" fmla="*/ 27619 w 1166041"/>
                <a:gd name="connsiteY468" fmla="*/ 372802 h 809516"/>
                <a:gd name="connsiteX469" fmla="*/ 25994 w 1166041"/>
                <a:gd name="connsiteY469" fmla="*/ 364678 h 809516"/>
                <a:gd name="connsiteX470" fmla="*/ 25994 w 1166041"/>
                <a:gd name="connsiteY470" fmla="*/ 354929 h 809516"/>
                <a:gd name="connsiteX471" fmla="*/ 22745 w 1166041"/>
                <a:gd name="connsiteY471" fmla="*/ 350055 h 809516"/>
                <a:gd name="connsiteX472" fmla="*/ 19495 w 1166041"/>
                <a:gd name="connsiteY472" fmla="*/ 346805 h 809516"/>
                <a:gd name="connsiteX473" fmla="*/ 17871 w 1166041"/>
                <a:gd name="connsiteY473" fmla="*/ 340306 h 809516"/>
                <a:gd name="connsiteX474" fmla="*/ 12997 w 1166041"/>
                <a:gd name="connsiteY474" fmla="*/ 337056 h 809516"/>
                <a:gd name="connsiteX475" fmla="*/ 9748 w 1166041"/>
                <a:gd name="connsiteY475" fmla="*/ 335431 h 809516"/>
                <a:gd name="connsiteX476" fmla="*/ 6498 w 1166041"/>
                <a:gd name="connsiteY476" fmla="*/ 330557 h 809516"/>
                <a:gd name="connsiteX477" fmla="*/ 3249 w 1166041"/>
                <a:gd name="connsiteY477" fmla="*/ 325682 h 809516"/>
                <a:gd name="connsiteX478" fmla="*/ 0 w 1166041"/>
                <a:gd name="connsiteY478" fmla="*/ 315934 h 809516"/>
                <a:gd name="connsiteX479" fmla="*/ 3249 w 1166041"/>
                <a:gd name="connsiteY479" fmla="*/ 320808 h 809516"/>
                <a:gd name="connsiteX480" fmla="*/ 3249 w 1166041"/>
                <a:gd name="connsiteY480" fmla="*/ 322433 h 809516"/>
                <a:gd name="connsiteX481" fmla="*/ 6498 w 1166041"/>
                <a:gd name="connsiteY481" fmla="*/ 325682 h 809516"/>
                <a:gd name="connsiteX482" fmla="*/ 8123 w 1166041"/>
                <a:gd name="connsiteY482" fmla="*/ 330557 h 809516"/>
                <a:gd name="connsiteX483" fmla="*/ 14621 w 1166041"/>
                <a:gd name="connsiteY483" fmla="*/ 333807 h 809516"/>
                <a:gd name="connsiteX484" fmla="*/ 19495 w 1166041"/>
                <a:gd name="connsiteY484" fmla="*/ 337056 h 809516"/>
                <a:gd name="connsiteX485" fmla="*/ 21120 w 1166041"/>
                <a:gd name="connsiteY485" fmla="*/ 333807 h 809516"/>
                <a:gd name="connsiteX486" fmla="*/ 19495 w 1166041"/>
                <a:gd name="connsiteY486" fmla="*/ 332182 h 809516"/>
                <a:gd name="connsiteX487" fmla="*/ 16246 w 1166041"/>
                <a:gd name="connsiteY487" fmla="*/ 325682 h 809516"/>
                <a:gd name="connsiteX488" fmla="*/ 9748 w 1166041"/>
                <a:gd name="connsiteY488" fmla="*/ 319183 h 809516"/>
                <a:gd name="connsiteX489" fmla="*/ 14621 w 1166041"/>
                <a:gd name="connsiteY489" fmla="*/ 320808 h 809516"/>
                <a:gd name="connsiteX490" fmla="*/ 19495 w 1166041"/>
                <a:gd name="connsiteY490" fmla="*/ 325682 h 809516"/>
                <a:gd name="connsiteX491" fmla="*/ 24369 w 1166041"/>
                <a:gd name="connsiteY491" fmla="*/ 332182 h 809516"/>
                <a:gd name="connsiteX492" fmla="*/ 25994 w 1166041"/>
                <a:gd name="connsiteY492" fmla="*/ 327307 h 809516"/>
                <a:gd name="connsiteX493" fmla="*/ 24369 w 1166041"/>
                <a:gd name="connsiteY493" fmla="*/ 322433 h 809516"/>
                <a:gd name="connsiteX494" fmla="*/ 25994 w 1166041"/>
                <a:gd name="connsiteY494" fmla="*/ 319183 h 809516"/>
                <a:gd name="connsiteX495" fmla="*/ 22745 w 1166041"/>
                <a:gd name="connsiteY495" fmla="*/ 314309 h 809516"/>
                <a:gd name="connsiteX496" fmla="*/ 16246 w 1166041"/>
                <a:gd name="connsiteY496" fmla="*/ 301310 h 809516"/>
                <a:gd name="connsiteX497" fmla="*/ 14621 w 1166041"/>
                <a:gd name="connsiteY497" fmla="*/ 299686 h 809516"/>
                <a:gd name="connsiteX498" fmla="*/ 12997 w 1166041"/>
                <a:gd name="connsiteY498" fmla="*/ 299686 h 809516"/>
                <a:gd name="connsiteX499" fmla="*/ 11372 w 1166041"/>
                <a:gd name="connsiteY499" fmla="*/ 291562 h 809516"/>
                <a:gd name="connsiteX500" fmla="*/ 11372 w 1166041"/>
                <a:gd name="connsiteY500" fmla="*/ 285062 h 809516"/>
                <a:gd name="connsiteX501" fmla="*/ 12997 w 1166041"/>
                <a:gd name="connsiteY501" fmla="*/ 278563 h 809516"/>
                <a:gd name="connsiteX502" fmla="*/ 16246 w 1166041"/>
                <a:gd name="connsiteY502" fmla="*/ 273689 h 809516"/>
                <a:gd name="connsiteX503" fmla="*/ 17871 w 1166041"/>
                <a:gd name="connsiteY503" fmla="*/ 268814 h 809516"/>
                <a:gd name="connsiteX504" fmla="*/ 17871 w 1166041"/>
                <a:gd name="connsiteY504" fmla="*/ 263940 h 809516"/>
                <a:gd name="connsiteX505" fmla="*/ 17871 w 1166041"/>
                <a:gd name="connsiteY505" fmla="*/ 255816 h 809516"/>
                <a:gd name="connsiteX506" fmla="*/ 17871 w 1166041"/>
                <a:gd name="connsiteY506" fmla="*/ 250942 h 809516"/>
                <a:gd name="connsiteX507" fmla="*/ 19495 w 1166041"/>
                <a:gd name="connsiteY507" fmla="*/ 246067 h 809516"/>
                <a:gd name="connsiteX508" fmla="*/ 22745 w 1166041"/>
                <a:gd name="connsiteY508" fmla="*/ 236318 h 809516"/>
                <a:gd name="connsiteX509" fmla="*/ 25994 w 1166041"/>
                <a:gd name="connsiteY509" fmla="*/ 236318 h 809516"/>
                <a:gd name="connsiteX510" fmla="*/ 25994 w 1166041"/>
                <a:gd name="connsiteY510" fmla="*/ 239568 h 809516"/>
                <a:gd name="connsiteX511" fmla="*/ 24369 w 1166041"/>
                <a:gd name="connsiteY511" fmla="*/ 244442 h 809516"/>
                <a:gd name="connsiteX512" fmla="*/ 25994 w 1166041"/>
                <a:gd name="connsiteY512" fmla="*/ 246067 h 809516"/>
                <a:gd name="connsiteX513" fmla="*/ 30868 w 1166041"/>
                <a:gd name="connsiteY513" fmla="*/ 247692 h 809516"/>
                <a:gd name="connsiteX514" fmla="*/ 32492 w 1166041"/>
                <a:gd name="connsiteY514" fmla="*/ 242817 h 809516"/>
                <a:gd name="connsiteX515" fmla="*/ 40616 w 1166041"/>
                <a:gd name="connsiteY515" fmla="*/ 234693 h 809516"/>
                <a:gd name="connsiteX516" fmla="*/ 42240 w 1166041"/>
                <a:gd name="connsiteY516" fmla="*/ 231444 h 809516"/>
                <a:gd name="connsiteX517" fmla="*/ 48739 w 1166041"/>
                <a:gd name="connsiteY517" fmla="*/ 233069 h 809516"/>
                <a:gd name="connsiteX518" fmla="*/ 50363 w 1166041"/>
                <a:gd name="connsiteY518" fmla="*/ 228194 h 809516"/>
                <a:gd name="connsiteX519" fmla="*/ 55237 w 1166041"/>
                <a:gd name="connsiteY519" fmla="*/ 226569 h 809516"/>
                <a:gd name="connsiteX520" fmla="*/ 63361 w 1166041"/>
                <a:gd name="connsiteY520" fmla="*/ 221695 h 809516"/>
                <a:gd name="connsiteX521" fmla="*/ 66610 w 1166041"/>
                <a:gd name="connsiteY521" fmla="*/ 216821 h 809516"/>
                <a:gd name="connsiteX522" fmla="*/ 73108 w 1166041"/>
                <a:gd name="connsiteY522" fmla="*/ 211946 h 809516"/>
                <a:gd name="connsiteX523" fmla="*/ 77982 w 1166041"/>
                <a:gd name="connsiteY523" fmla="*/ 210321 h 809516"/>
                <a:gd name="connsiteX524" fmla="*/ 84481 w 1166041"/>
                <a:gd name="connsiteY524" fmla="*/ 208697 h 809516"/>
                <a:gd name="connsiteX525" fmla="*/ 97478 w 1166041"/>
                <a:gd name="connsiteY525" fmla="*/ 208697 h 809516"/>
                <a:gd name="connsiteX526" fmla="*/ 99103 w 1166041"/>
                <a:gd name="connsiteY526" fmla="*/ 210321 h 809516"/>
                <a:gd name="connsiteX527" fmla="*/ 105601 w 1166041"/>
                <a:gd name="connsiteY527" fmla="*/ 207072 h 809516"/>
                <a:gd name="connsiteX528" fmla="*/ 110475 w 1166041"/>
                <a:gd name="connsiteY528" fmla="*/ 203822 h 809516"/>
                <a:gd name="connsiteX529" fmla="*/ 116974 w 1166041"/>
                <a:gd name="connsiteY529" fmla="*/ 200573 h 809516"/>
                <a:gd name="connsiteX530" fmla="*/ 121847 w 1166041"/>
                <a:gd name="connsiteY530" fmla="*/ 198948 h 809516"/>
                <a:gd name="connsiteX531" fmla="*/ 126721 w 1166041"/>
                <a:gd name="connsiteY531" fmla="*/ 195698 h 809516"/>
                <a:gd name="connsiteX532" fmla="*/ 129971 w 1166041"/>
                <a:gd name="connsiteY532" fmla="*/ 197323 h 809516"/>
                <a:gd name="connsiteX533" fmla="*/ 129971 w 1166041"/>
                <a:gd name="connsiteY533" fmla="*/ 198948 h 809516"/>
                <a:gd name="connsiteX534" fmla="*/ 134845 w 1166041"/>
                <a:gd name="connsiteY534" fmla="*/ 198948 h 809516"/>
                <a:gd name="connsiteX535" fmla="*/ 139718 w 1166041"/>
                <a:gd name="connsiteY535" fmla="*/ 195698 h 809516"/>
                <a:gd name="connsiteX536" fmla="*/ 142968 w 1166041"/>
                <a:gd name="connsiteY536" fmla="*/ 194073 h 809516"/>
                <a:gd name="connsiteX537" fmla="*/ 151091 w 1166041"/>
                <a:gd name="connsiteY537" fmla="*/ 192449 h 809516"/>
                <a:gd name="connsiteX538" fmla="*/ 157589 w 1166041"/>
                <a:gd name="connsiteY538" fmla="*/ 190824 h 809516"/>
                <a:gd name="connsiteX539" fmla="*/ 167337 w 1166041"/>
                <a:gd name="connsiteY539" fmla="*/ 185949 h 809516"/>
                <a:gd name="connsiteX540" fmla="*/ 172211 w 1166041"/>
                <a:gd name="connsiteY540" fmla="*/ 181075 h 809516"/>
                <a:gd name="connsiteX541" fmla="*/ 175460 w 1166041"/>
                <a:gd name="connsiteY541" fmla="*/ 177825 h 809516"/>
                <a:gd name="connsiteX542" fmla="*/ 181959 w 1166041"/>
                <a:gd name="connsiteY542" fmla="*/ 168077 h 809516"/>
                <a:gd name="connsiteX543" fmla="*/ 181959 w 1166041"/>
                <a:gd name="connsiteY543" fmla="*/ 164827 h 809516"/>
                <a:gd name="connsiteX544" fmla="*/ 188457 w 1166041"/>
                <a:gd name="connsiteY544" fmla="*/ 159952 h 809516"/>
                <a:gd name="connsiteX545" fmla="*/ 190082 w 1166041"/>
                <a:gd name="connsiteY545" fmla="*/ 155078 h 809516"/>
                <a:gd name="connsiteX546" fmla="*/ 191707 w 1166041"/>
                <a:gd name="connsiteY546" fmla="*/ 146954 h 809516"/>
                <a:gd name="connsiteX547" fmla="*/ 188457 w 1166041"/>
                <a:gd name="connsiteY547" fmla="*/ 142080 h 809516"/>
                <a:gd name="connsiteX548" fmla="*/ 188457 w 1166041"/>
                <a:gd name="connsiteY548" fmla="*/ 138830 h 809516"/>
                <a:gd name="connsiteX549" fmla="*/ 198205 w 1166041"/>
                <a:gd name="connsiteY549" fmla="*/ 129081 h 809516"/>
                <a:gd name="connsiteX550" fmla="*/ 203079 w 1166041"/>
                <a:gd name="connsiteY550" fmla="*/ 122582 h 809516"/>
                <a:gd name="connsiteX551" fmla="*/ 206328 w 1166041"/>
                <a:gd name="connsiteY551" fmla="*/ 124207 h 809516"/>
                <a:gd name="connsiteX552" fmla="*/ 212827 w 1166041"/>
                <a:gd name="connsiteY552" fmla="*/ 130706 h 809516"/>
                <a:gd name="connsiteX553" fmla="*/ 216076 w 1166041"/>
                <a:gd name="connsiteY553" fmla="*/ 143704 h 809516"/>
                <a:gd name="connsiteX554" fmla="*/ 219326 w 1166041"/>
                <a:gd name="connsiteY554" fmla="*/ 137205 h 809516"/>
                <a:gd name="connsiteX555" fmla="*/ 225824 w 1166041"/>
                <a:gd name="connsiteY555" fmla="*/ 127456 h 809516"/>
                <a:gd name="connsiteX556" fmla="*/ 219326 w 1166041"/>
                <a:gd name="connsiteY556" fmla="*/ 120957 h 809516"/>
                <a:gd name="connsiteX557" fmla="*/ 220950 w 1166041"/>
                <a:gd name="connsiteY557" fmla="*/ 112833 h 809516"/>
                <a:gd name="connsiteX558" fmla="*/ 230698 w 1166041"/>
                <a:gd name="connsiteY558" fmla="*/ 117708 h 809516"/>
                <a:gd name="connsiteX559" fmla="*/ 238821 w 1166041"/>
                <a:gd name="connsiteY559" fmla="*/ 116083 h 809516"/>
                <a:gd name="connsiteX560" fmla="*/ 235572 w 1166041"/>
                <a:gd name="connsiteY560" fmla="*/ 107959 h 809516"/>
                <a:gd name="connsiteX561" fmla="*/ 237197 w 1166041"/>
                <a:gd name="connsiteY561" fmla="*/ 101460 h 809516"/>
                <a:gd name="connsiteX562" fmla="*/ 246944 w 1166041"/>
                <a:gd name="connsiteY562" fmla="*/ 98210 h 809516"/>
                <a:gd name="connsiteX563" fmla="*/ 246944 w 1166041"/>
                <a:gd name="connsiteY563" fmla="*/ 88461 h 809516"/>
                <a:gd name="connsiteX564" fmla="*/ 253443 w 1166041"/>
                <a:gd name="connsiteY564" fmla="*/ 80337 h 809516"/>
                <a:gd name="connsiteX565" fmla="*/ 263191 w 1166041"/>
                <a:gd name="connsiteY565" fmla="*/ 81962 h 809516"/>
                <a:gd name="connsiteX566" fmla="*/ 271314 w 1166041"/>
                <a:gd name="connsiteY566" fmla="*/ 72213 h 809516"/>
                <a:gd name="connsiteX567" fmla="*/ 277812 w 1166041"/>
                <a:gd name="connsiteY567" fmla="*/ 70588 h 809516"/>
                <a:gd name="connsiteX568" fmla="*/ 284311 w 1166041"/>
                <a:gd name="connsiteY568" fmla="*/ 65714 h 809516"/>
                <a:gd name="connsiteX569" fmla="*/ 292434 w 1166041"/>
                <a:gd name="connsiteY569" fmla="*/ 72213 h 809516"/>
                <a:gd name="connsiteX570" fmla="*/ 297308 w 1166041"/>
                <a:gd name="connsiteY570" fmla="*/ 72213 h 809516"/>
                <a:gd name="connsiteX571" fmla="*/ 308681 w 1166041"/>
                <a:gd name="connsiteY571" fmla="*/ 81962 h 809516"/>
                <a:gd name="connsiteX572" fmla="*/ 310305 w 1166041"/>
                <a:gd name="connsiteY572" fmla="*/ 91711 h 809516"/>
                <a:gd name="connsiteX573" fmla="*/ 310305 w 1166041"/>
                <a:gd name="connsiteY573" fmla="*/ 98210 h 809516"/>
                <a:gd name="connsiteX574" fmla="*/ 318428 w 1166041"/>
                <a:gd name="connsiteY574" fmla="*/ 88461 h 809516"/>
                <a:gd name="connsiteX575" fmla="*/ 326551 w 1166041"/>
                <a:gd name="connsiteY575" fmla="*/ 86836 h 809516"/>
                <a:gd name="connsiteX576" fmla="*/ 334675 w 1166041"/>
                <a:gd name="connsiteY576" fmla="*/ 90086 h 809516"/>
                <a:gd name="connsiteX577" fmla="*/ 344422 w 1166041"/>
                <a:gd name="connsiteY577" fmla="*/ 90086 h 809516"/>
                <a:gd name="connsiteX578" fmla="*/ 341173 w 1166041"/>
                <a:gd name="connsiteY578" fmla="*/ 83587 h 809516"/>
                <a:gd name="connsiteX579" fmla="*/ 339549 w 1166041"/>
                <a:gd name="connsiteY579" fmla="*/ 77087 h 809516"/>
                <a:gd name="connsiteX580" fmla="*/ 339549 w 1166041"/>
                <a:gd name="connsiteY580" fmla="*/ 68963 h 809516"/>
                <a:gd name="connsiteX581" fmla="*/ 344422 w 1166041"/>
                <a:gd name="connsiteY581" fmla="*/ 62464 h 809516"/>
                <a:gd name="connsiteX582" fmla="*/ 350921 w 1166041"/>
                <a:gd name="connsiteY582" fmla="*/ 59215 h 809516"/>
                <a:gd name="connsiteX583" fmla="*/ 354170 w 1166041"/>
                <a:gd name="connsiteY583" fmla="*/ 51091 h 809516"/>
                <a:gd name="connsiteX584" fmla="*/ 352546 w 1166041"/>
                <a:gd name="connsiteY584" fmla="*/ 46216 h 809516"/>
                <a:gd name="connsiteX585" fmla="*/ 352546 w 1166041"/>
                <a:gd name="connsiteY585" fmla="*/ 44591 h 809516"/>
                <a:gd name="connsiteX586" fmla="*/ 354170 w 1166041"/>
                <a:gd name="connsiteY586" fmla="*/ 44591 h 809516"/>
                <a:gd name="connsiteX587" fmla="*/ 359044 w 1166041"/>
                <a:gd name="connsiteY587" fmla="*/ 41342 h 809516"/>
                <a:gd name="connsiteX588" fmla="*/ 360669 w 1166041"/>
                <a:gd name="connsiteY588" fmla="*/ 39717 h 809516"/>
                <a:gd name="connsiteX589" fmla="*/ 367167 w 1166041"/>
                <a:gd name="connsiteY589" fmla="*/ 38092 h 809516"/>
                <a:gd name="connsiteX590" fmla="*/ 370417 w 1166041"/>
                <a:gd name="connsiteY590" fmla="*/ 33218 h 809516"/>
                <a:gd name="connsiteX591" fmla="*/ 378540 w 1166041"/>
                <a:gd name="connsiteY591" fmla="*/ 29968 h 809516"/>
                <a:gd name="connsiteX592" fmla="*/ 385038 w 1166041"/>
                <a:gd name="connsiteY592" fmla="*/ 34843 h 809516"/>
                <a:gd name="connsiteX593" fmla="*/ 388288 w 1166041"/>
                <a:gd name="connsiteY593" fmla="*/ 31593 h 809516"/>
                <a:gd name="connsiteX594" fmla="*/ 391537 w 1166041"/>
                <a:gd name="connsiteY594" fmla="*/ 28343 h 809516"/>
                <a:gd name="connsiteX595" fmla="*/ 396411 w 1166041"/>
                <a:gd name="connsiteY595" fmla="*/ 29968 h 809516"/>
                <a:gd name="connsiteX596" fmla="*/ 399660 w 1166041"/>
                <a:gd name="connsiteY596" fmla="*/ 29968 h 809516"/>
                <a:gd name="connsiteX597" fmla="*/ 401285 w 1166041"/>
                <a:gd name="connsiteY597" fmla="*/ 25094 h 809516"/>
                <a:gd name="connsiteX598" fmla="*/ 401285 w 1166041"/>
                <a:gd name="connsiteY598" fmla="*/ 20219 h 809516"/>
                <a:gd name="connsiteX599" fmla="*/ 398035 w 1166041"/>
                <a:gd name="connsiteY599" fmla="*/ 16970 h 809516"/>
                <a:gd name="connsiteX600" fmla="*/ 394786 w 1166041"/>
                <a:gd name="connsiteY600" fmla="*/ 16970 h 809516"/>
                <a:gd name="connsiteX601" fmla="*/ 391537 w 1166041"/>
                <a:gd name="connsiteY601" fmla="*/ 16970 h 809516"/>
                <a:gd name="connsiteX602" fmla="*/ 386663 w 1166041"/>
                <a:gd name="connsiteY602" fmla="*/ 12095 h 809516"/>
                <a:gd name="connsiteX603" fmla="*/ 388288 w 1166041"/>
                <a:gd name="connsiteY603" fmla="*/ 8846 h 809516"/>
                <a:gd name="connsiteX604" fmla="*/ 391537 w 1166041"/>
                <a:gd name="connsiteY604" fmla="*/ 7221 h 809516"/>
                <a:gd name="connsiteX605" fmla="*/ 394786 w 1166041"/>
                <a:gd name="connsiteY605" fmla="*/ 7221 h 809516"/>
                <a:gd name="connsiteX606" fmla="*/ 398035 w 1166041"/>
                <a:gd name="connsiteY606" fmla="*/ 7221 h 809516"/>
                <a:gd name="connsiteX607" fmla="*/ 399660 w 1166041"/>
                <a:gd name="connsiteY607" fmla="*/ 7221 h 809516"/>
                <a:gd name="connsiteX608" fmla="*/ 401285 w 1166041"/>
                <a:gd name="connsiteY608" fmla="*/ 10471 h 809516"/>
                <a:gd name="connsiteX609" fmla="*/ 406159 w 1166041"/>
                <a:gd name="connsiteY609" fmla="*/ 13720 h 809516"/>
                <a:gd name="connsiteX610" fmla="*/ 411033 w 1166041"/>
                <a:gd name="connsiteY610" fmla="*/ 12095 h 809516"/>
                <a:gd name="connsiteX611" fmla="*/ 412657 w 1166041"/>
                <a:gd name="connsiteY611" fmla="*/ 16970 h 809516"/>
                <a:gd name="connsiteX612" fmla="*/ 415906 w 1166041"/>
                <a:gd name="connsiteY612" fmla="*/ 18595 h 809516"/>
                <a:gd name="connsiteX613" fmla="*/ 419156 w 1166041"/>
                <a:gd name="connsiteY613" fmla="*/ 20219 h 809516"/>
                <a:gd name="connsiteX614" fmla="*/ 422405 w 1166041"/>
                <a:gd name="connsiteY614" fmla="*/ 20219 h 809516"/>
                <a:gd name="connsiteX615" fmla="*/ 425654 w 1166041"/>
                <a:gd name="connsiteY615" fmla="*/ 20219 h 809516"/>
                <a:gd name="connsiteX616" fmla="*/ 430528 w 1166041"/>
                <a:gd name="connsiteY616" fmla="*/ 23469 h 809516"/>
                <a:gd name="connsiteX617" fmla="*/ 440276 w 1166041"/>
                <a:gd name="connsiteY617" fmla="*/ 28343 h 809516"/>
                <a:gd name="connsiteX618" fmla="*/ 441901 w 1166041"/>
                <a:gd name="connsiteY618" fmla="*/ 25094 h 809516"/>
                <a:gd name="connsiteX619" fmla="*/ 443525 w 1166041"/>
                <a:gd name="connsiteY619" fmla="*/ 25094 h 809516"/>
                <a:gd name="connsiteX620" fmla="*/ 445150 w 1166041"/>
                <a:gd name="connsiteY620" fmla="*/ 26719 h 809516"/>
                <a:gd name="connsiteX621" fmla="*/ 450024 w 1166041"/>
                <a:gd name="connsiteY621" fmla="*/ 26719 h 809516"/>
                <a:gd name="connsiteX622" fmla="*/ 454898 w 1166041"/>
                <a:gd name="connsiteY622" fmla="*/ 31593 h 809516"/>
                <a:gd name="connsiteX623" fmla="*/ 459772 w 1166041"/>
                <a:gd name="connsiteY623" fmla="*/ 29968 h 809516"/>
                <a:gd name="connsiteX624" fmla="*/ 464646 w 1166041"/>
                <a:gd name="connsiteY624" fmla="*/ 26719 h 809516"/>
                <a:gd name="connsiteX625" fmla="*/ 467895 w 1166041"/>
                <a:gd name="connsiteY625" fmla="*/ 23469 h 809516"/>
                <a:gd name="connsiteX626" fmla="*/ 469519 w 1166041"/>
                <a:gd name="connsiteY626" fmla="*/ 29968 h 809516"/>
                <a:gd name="connsiteX627" fmla="*/ 472769 w 1166041"/>
                <a:gd name="connsiteY627" fmla="*/ 31593 h 809516"/>
                <a:gd name="connsiteX628" fmla="*/ 477643 w 1166041"/>
                <a:gd name="connsiteY628" fmla="*/ 33218 h 809516"/>
                <a:gd name="connsiteX629" fmla="*/ 479267 w 1166041"/>
                <a:gd name="connsiteY629" fmla="*/ 31593 h 809516"/>
                <a:gd name="connsiteX630" fmla="*/ 480892 w 1166041"/>
                <a:gd name="connsiteY630" fmla="*/ 25094 h 809516"/>
                <a:gd name="connsiteX631" fmla="*/ 485766 w 1166041"/>
                <a:gd name="connsiteY631" fmla="*/ 28343 h 809516"/>
                <a:gd name="connsiteX632" fmla="*/ 490640 w 1166041"/>
                <a:gd name="connsiteY632" fmla="*/ 36467 h 809516"/>
                <a:gd name="connsiteX633" fmla="*/ 487390 w 1166041"/>
                <a:gd name="connsiteY633" fmla="*/ 41342 h 809516"/>
                <a:gd name="connsiteX634" fmla="*/ 484141 w 1166041"/>
                <a:gd name="connsiteY634" fmla="*/ 44591 h 809516"/>
                <a:gd name="connsiteX635" fmla="*/ 484141 w 1166041"/>
                <a:gd name="connsiteY635" fmla="*/ 51091 h 809516"/>
                <a:gd name="connsiteX636" fmla="*/ 484141 w 1166041"/>
                <a:gd name="connsiteY636" fmla="*/ 54340 h 809516"/>
                <a:gd name="connsiteX637" fmla="*/ 480892 w 1166041"/>
                <a:gd name="connsiteY637" fmla="*/ 55965 h 809516"/>
                <a:gd name="connsiteX638" fmla="*/ 479267 w 1166041"/>
                <a:gd name="connsiteY638" fmla="*/ 54340 h 809516"/>
                <a:gd name="connsiteX639" fmla="*/ 471144 w 1166041"/>
                <a:gd name="connsiteY639" fmla="*/ 54340 h 809516"/>
                <a:gd name="connsiteX640" fmla="*/ 469519 w 1166041"/>
                <a:gd name="connsiteY640" fmla="*/ 59215 h 809516"/>
                <a:gd name="connsiteX641" fmla="*/ 477643 w 1166041"/>
                <a:gd name="connsiteY641" fmla="*/ 60839 h 809516"/>
                <a:gd name="connsiteX642" fmla="*/ 472769 w 1166041"/>
                <a:gd name="connsiteY642" fmla="*/ 64089 h 809516"/>
                <a:gd name="connsiteX643" fmla="*/ 471144 w 1166041"/>
                <a:gd name="connsiteY643" fmla="*/ 67339 h 809516"/>
                <a:gd name="connsiteX644" fmla="*/ 469519 w 1166041"/>
                <a:gd name="connsiteY644" fmla="*/ 72213 h 809516"/>
                <a:gd name="connsiteX645" fmla="*/ 467895 w 1166041"/>
                <a:gd name="connsiteY645" fmla="*/ 75463 h 809516"/>
                <a:gd name="connsiteX646" fmla="*/ 461396 w 1166041"/>
                <a:gd name="connsiteY646" fmla="*/ 81962 h 809516"/>
                <a:gd name="connsiteX647" fmla="*/ 459772 w 1166041"/>
                <a:gd name="connsiteY647" fmla="*/ 85211 h 809516"/>
                <a:gd name="connsiteX648" fmla="*/ 463021 w 1166041"/>
                <a:gd name="connsiteY648" fmla="*/ 90086 h 809516"/>
                <a:gd name="connsiteX649" fmla="*/ 471144 w 1166041"/>
                <a:gd name="connsiteY649" fmla="*/ 94960 h 809516"/>
                <a:gd name="connsiteX650" fmla="*/ 476018 w 1166041"/>
                <a:gd name="connsiteY650" fmla="*/ 98210 h 809516"/>
                <a:gd name="connsiteX651" fmla="*/ 477643 w 1166041"/>
                <a:gd name="connsiteY651" fmla="*/ 101460 h 809516"/>
                <a:gd name="connsiteX652" fmla="*/ 480892 w 1166041"/>
                <a:gd name="connsiteY652" fmla="*/ 104709 h 809516"/>
                <a:gd name="connsiteX653" fmla="*/ 484141 w 1166041"/>
                <a:gd name="connsiteY653" fmla="*/ 107959 h 809516"/>
                <a:gd name="connsiteX654" fmla="*/ 489015 w 1166041"/>
                <a:gd name="connsiteY654" fmla="*/ 107959 h 809516"/>
                <a:gd name="connsiteX655" fmla="*/ 493889 w 1166041"/>
                <a:gd name="connsiteY655" fmla="*/ 106334 h 809516"/>
                <a:gd name="connsiteX656" fmla="*/ 495514 w 1166041"/>
                <a:gd name="connsiteY656" fmla="*/ 106334 h 809516"/>
                <a:gd name="connsiteX657" fmla="*/ 500387 w 1166041"/>
                <a:gd name="connsiteY657" fmla="*/ 112833 h 809516"/>
                <a:gd name="connsiteX658" fmla="*/ 506886 w 1166041"/>
                <a:gd name="connsiteY658" fmla="*/ 119332 h 809516"/>
                <a:gd name="connsiteX659" fmla="*/ 510135 w 1166041"/>
                <a:gd name="connsiteY659" fmla="*/ 120957 h 809516"/>
                <a:gd name="connsiteX660" fmla="*/ 515009 w 1166041"/>
                <a:gd name="connsiteY660" fmla="*/ 124207 h 809516"/>
                <a:gd name="connsiteX661" fmla="*/ 518258 w 1166041"/>
                <a:gd name="connsiteY661" fmla="*/ 125832 h 809516"/>
                <a:gd name="connsiteX662" fmla="*/ 521508 w 1166041"/>
                <a:gd name="connsiteY662" fmla="*/ 125832 h 809516"/>
                <a:gd name="connsiteX663" fmla="*/ 523132 w 1166041"/>
                <a:gd name="connsiteY663" fmla="*/ 125832 h 809516"/>
                <a:gd name="connsiteX664" fmla="*/ 524757 w 1166041"/>
                <a:gd name="connsiteY664" fmla="*/ 127456 h 809516"/>
                <a:gd name="connsiteX665" fmla="*/ 528006 w 1166041"/>
                <a:gd name="connsiteY665" fmla="*/ 127456 h 809516"/>
                <a:gd name="connsiteX666" fmla="*/ 531256 w 1166041"/>
                <a:gd name="connsiteY666" fmla="*/ 129081 h 809516"/>
                <a:gd name="connsiteX667" fmla="*/ 532880 w 1166041"/>
                <a:gd name="connsiteY667" fmla="*/ 132331 h 809516"/>
                <a:gd name="connsiteX668" fmla="*/ 534505 w 1166041"/>
                <a:gd name="connsiteY668" fmla="*/ 135580 h 809516"/>
                <a:gd name="connsiteX669" fmla="*/ 539379 w 1166041"/>
                <a:gd name="connsiteY669" fmla="*/ 137205 h 809516"/>
                <a:gd name="connsiteX670" fmla="*/ 541003 w 1166041"/>
                <a:gd name="connsiteY670" fmla="*/ 138830 h 809516"/>
                <a:gd name="connsiteX671" fmla="*/ 545877 w 1166041"/>
                <a:gd name="connsiteY671" fmla="*/ 140455 h 809516"/>
                <a:gd name="connsiteX672" fmla="*/ 547502 w 1166041"/>
                <a:gd name="connsiteY672" fmla="*/ 145329 h 809516"/>
                <a:gd name="connsiteX673" fmla="*/ 552376 w 1166041"/>
                <a:gd name="connsiteY673" fmla="*/ 143704 h 809516"/>
                <a:gd name="connsiteX674" fmla="*/ 554000 w 1166041"/>
                <a:gd name="connsiteY674" fmla="*/ 143704 h 809516"/>
                <a:gd name="connsiteX675" fmla="*/ 557250 w 1166041"/>
                <a:gd name="connsiteY675" fmla="*/ 143704 h 809516"/>
                <a:gd name="connsiteX676" fmla="*/ 558874 w 1166041"/>
                <a:gd name="connsiteY676" fmla="*/ 143704 h 809516"/>
                <a:gd name="connsiteX677" fmla="*/ 560499 w 1166041"/>
                <a:gd name="connsiteY677" fmla="*/ 142080 h 809516"/>
                <a:gd name="connsiteX678" fmla="*/ 563748 w 1166041"/>
                <a:gd name="connsiteY678" fmla="*/ 142080 h 809516"/>
                <a:gd name="connsiteX679" fmla="*/ 566998 w 1166041"/>
                <a:gd name="connsiteY679" fmla="*/ 142080 h 809516"/>
                <a:gd name="connsiteX680" fmla="*/ 571871 w 1166041"/>
                <a:gd name="connsiteY680" fmla="*/ 135580 h 809516"/>
                <a:gd name="connsiteX681" fmla="*/ 571871 w 1166041"/>
                <a:gd name="connsiteY681" fmla="*/ 132331 h 809516"/>
                <a:gd name="connsiteX682" fmla="*/ 578370 w 1166041"/>
                <a:gd name="connsiteY682" fmla="*/ 125832 h 809516"/>
                <a:gd name="connsiteX683" fmla="*/ 579995 w 1166041"/>
                <a:gd name="connsiteY683" fmla="*/ 122582 h 809516"/>
                <a:gd name="connsiteX684" fmla="*/ 579995 w 1166041"/>
                <a:gd name="connsiteY684" fmla="*/ 120957 h 809516"/>
                <a:gd name="connsiteX685" fmla="*/ 579995 w 1166041"/>
                <a:gd name="connsiteY685" fmla="*/ 119332 h 809516"/>
                <a:gd name="connsiteX686" fmla="*/ 579995 w 1166041"/>
                <a:gd name="connsiteY686" fmla="*/ 116083 h 809516"/>
                <a:gd name="connsiteX687" fmla="*/ 579995 w 1166041"/>
                <a:gd name="connsiteY687" fmla="*/ 112833 h 809516"/>
                <a:gd name="connsiteX688" fmla="*/ 583244 w 1166041"/>
                <a:gd name="connsiteY688" fmla="*/ 106334 h 809516"/>
                <a:gd name="connsiteX689" fmla="*/ 583244 w 1166041"/>
                <a:gd name="connsiteY689" fmla="*/ 101460 h 809516"/>
                <a:gd name="connsiteX690" fmla="*/ 583244 w 1166041"/>
                <a:gd name="connsiteY690" fmla="*/ 99835 h 809516"/>
                <a:gd name="connsiteX691" fmla="*/ 584869 w 1166041"/>
                <a:gd name="connsiteY691" fmla="*/ 96585 h 809516"/>
                <a:gd name="connsiteX692" fmla="*/ 586493 w 1166041"/>
                <a:gd name="connsiteY692" fmla="*/ 94960 h 809516"/>
                <a:gd name="connsiteX693" fmla="*/ 584869 w 1166041"/>
                <a:gd name="connsiteY693" fmla="*/ 86836 h 809516"/>
                <a:gd name="connsiteX694" fmla="*/ 583244 w 1166041"/>
                <a:gd name="connsiteY694" fmla="*/ 81962 h 809516"/>
                <a:gd name="connsiteX695" fmla="*/ 584869 w 1166041"/>
                <a:gd name="connsiteY695" fmla="*/ 75463 h 809516"/>
                <a:gd name="connsiteX696" fmla="*/ 584869 w 1166041"/>
                <a:gd name="connsiteY696" fmla="*/ 68963 h 809516"/>
                <a:gd name="connsiteX697" fmla="*/ 584869 w 1166041"/>
                <a:gd name="connsiteY697" fmla="*/ 64089 h 809516"/>
                <a:gd name="connsiteX698" fmla="*/ 586493 w 1166041"/>
                <a:gd name="connsiteY698" fmla="*/ 57590 h 809516"/>
                <a:gd name="connsiteX699" fmla="*/ 586493 w 1166041"/>
                <a:gd name="connsiteY699" fmla="*/ 55965 h 809516"/>
                <a:gd name="connsiteX700" fmla="*/ 588118 w 1166041"/>
                <a:gd name="connsiteY700" fmla="*/ 54340 h 809516"/>
                <a:gd name="connsiteX701" fmla="*/ 588118 w 1166041"/>
                <a:gd name="connsiteY701" fmla="*/ 46216 h 809516"/>
                <a:gd name="connsiteX702" fmla="*/ 591367 w 1166041"/>
                <a:gd name="connsiteY702" fmla="*/ 42967 h 809516"/>
                <a:gd name="connsiteX703" fmla="*/ 589742 w 1166041"/>
                <a:gd name="connsiteY703" fmla="*/ 38092 h 809516"/>
                <a:gd name="connsiteX704" fmla="*/ 588118 w 1166041"/>
                <a:gd name="connsiteY704" fmla="*/ 34843 h 809516"/>
                <a:gd name="connsiteX705" fmla="*/ 588118 w 1166041"/>
                <a:gd name="connsiteY705" fmla="*/ 33218 h 809516"/>
                <a:gd name="connsiteX706" fmla="*/ 588118 w 1166041"/>
                <a:gd name="connsiteY706" fmla="*/ 31593 h 809516"/>
                <a:gd name="connsiteX707" fmla="*/ 591367 w 1166041"/>
                <a:gd name="connsiteY707" fmla="*/ 26719 h 809516"/>
                <a:gd name="connsiteX708" fmla="*/ 594616 w 1166041"/>
                <a:gd name="connsiteY708" fmla="*/ 20219 h 809516"/>
                <a:gd name="connsiteX709" fmla="*/ 596241 w 1166041"/>
                <a:gd name="connsiteY709" fmla="*/ 15345 h 809516"/>
                <a:gd name="connsiteX710" fmla="*/ 597866 w 1166041"/>
                <a:gd name="connsiteY710" fmla="*/ 7221 h 809516"/>
                <a:gd name="connsiteX711" fmla="*/ 597866 w 1166041"/>
                <a:gd name="connsiteY711" fmla="*/ 2346 h 809516"/>
                <a:gd name="connsiteX712" fmla="*/ 602740 w 1166041"/>
                <a:gd name="connsiteY712" fmla="*/ 722 h 8095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 ang="0">
                  <a:pos x="connsiteX535" y="connsiteY535"/>
                </a:cxn>
                <a:cxn ang="0">
                  <a:pos x="connsiteX536" y="connsiteY536"/>
                </a:cxn>
                <a:cxn ang="0">
                  <a:pos x="connsiteX537" y="connsiteY537"/>
                </a:cxn>
                <a:cxn ang="0">
                  <a:pos x="connsiteX538" y="connsiteY538"/>
                </a:cxn>
                <a:cxn ang="0">
                  <a:pos x="connsiteX539" y="connsiteY539"/>
                </a:cxn>
                <a:cxn ang="0">
                  <a:pos x="connsiteX540" y="connsiteY540"/>
                </a:cxn>
                <a:cxn ang="0">
                  <a:pos x="connsiteX541" y="connsiteY541"/>
                </a:cxn>
                <a:cxn ang="0">
                  <a:pos x="connsiteX542" y="connsiteY542"/>
                </a:cxn>
                <a:cxn ang="0">
                  <a:pos x="connsiteX543" y="connsiteY543"/>
                </a:cxn>
                <a:cxn ang="0">
                  <a:pos x="connsiteX544" y="connsiteY544"/>
                </a:cxn>
                <a:cxn ang="0">
                  <a:pos x="connsiteX545" y="connsiteY545"/>
                </a:cxn>
                <a:cxn ang="0">
                  <a:pos x="connsiteX546" y="connsiteY546"/>
                </a:cxn>
                <a:cxn ang="0">
                  <a:pos x="connsiteX547" y="connsiteY547"/>
                </a:cxn>
                <a:cxn ang="0">
                  <a:pos x="connsiteX548" y="connsiteY548"/>
                </a:cxn>
                <a:cxn ang="0">
                  <a:pos x="connsiteX549" y="connsiteY549"/>
                </a:cxn>
                <a:cxn ang="0">
                  <a:pos x="connsiteX550" y="connsiteY550"/>
                </a:cxn>
                <a:cxn ang="0">
                  <a:pos x="connsiteX551" y="connsiteY551"/>
                </a:cxn>
                <a:cxn ang="0">
                  <a:pos x="connsiteX552" y="connsiteY552"/>
                </a:cxn>
                <a:cxn ang="0">
                  <a:pos x="connsiteX553" y="connsiteY553"/>
                </a:cxn>
                <a:cxn ang="0">
                  <a:pos x="connsiteX554" y="connsiteY554"/>
                </a:cxn>
                <a:cxn ang="0">
                  <a:pos x="connsiteX555" y="connsiteY555"/>
                </a:cxn>
                <a:cxn ang="0">
                  <a:pos x="connsiteX556" y="connsiteY556"/>
                </a:cxn>
                <a:cxn ang="0">
                  <a:pos x="connsiteX557" y="connsiteY557"/>
                </a:cxn>
                <a:cxn ang="0">
                  <a:pos x="connsiteX558" y="connsiteY558"/>
                </a:cxn>
                <a:cxn ang="0">
                  <a:pos x="connsiteX559" y="connsiteY559"/>
                </a:cxn>
                <a:cxn ang="0">
                  <a:pos x="connsiteX560" y="connsiteY560"/>
                </a:cxn>
                <a:cxn ang="0">
                  <a:pos x="connsiteX561" y="connsiteY561"/>
                </a:cxn>
                <a:cxn ang="0">
                  <a:pos x="connsiteX562" y="connsiteY562"/>
                </a:cxn>
                <a:cxn ang="0">
                  <a:pos x="connsiteX563" y="connsiteY563"/>
                </a:cxn>
                <a:cxn ang="0">
                  <a:pos x="connsiteX564" y="connsiteY564"/>
                </a:cxn>
                <a:cxn ang="0">
                  <a:pos x="connsiteX565" y="connsiteY565"/>
                </a:cxn>
                <a:cxn ang="0">
                  <a:pos x="connsiteX566" y="connsiteY566"/>
                </a:cxn>
                <a:cxn ang="0">
                  <a:pos x="connsiteX567" y="connsiteY567"/>
                </a:cxn>
                <a:cxn ang="0">
                  <a:pos x="connsiteX568" y="connsiteY568"/>
                </a:cxn>
                <a:cxn ang="0">
                  <a:pos x="connsiteX569" y="connsiteY569"/>
                </a:cxn>
                <a:cxn ang="0">
                  <a:pos x="connsiteX570" y="connsiteY570"/>
                </a:cxn>
                <a:cxn ang="0">
                  <a:pos x="connsiteX571" y="connsiteY571"/>
                </a:cxn>
                <a:cxn ang="0">
                  <a:pos x="connsiteX572" y="connsiteY572"/>
                </a:cxn>
                <a:cxn ang="0">
                  <a:pos x="connsiteX573" y="connsiteY573"/>
                </a:cxn>
                <a:cxn ang="0">
                  <a:pos x="connsiteX574" y="connsiteY574"/>
                </a:cxn>
                <a:cxn ang="0">
                  <a:pos x="connsiteX575" y="connsiteY575"/>
                </a:cxn>
                <a:cxn ang="0">
                  <a:pos x="connsiteX576" y="connsiteY576"/>
                </a:cxn>
                <a:cxn ang="0">
                  <a:pos x="connsiteX577" y="connsiteY577"/>
                </a:cxn>
                <a:cxn ang="0">
                  <a:pos x="connsiteX578" y="connsiteY578"/>
                </a:cxn>
                <a:cxn ang="0">
                  <a:pos x="connsiteX579" y="connsiteY579"/>
                </a:cxn>
                <a:cxn ang="0">
                  <a:pos x="connsiteX580" y="connsiteY580"/>
                </a:cxn>
                <a:cxn ang="0">
                  <a:pos x="connsiteX581" y="connsiteY581"/>
                </a:cxn>
                <a:cxn ang="0">
                  <a:pos x="connsiteX582" y="connsiteY582"/>
                </a:cxn>
                <a:cxn ang="0">
                  <a:pos x="connsiteX583" y="connsiteY583"/>
                </a:cxn>
                <a:cxn ang="0">
                  <a:pos x="connsiteX584" y="connsiteY584"/>
                </a:cxn>
                <a:cxn ang="0">
                  <a:pos x="connsiteX585" y="connsiteY585"/>
                </a:cxn>
                <a:cxn ang="0">
                  <a:pos x="connsiteX586" y="connsiteY586"/>
                </a:cxn>
                <a:cxn ang="0">
                  <a:pos x="connsiteX587" y="connsiteY587"/>
                </a:cxn>
                <a:cxn ang="0">
                  <a:pos x="connsiteX588" y="connsiteY588"/>
                </a:cxn>
                <a:cxn ang="0">
                  <a:pos x="connsiteX589" y="connsiteY589"/>
                </a:cxn>
                <a:cxn ang="0">
                  <a:pos x="connsiteX590" y="connsiteY590"/>
                </a:cxn>
                <a:cxn ang="0">
                  <a:pos x="connsiteX591" y="connsiteY591"/>
                </a:cxn>
                <a:cxn ang="0">
                  <a:pos x="connsiteX592" y="connsiteY592"/>
                </a:cxn>
                <a:cxn ang="0">
                  <a:pos x="connsiteX593" y="connsiteY593"/>
                </a:cxn>
                <a:cxn ang="0">
                  <a:pos x="connsiteX594" y="connsiteY594"/>
                </a:cxn>
                <a:cxn ang="0">
                  <a:pos x="connsiteX595" y="connsiteY595"/>
                </a:cxn>
                <a:cxn ang="0">
                  <a:pos x="connsiteX596" y="connsiteY596"/>
                </a:cxn>
                <a:cxn ang="0">
                  <a:pos x="connsiteX597" y="connsiteY597"/>
                </a:cxn>
                <a:cxn ang="0">
                  <a:pos x="connsiteX598" y="connsiteY598"/>
                </a:cxn>
                <a:cxn ang="0">
                  <a:pos x="connsiteX599" y="connsiteY599"/>
                </a:cxn>
                <a:cxn ang="0">
                  <a:pos x="connsiteX600" y="connsiteY600"/>
                </a:cxn>
                <a:cxn ang="0">
                  <a:pos x="connsiteX601" y="connsiteY601"/>
                </a:cxn>
                <a:cxn ang="0">
                  <a:pos x="connsiteX602" y="connsiteY602"/>
                </a:cxn>
                <a:cxn ang="0">
                  <a:pos x="connsiteX603" y="connsiteY603"/>
                </a:cxn>
                <a:cxn ang="0">
                  <a:pos x="connsiteX604" y="connsiteY604"/>
                </a:cxn>
                <a:cxn ang="0">
                  <a:pos x="connsiteX605" y="connsiteY605"/>
                </a:cxn>
                <a:cxn ang="0">
                  <a:pos x="connsiteX606" y="connsiteY606"/>
                </a:cxn>
                <a:cxn ang="0">
                  <a:pos x="connsiteX607" y="connsiteY607"/>
                </a:cxn>
                <a:cxn ang="0">
                  <a:pos x="connsiteX608" y="connsiteY608"/>
                </a:cxn>
                <a:cxn ang="0">
                  <a:pos x="connsiteX609" y="connsiteY609"/>
                </a:cxn>
                <a:cxn ang="0">
                  <a:pos x="connsiteX610" y="connsiteY610"/>
                </a:cxn>
                <a:cxn ang="0">
                  <a:pos x="connsiteX611" y="connsiteY611"/>
                </a:cxn>
                <a:cxn ang="0">
                  <a:pos x="connsiteX612" y="connsiteY612"/>
                </a:cxn>
                <a:cxn ang="0">
                  <a:pos x="connsiteX613" y="connsiteY613"/>
                </a:cxn>
                <a:cxn ang="0">
                  <a:pos x="connsiteX614" y="connsiteY614"/>
                </a:cxn>
                <a:cxn ang="0">
                  <a:pos x="connsiteX615" y="connsiteY615"/>
                </a:cxn>
                <a:cxn ang="0">
                  <a:pos x="connsiteX616" y="connsiteY616"/>
                </a:cxn>
                <a:cxn ang="0">
                  <a:pos x="connsiteX617" y="connsiteY617"/>
                </a:cxn>
                <a:cxn ang="0">
                  <a:pos x="connsiteX618" y="connsiteY618"/>
                </a:cxn>
                <a:cxn ang="0">
                  <a:pos x="connsiteX619" y="connsiteY619"/>
                </a:cxn>
                <a:cxn ang="0">
                  <a:pos x="connsiteX620" y="connsiteY620"/>
                </a:cxn>
                <a:cxn ang="0">
                  <a:pos x="connsiteX621" y="connsiteY621"/>
                </a:cxn>
                <a:cxn ang="0">
                  <a:pos x="connsiteX622" y="connsiteY622"/>
                </a:cxn>
                <a:cxn ang="0">
                  <a:pos x="connsiteX623" y="connsiteY623"/>
                </a:cxn>
                <a:cxn ang="0">
                  <a:pos x="connsiteX624" y="connsiteY624"/>
                </a:cxn>
                <a:cxn ang="0">
                  <a:pos x="connsiteX625" y="connsiteY625"/>
                </a:cxn>
                <a:cxn ang="0">
                  <a:pos x="connsiteX626" y="connsiteY626"/>
                </a:cxn>
                <a:cxn ang="0">
                  <a:pos x="connsiteX627" y="connsiteY627"/>
                </a:cxn>
                <a:cxn ang="0">
                  <a:pos x="connsiteX628" y="connsiteY628"/>
                </a:cxn>
                <a:cxn ang="0">
                  <a:pos x="connsiteX629" y="connsiteY629"/>
                </a:cxn>
                <a:cxn ang="0">
                  <a:pos x="connsiteX630" y="connsiteY630"/>
                </a:cxn>
                <a:cxn ang="0">
                  <a:pos x="connsiteX631" y="connsiteY631"/>
                </a:cxn>
                <a:cxn ang="0">
                  <a:pos x="connsiteX632" y="connsiteY632"/>
                </a:cxn>
                <a:cxn ang="0">
                  <a:pos x="connsiteX633" y="connsiteY633"/>
                </a:cxn>
                <a:cxn ang="0">
                  <a:pos x="connsiteX634" y="connsiteY634"/>
                </a:cxn>
                <a:cxn ang="0">
                  <a:pos x="connsiteX635" y="connsiteY635"/>
                </a:cxn>
                <a:cxn ang="0">
                  <a:pos x="connsiteX636" y="connsiteY636"/>
                </a:cxn>
                <a:cxn ang="0">
                  <a:pos x="connsiteX637" y="connsiteY637"/>
                </a:cxn>
                <a:cxn ang="0">
                  <a:pos x="connsiteX638" y="connsiteY638"/>
                </a:cxn>
                <a:cxn ang="0">
                  <a:pos x="connsiteX639" y="connsiteY639"/>
                </a:cxn>
                <a:cxn ang="0">
                  <a:pos x="connsiteX640" y="connsiteY640"/>
                </a:cxn>
                <a:cxn ang="0">
                  <a:pos x="connsiteX641" y="connsiteY641"/>
                </a:cxn>
                <a:cxn ang="0">
                  <a:pos x="connsiteX642" y="connsiteY642"/>
                </a:cxn>
                <a:cxn ang="0">
                  <a:pos x="connsiteX643" y="connsiteY643"/>
                </a:cxn>
                <a:cxn ang="0">
                  <a:pos x="connsiteX644" y="connsiteY644"/>
                </a:cxn>
                <a:cxn ang="0">
                  <a:pos x="connsiteX645" y="connsiteY645"/>
                </a:cxn>
                <a:cxn ang="0">
                  <a:pos x="connsiteX646" y="connsiteY646"/>
                </a:cxn>
                <a:cxn ang="0">
                  <a:pos x="connsiteX647" y="connsiteY647"/>
                </a:cxn>
                <a:cxn ang="0">
                  <a:pos x="connsiteX648" y="connsiteY648"/>
                </a:cxn>
                <a:cxn ang="0">
                  <a:pos x="connsiteX649" y="connsiteY649"/>
                </a:cxn>
                <a:cxn ang="0">
                  <a:pos x="connsiteX650" y="connsiteY650"/>
                </a:cxn>
                <a:cxn ang="0">
                  <a:pos x="connsiteX651" y="connsiteY651"/>
                </a:cxn>
                <a:cxn ang="0">
                  <a:pos x="connsiteX652" y="connsiteY652"/>
                </a:cxn>
                <a:cxn ang="0">
                  <a:pos x="connsiteX653" y="connsiteY653"/>
                </a:cxn>
                <a:cxn ang="0">
                  <a:pos x="connsiteX654" y="connsiteY654"/>
                </a:cxn>
                <a:cxn ang="0">
                  <a:pos x="connsiteX655" y="connsiteY655"/>
                </a:cxn>
                <a:cxn ang="0">
                  <a:pos x="connsiteX656" y="connsiteY656"/>
                </a:cxn>
                <a:cxn ang="0">
                  <a:pos x="connsiteX657" y="connsiteY657"/>
                </a:cxn>
                <a:cxn ang="0">
                  <a:pos x="connsiteX658" y="connsiteY658"/>
                </a:cxn>
                <a:cxn ang="0">
                  <a:pos x="connsiteX659" y="connsiteY659"/>
                </a:cxn>
                <a:cxn ang="0">
                  <a:pos x="connsiteX660" y="connsiteY660"/>
                </a:cxn>
                <a:cxn ang="0">
                  <a:pos x="connsiteX661" y="connsiteY661"/>
                </a:cxn>
                <a:cxn ang="0">
                  <a:pos x="connsiteX662" y="connsiteY662"/>
                </a:cxn>
                <a:cxn ang="0">
                  <a:pos x="connsiteX663" y="connsiteY663"/>
                </a:cxn>
                <a:cxn ang="0">
                  <a:pos x="connsiteX664" y="connsiteY664"/>
                </a:cxn>
                <a:cxn ang="0">
                  <a:pos x="connsiteX665" y="connsiteY665"/>
                </a:cxn>
                <a:cxn ang="0">
                  <a:pos x="connsiteX666" y="connsiteY666"/>
                </a:cxn>
                <a:cxn ang="0">
                  <a:pos x="connsiteX667" y="connsiteY667"/>
                </a:cxn>
                <a:cxn ang="0">
                  <a:pos x="connsiteX668" y="connsiteY668"/>
                </a:cxn>
                <a:cxn ang="0">
                  <a:pos x="connsiteX669" y="connsiteY669"/>
                </a:cxn>
                <a:cxn ang="0">
                  <a:pos x="connsiteX670" y="connsiteY670"/>
                </a:cxn>
                <a:cxn ang="0">
                  <a:pos x="connsiteX671" y="connsiteY671"/>
                </a:cxn>
                <a:cxn ang="0">
                  <a:pos x="connsiteX672" y="connsiteY672"/>
                </a:cxn>
                <a:cxn ang="0">
                  <a:pos x="connsiteX673" y="connsiteY673"/>
                </a:cxn>
                <a:cxn ang="0">
                  <a:pos x="connsiteX674" y="connsiteY674"/>
                </a:cxn>
                <a:cxn ang="0">
                  <a:pos x="connsiteX675" y="connsiteY675"/>
                </a:cxn>
                <a:cxn ang="0">
                  <a:pos x="connsiteX676" y="connsiteY676"/>
                </a:cxn>
                <a:cxn ang="0">
                  <a:pos x="connsiteX677" y="connsiteY677"/>
                </a:cxn>
                <a:cxn ang="0">
                  <a:pos x="connsiteX678" y="connsiteY678"/>
                </a:cxn>
                <a:cxn ang="0">
                  <a:pos x="connsiteX679" y="connsiteY679"/>
                </a:cxn>
                <a:cxn ang="0">
                  <a:pos x="connsiteX680" y="connsiteY680"/>
                </a:cxn>
                <a:cxn ang="0">
                  <a:pos x="connsiteX681" y="connsiteY681"/>
                </a:cxn>
                <a:cxn ang="0">
                  <a:pos x="connsiteX682" y="connsiteY682"/>
                </a:cxn>
                <a:cxn ang="0">
                  <a:pos x="connsiteX683" y="connsiteY683"/>
                </a:cxn>
                <a:cxn ang="0">
                  <a:pos x="connsiteX684" y="connsiteY684"/>
                </a:cxn>
                <a:cxn ang="0">
                  <a:pos x="connsiteX685" y="connsiteY685"/>
                </a:cxn>
                <a:cxn ang="0">
                  <a:pos x="connsiteX686" y="connsiteY686"/>
                </a:cxn>
                <a:cxn ang="0">
                  <a:pos x="connsiteX687" y="connsiteY687"/>
                </a:cxn>
                <a:cxn ang="0">
                  <a:pos x="connsiteX688" y="connsiteY688"/>
                </a:cxn>
                <a:cxn ang="0">
                  <a:pos x="connsiteX689" y="connsiteY689"/>
                </a:cxn>
                <a:cxn ang="0">
                  <a:pos x="connsiteX690" y="connsiteY690"/>
                </a:cxn>
                <a:cxn ang="0">
                  <a:pos x="connsiteX691" y="connsiteY691"/>
                </a:cxn>
                <a:cxn ang="0">
                  <a:pos x="connsiteX692" y="connsiteY692"/>
                </a:cxn>
                <a:cxn ang="0">
                  <a:pos x="connsiteX693" y="connsiteY693"/>
                </a:cxn>
                <a:cxn ang="0">
                  <a:pos x="connsiteX694" y="connsiteY694"/>
                </a:cxn>
                <a:cxn ang="0">
                  <a:pos x="connsiteX695" y="connsiteY695"/>
                </a:cxn>
                <a:cxn ang="0">
                  <a:pos x="connsiteX696" y="connsiteY696"/>
                </a:cxn>
                <a:cxn ang="0">
                  <a:pos x="connsiteX697" y="connsiteY697"/>
                </a:cxn>
                <a:cxn ang="0">
                  <a:pos x="connsiteX698" y="connsiteY698"/>
                </a:cxn>
                <a:cxn ang="0">
                  <a:pos x="connsiteX699" y="connsiteY699"/>
                </a:cxn>
                <a:cxn ang="0">
                  <a:pos x="connsiteX700" y="connsiteY700"/>
                </a:cxn>
                <a:cxn ang="0">
                  <a:pos x="connsiteX701" y="connsiteY701"/>
                </a:cxn>
                <a:cxn ang="0">
                  <a:pos x="connsiteX702" y="connsiteY702"/>
                </a:cxn>
                <a:cxn ang="0">
                  <a:pos x="connsiteX703" y="connsiteY703"/>
                </a:cxn>
                <a:cxn ang="0">
                  <a:pos x="connsiteX704" y="connsiteY704"/>
                </a:cxn>
                <a:cxn ang="0">
                  <a:pos x="connsiteX705" y="connsiteY705"/>
                </a:cxn>
                <a:cxn ang="0">
                  <a:pos x="connsiteX706" y="connsiteY706"/>
                </a:cxn>
                <a:cxn ang="0">
                  <a:pos x="connsiteX707" y="connsiteY707"/>
                </a:cxn>
                <a:cxn ang="0">
                  <a:pos x="connsiteX708" y="connsiteY708"/>
                </a:cxn>
                <a:cxn ang="0">
                  <a:pos x="connsiteX709" y="connsiteY709"/>
                </a:cxn>
                <a:cxn ang="0">
                  <a:pos x="connsiteX710" y="connsiteY710"/>
                </a:cxn>
                <a:cxn ang="0">
                  <a:pos x="connsiteX711" y="connsiteY711"/>
                </a:cxn>
                <a:cxn ang="0">
                  <a:pos x="connsiteX712" y="connsiteY712"/>
                </a:cxn>
              </a:cxnLst>
              <a:rect l="l" t="t" r="r" b="b"/>
              <a:pathLst>
                <a:path w="1166041" h="809516">
                  <a:moveTo>
                    <a:pt x="946150" y="799197"/>
                  </a:moveTo>
                  <a:cubicBezTo>
                    <a:pt x="949325" y="799197"/>
                    <a:pt x="954088" y="803960"/>
                    <a:pt x="949325" y="807135"/>
                  </a:cubicBezTo>
                  <a:cubicBezTo>
                    <a:pt x="944563" y="810310"/>
                    <a:pt x="944563" y="810310"/>
                    <a:pt x="939800" y="807135"/>
                  </a:cubicBezTo>
                  <a:cubicBezTo>
                    <a:pt x="933450" y="803960"/>
                    <a:pt x="941388" y="799197"/>
                    <a:pt x="946150" y="799197"/>
                  </a:cubicBezTo>
                  <a:close/>
                  <a:moveTo>
                    <a:pt x="655828" y="657944"/>
                  </a:moveTo>
                  <a:cubicBezTo>
                    <a:pt x="657447" y="656322"/>
                    <a:pt x="659066" y="657944"/>
                    <a:pt x="663924" y="659566"/>
                  </a:cubicBezTo>
                  <a:cubicBezTo>
                    <a:pt x="668782" y="662810"/>
                    <a:pt x="670401" y="666054"/>
                    <a:pt x="675259" y="666054"/>
                  </a:cubicBezTo>
                  <a:cubicBezTo>
                    <a:pt x="680116" y="664432"/>
                    <a:pt x="680116" y="669298"/>
                    <a:pt x="684974" y="667676"/>
                  </a:cubicBezTo>
                  <a:cubicBezTo>
                    <a:pt x="688213" y="666054"/>
                    <a:pt x="688213" y="669298"/>
                    <a:pt x="689832" y="669298"/>
                  </a:cubicBezTo>
                  <a:cubicBezTo>
                    <a:pt x="691451" y="669298"/>
                    <a:pt x="697928" y="669298"/>
                    <a:pt x="699548" y="666054"/>
                  </a:cubicBezTo>
                  <a:cubicBezTo>
                    <a:pt x="701167" y="664432"/>
                    <a:pt x="710882" y="662810"/>
                    <a:pt x="714121" y="661188"/>
                  </a:cubicBezTo>
                  <a:cubicBezTo>
                    <a:pt x="715740" y="659566"/>
                    <a:pt x="718979" y="662810"/>
                    <a:pt x="722217" y="662810"/>
                  </a:cubicBezTo>
                  <a:cubicBezTo>
                    <a:pt x="727075" y="664432"/>
                    <a:pt x="722217" y="662810"/>
                    <a:pt x="723836" y="667676"/>
                  </a:cubicBezTo>
                  <a:cubicBezTo>
                    <a:pt x="723836" y="672542"/>
                    <a:pt x="723836" y="677408"/>
                    <a:pt x="723836" y="680652"/>
                  </a:cubicBezTo>
                  <a:cubicBezTo>
                    <a:pt x="723836" y="685518"/>
                    <a:pt x="723836" y="690384"/>
                    <a:pt x="722217" y="693628"/>
                  </a:cubicBezTo>
                  <a:cubicBezTo>
                    <a:pt x="720598" y="698494"/>
                    <a:pt x="720598" y="695250"/>
                    <a:pt x="718979" y="698494"/>
                  </a:cubicBezTo>
                  <a:cubicBezTo>
                    <a:pt x="715740" y="701738"/>
                    <a:pt x="717359" y="704983"/>
                    <a:pt x="717359" y="706605"/>
                  </a:cubicBezTo>
                  <a:cubicBezTo>
                    <a:pt x="717359" y="709849"/>
                    <a:pt x="720598" y="717959"/>
                    <a:pt x="717359" y="717959"/>
                  </a:cubicBezTo>
                  <a:cubicBezTo>
                    <a:pt x="714121" y="719581"/>
                    <a:pt x="712502" y="717959"/>
                    <a:pt x="710882" y="713093"/>
                  </a:cubicBezTo>
                  <a:cubicBezTo>
                    <a:pt x="709263" y="709849"/>
                    <a:pt x="707644" y="711471"/>
                    <a:pt x="706025" y="713093"/>
                  </a:cubicBezTo>
                  <a:cubicBezTo>
                    <a:pt x="702786" y="714715"/>
                    <a:pt x="706025" y="721203"/>
                    <a:pt x="704405" y="722825"/>
                  </a:cubicBezTo>
                  <a:cubicBezTo>
                    <a:pt x="702786" y="722825"/>
                    <a:pt x="702786" y="721203"/>
                    <a:pt x="699548" y="721203"/>
                  </a:cubicBezTo>
                  <a:cubicBezTo>
                    <a:pt x="694690" y="721203"/>
                    <a:pt x="696309" y="730935"/>
                    <a:pt x="694690" y="729313"/>
                  </a:cubicBezTo>
                  <a:cubicBezTo>
                    <a:pt x="691451" y="726069"/>
                    <a:pt x="691451" y="727691"/>
                    <a:pt x="686593" y="727691"/>
                  </a:cubicBezTo>
                  <a:cubicBezTo>
                    <a:pt x="681736" y="727691"/>
                    <a:pt x="683355" y="726069"/>
                    <a:pt x="680116" y="724447"/>
                  </a:cubicBezTo>
                  <a:cubicBezTo>
                    <a:pt x="676878" y="722825"/>
                    <a:pt x="676878" y="722825"/>
                    <a:pt x="672020" y="719581"/>
                  </a:cubicBezTo>
                  <a:cubicBezTo>
                    <a:pt x="667162" y="716337"/>
                    <a:pt x="668782" y="714715"/>
                    <a:pt x="662305" y="708227"/>
                  </a:cubicBezTo>
                  <a:cubicBezTo>
                    <a:pt x="657447" y="701738"/>
                    <a:pt x="663924" y="704983"/>
                    <a:pt x="662305" y="698494"/>
                  </a:cubicBezTo>
                  <a:cubicBezTo>
                    <a:pt x="660685" y="693628"/>
                    <a:pt x="662305" y="695250"/>
                    <a:pt x="660685" y="690384"/>
                  </a:cubicBezTo>
                  <a:cubicBezTo>
                    <a:pt x="660685" y="685518"/>
                    <a:pt x="660685" y="683896"/>
                    <a:pt x="655828" y="679030"/>
                  </a:cubicBezTo>
                  <a:cubicBezTo>
                    <a:pt x="650970" y="672542"/>
                    <a:pt x="650970" y="675786"/>
                    <a:pt x="649351" y="669298"/>
                  </a:cubicBezTo>
                  <a:cubicBezTo>
                    <a:pt x="646112" y="661188"/>
                    <a:pt x="652589" y="662810"/>
                    <a:pt x="652589" y="661188"/>
                  </a:cubicBezTo>
                  <a:cubicBezTo>
                    <a:pt x="652589" y="659566"/>
                    <a:pt x="654208" y="657944"/>
                    <a:pt x="655828" y="657944"/>
                  </a:cubicBezTo>
                  <a:close/>
                  <a:moveTo>
                    <a:pt x="1040424" y="645512"/>
                  </a:moveTo>
                  <a:cubicBezTo>
                    <a:pt x="1041443" y="646931"/>
                    <a:pt x="1042667" y="649362"/>
                    <a:pt x="1045113" y="650172"/>
                  </a:cubicBezTo>
                  <a:cubicBezTo>
                    <a:pt x="1050007" y="651793"/>
                    <a:pt x="1051638" y="653414"/>
                    <a:pt x="1051638" y="659898"/>
                  </a:cubicBezTo>
                  <a:cubicBezTo>
                    <a:pt x="1051638" y="659898"/>
                    <a:pt x="1054901" y="663140"/>
                    <a:pt x="1058163" y="661519"/>
                  </a:cubicBezTo>
                  <a:cubicBezTo>
                    <a:pt x="1061425" y="658277"/>
                    <a:pt x="1063057" y="656656"/>
                    <a:pt x="1077737" y="659898"/>
                  </a:cubicBezTo>
                  <a:cubicBezTo>
                    <a:pt x="1084262" y="661519"/>
                    <a:pt x="1074475" y="672865"/>
                    <a:pt x="1069581" y="676107"/>
                  </a:cubicBezTo>
                  <a:cubicBezTo>
                    <a:pt x="1066319" y="679349"/>
                    <a:pt x="1067950" y="685833"/>
                    <a:pt x="1064688" y="692317"/>
                  </a:cubicBezTo>
                  <a:cubicBezTo>
                    <a:pt x="1061425" y="698800"/>
                    <a:pt x="1051638" y="705284"/>
                    <a:pt x="1045113" y="713389"/>
                  </a:cubicBezTo>
                  <a:cubicBezTo>
                    <a:pt x="1038589" y="719872"/>
                    <a:pt x="1058163" y="723114"/>
                    <a:pt x="1053269" y="723114"/>
                  </a:cubicBezTo>
                  <a:cubicBezTo>
                    <a:pt x="1048376" y="723114"/>
                    <a:pt x="1053269" y="723114"/>
                    <a:pt x="1040220" y="724735"/>
                  </a:cubicBezTo>
                  <a:cubicBezTo>
                    <a:pt x="1027170" y="727977"/>
                    <a:pt x="1035326" y="727977"/>
                    <a:pt x="1025539" y="731219"/>
                  </a:cubicBezTo>
                  <a:cubicBezTo>
                    <a:pt x="1015752" y="736082"/>
                    <a:pt x="1020645" y="734461"/>
                    <a:pt x="1015752" y="737702"/>
                  </a:cubicBezTo>
                  <a:cubicBezTo>
                    <a:pt x="1012490" y="740944"/>
                    <a:pt x="1014121" y="747428"/>
                    <a:pt x="1010858" y="755533"/>
                  </a:cubicBezTo>
                  <a:cubicBezTo>
                    <a:pt x="1005965" y="763637"/>
                    <a:pt x="1005965" y="766879"/>
                    <a:pt x="994546" y="778226"/>
                  </a:cubicBezTo>
                  <a:cubicBezTo>
                    <a:pt x="983128" y="787951"/>
                    <a:pt x="988022" y="786330"/>
                    <a:pt x="984759" y="789572"/>
                  </a:cubicBezTo>
                  <a:cubicBezTo>
                    <a:pt x="983128" y="792814"/>
                    <a:pt x="976603" y="794435"/>
                    <a:pt x="970079" y="792814"/>
                  </a:cubicBezTo>
                  <a:cubicBezTo>
                    <a:pt x="961923" y="792814"/>
                    <a:pt x="961923" y="794435"/>
                    <a:pt x="952135" y="792814"/>
                  </a:cubicBezTo>
                  <a:cubicBezTo>
                    <a:pt x="943979" y="792814"/>
                    <a:pt x="952135" y="792814"/>
                    <a:pt x="947242" y="792814"/>
                  </a:cubicBezTo>
                  <a:cubicBezTo>
                    <a:pt x="940717" y="791193"/>
                    <a:pt x="943979" y="787951"/>
                    <a:pt x="937455" y="786330"/>
                  </a:cubicBezTo>
                  <a:cubicBezTo>
                    <a:pt x="932561" y="784709"/>
                    <a:pt x="929299" y="786330"/>
                    <a:pt x="917880" y="779847"/>
                  </a:cubicBezTo>
                  <a:cubicBezTo>
                    <a:pt x="906462" y="771742"/>
                    <a:pt x="929299" y="765258"/>
                    <a:pt x="929299" y="765258"/>
                  </a:cubicBezTo>
                  <a:cubicBezTo>
                    <a:pt x="937455" y="740944"/>
                    <a:pt x="932561" y="760395"/>
                    <a:pt x="939086" y="750670"/>
                  </a:cubicBezTo>
                  <a:cubicBezTo>
                    <a:pt x="945611" y="740944"/>
                    <a:pt x="947242" y="742565"/>
                    <a:pt x="957029" y="732840"/>
                  </a:cubicBezTo>
                  <a:cubicBezTo>
                    <a:pt x="966816" y="721493"/>
                    <a:pt x="968447" y="729598"/>
                    <a:pt x="978234" y="719872"/>
                  </a:cubicBezTo>
                  <a:cubicBezTo>
                    <a:pt x="989653" y="708526"/>
                    <a:pt x="994546" y="710147"/>
                    <a:pt x="1001071" y="705284"/>
                  </a:cubicBezTo>
                  <a:cubicBezTo>
                    <a:pt x="1007596" y="698800"/>
                    <a:pt x="1009227" y="698800"/>
                    <a:pt x="1009227" y="692317"/>
                  </a:cubicBezTo>
                  <a:cubicBezTo>
                    <a:pt x="1010858" y="685833"/>
                    <a:pt x="1014121" y="687454"/>
                    <a:pt x="1023908" y="671244"/>
                  </a:cubicBezTo>
                  <a:cubicBezTo>
                    <a:pt x="1027170" y="664761"/>
                    <a:pt x="1028801" y="666382"/>
                    <a:pt x="1030433" y="658277"/>
                  </a:cubicBezTo>
                  <a:cubicBezTo>
                    <a:pt x="1032064" y="650172"/>
                    <a:pt x="1032064" y="653414"/>
                    <a:pt x="1036957" y="646931"/>
                  </a:cubicBezTo>
                  <a:cubicBezTo>
                    <a:pt x="1038589" y="643689"/>
                    <a:pt x="1039404" y="644094"/>
                    <a:pt x="1040424" y="645512"/>
                  </a:cubicBezTo>
                  <a:close/>
                  <a:moveTo>
                    <a:pt x="714375" y="637272"/>
                  </a:moveTo>
                  <a:cubicBezTo>
                    <a:pt x="715963" y="635685"/>
                    <a:pt x="720725" y="638860"/>
                    <a:pt x="720725" y="638860"/>
                  </a:cubicBezTo>
                  <a:cubicBezTo>
                    <a:pt x="722313" y="640447"/>
                    <a:pt x="723900" y="642035"/>
                    <a:pt x="725488" y="645210"/>
                  </a:cubicBezTo>
                  <a:cubicBezTo>
                    <a:pt x="728663" y="648385"/>
                    <a:pt x="728663" y="648385"/>
                    <a:pt x="722313" y="649972"/>
                  </a:cubicBezTo>
                  <a:cubicBezTo>
                    <a:pt x="717550" y="651560"/>
                    <a:pt x="720725" y="645210"/>
                    <a:pt x="717550" y="642035"/>
                  </a:cubicBezTo>
                  <a:cubicBezTo>
                    <a:pt x="714375" y="638860"/>
                    <a:pt x="711200" y="638860"/>
                    <a:pt x="714375" y="637272"/>
                  </a:cubicBezTo>
                  <a:close/>
                  <a:moveTo>
                    <a:pt x="635907" y="634097"/>
                  </a:moveTo>
                  <a:cubicBezTo>
                    <a:pt x="639536" y="637272"/>
                    <a:pt x="639536" y="635685"/>
                    <a:pt x="639536" y="638860"/>
                  </a:cubicBezTo>
                  <a:cubicBezTo>
                    <a:pt x="639536" y="642035"/>
                    <a:pt x="641350" y="643622"/>
                    <a:pt x="635907" y="646797"/>
                  </a:cubicBezTo>
                  <a:cubicBezTo>
                    <a:pt x="630464" y="648385"/>
                    <a:pt x="634093" y="643622"/>
                    <a:pt x="630464" y="640447"/>
                  </a:cubicBezTo>
                  <a:cubicBezTo>
                    <a:pt x="628650" y="637272"/>
                    <a:pt x="632279" y="632510"/>
                    <a:pt x="635907" y="634097"/>
                  </a:cubicBezTo>
                  <a:close/>
                  <a:moveTo>
                    <a:pt x="1103885" y="553177"/>
                  </a:moveTo>
                  <a:cubicBezTo>
                    <a:pt x="1108725" y="556395"/>
                    <a:pt x="1108725" y="556395"/>
                    <a:pt x="1111952" y="564438"/>
                  </a:cubicBezTo>
                  <a:cubicBezTo>
                    <a:pt x="1115179" y="574090"/>
                    <a:pt x="1110339" y="577307"/>
                    <a:pt x="1121633" y="578916"/>
                  </a:cubicBezTo>
                  <a:cubicBezTo>
                    <a:pt x="1134542" y="580525"/>
                    <a:pt x="1139382" y="590177"/>
                    <a:pt x="1144223" y="585351"/>
                  </a:cubicBezTo>
                  <a:cubicBezTo>
                    <a:pt x="1149063" y="578916"/>
                    <a:pt x="1149063" y="570873"/>
                    <a:pt x="1158744" y="574090"/>
                  </a:cubicBezTo>
                  <a:cubicBezTo>
                    <a:pt x="1166812" y="577307"/>
                    <a:pt x="1166812" y="578916"/>
                    <a:pt x="1165198" y="586959"/>
                  </a:cubicBezTo>
                  <a:cubicBezTo>
                    <a:pt x="1161971" y="595003"/>
                    <a:pt x="1160358" y="593394"/>
                    <a:pt x="1157131" y="598220"/>
                  </a:cubicBezTo>
                  <a:cubicBezTo>
                    <a:pt x="1153904" y="601437"/>
                    <a:pt x="1149063" y="599829"/>
                    <a:pt x="1150677" y="607872"/>
                  </a:cubicBezTo>
                  <a:cubicBezTo>
                    <a:pt x="1150677" y="614307"/>
                    <a:pt x="1150677" y="612698"/>
                    <a:pt x="1145836" y="612698"/>
                  </a:cubicBezTo>
                  <a:cubicBezTo>
                    <a:pt x="1140996" y="612698"/>
                    <a:pt x="1134542" y="606263"/>
                    <a:pt x="1134542" y="614307"/>
                  </a:cubicBezTo>
                  <a:cubicBezTo>
                    <a:pt x="1134542" y="622350"/>
                    <a:pt x="1136155" y="625567"/>
                    <a:pt x="1134542" y="632002"/>
                  </a:cubicBezTo>
                  <a:cubicBezTo>
                    <a:pt x="1132928" y="640045"/>
                    <a:pt x="1132928" y="636828"/>
                    <a:pt x="1124860" y="644871"/>
                  </a:cubicBezTo>
                  <a:cubicBezTo>
                    <a:pt x="1116793" y="654523"/>
                    <a:pt x="1113566" y="651306"/>
                    <a:pt x="1110339" y="660958"/>
                  </a:cubicBezTo>
                  <a:cubicBezTo>
                    <a:pt x="1105498" y="669001"/>
                    <a:pt x="1105498" y="670610"/>
                    <a:pt x="1097430" y="665784"/>
                  </a:cubicBezTo>
                  <a:cubicBezTo>
                    <a:pt x="1089363" y="662567"/>
                    <a:pt x="1087749" y="664175"/>
                    <a:pt x="1090976" y="656132"/>
                  </a:cubicBezTo>
                  <a:cubicBezTo>
                    <a:pt x="1094203" y="648089"/>
                    <a:pt x="1099044" y="646480"/>
                    <a:pt x="1094203" y="638437"/>
                  </a:cubicBezTo>
                  <a:cubicBezTo>
                    <a:pt x="1089363" y="632002"/>
                    <a:pt x="1094203" y="628785"/>
                    <a:pt x="1084522" y="625567"/>
                  </a:cubicBezTo>
                  <a:cubicBezTo>
                    <a:pt x="1076455" y="622350"/>
                    <a:pt x="1068387" y="625567"/>
                    <a:pt x="1070001" y="619133"/>
                  </a:cubicBezTo>
                  <a:cubicBezTo>
                    <a:pt x="1070001" y="612698"/>
                    <a:pt x="1073228" y="612698"/>
                    <a:pt x="1078068" y="607872"/>
                  </a:cubicBezTo>
                  <a:cubicBezTo>
                    <a:pt x="1082909" y="603046"/>
                    <a:pt x="1084522" y="599829"/>
                    <a:pt x="1086136" y="593394"/>
                  </a:cubicBezTo>
                  <a:cubicBezTo>
                    <a:pt x="1087749" y="585351"/>
                    <a:pt x="1084522" y="582133"/>
                    <a:pt x="1087749" y="575699"/>
                  </a:cubicBezTo>
                  <a:cubicBezTo>
                    <a:pt x="1090976" y="569264"/>
                    <a:pt x="1087749" y="554786"/>
                    <a:pt x="1094203" y="559612"/>
                  </a:cubicBezTo>
                  <a:cubicBezTo>
                    <a:pt x="1099044" y="562829"/>
                    <a:pt x="1102271" y="561221"/>
                    <a:pt x="1102271" y="561221"/>
                  </a:cubicBezTo>
                  <a:cubicBezTo>
                    <a:pt x="1102271" y="561221"/>
                    <a:pt x="1099044" y="549960"/>
                    <a:pt x="1103885" y="553177"/>
                  </a:cubicBezTo>
                  <a:close/>
                  <a:moveTo>
                    <a:pt x="1085850" y="546784"/>
                  </a:moveTo>
                  <a:cubicBezTo>
                    <a:pt x="1089025" y="548372"/>
                    <a:pt x="1087437" y="551547"/>
                    <a:pt x="1084263" y="561072"/>
                  </a:cubicBezTo>
                  <a:cubicBezTo>
                    <a:pt x="1081087" y="569010"/>
                    <a:pt x="1076325" y="561072"/>
                    <a:pt x="1076325" y="553135"/>
                  </a:cubicBezTo>
                  <a:cubicBezTo>
                    <a:pt x="1076325" y="548372"/>
                    <a:pt x="1084263" y="545197"/>
                    <a:pt x="1085850" y="546784"/>
                  </a:cubicBezTo>
                  <a:close/>
                  <a:moveTo>
                    <a:pt x="499393" y="538847"/>
                  </a:moveTo>
                  <a:cubicBezTo>
                    <a:pt x="502735" y="538847"/>
                    <a:pt x="506078" y="540434"/>
                    <a:pt x="509420" y="540434"/>
                  </a:cubicBezTo>
                  <a:cubicBezTo>
                    <a:pt x="512762" y="542022"/>
                    <a:pt x="512762" y="542022"/>
                    <a:pt x="509420" y="545197"/>
                  </a:cubicBezTo>
                  <a:cubicBezTo>
                    <a:pt x="507749" y="548372"/>
                    <a:pt x="507749" y="548372"/>
                    <a:pt x="501064" y="546784"/>
                  </a:cubicBezTo>
                  <a:cubicBezTo>
                    <a:pt x="494380" y="546784"/>
                    <a:pt x="496051" y="546784"/>
                    <a:pt x="492709" y="548372"/>
                  </a:cubicBezTo>
                  <a:cubicBezTo>
                    <a:pt x="489367" y="551547"/>
                    <a:pt x="486025" y="549959"/>
                    <a:pt x="484354" y="546784"/>
                  </a:cubicBezTo>
                  <a:cubicBezTo>
                    <a:pt x="481012" y="545197"/>
                    <a:pt x="486025" y="543609"/>
                    <a:pt x="487696" y="543609"/>
                  </a:cubicBezTo>
                  <a:cubicBezTo>
                    <a:pt x="487696" y="543609"/>
                    <a:pt x="497722" y="540434"/>
                    <a:pt x="499393" y="538847"/>
                  </a:cubicBezTo>
                  <a:close/>
                  <a:moveTo>
                    <a:pt x="1043046" y="504035"/>
                  </a:moveTo>
                  <a:cubicBezTo>
                    <a:pt x="1041400" y="500747"/>
                    <a:pt x="1061156" y="513901"/>
                    <a:pt x="1069387" y="515545"/>
                  </a:cubicBezTo>
                  <a:cubicBezTo>
                    <a:pt x="1077619" y="517189"/>
                    <a:pt x="1077619" y="518833"/>
                    <a:pt x="1082557" y="527054"/>
                  </a:cubicBezTo>
                  <a:cubicBezTo>
                    <a:pt x="1085850" y="533631"/>
                    <a:pt x="1085850" y="531987"/>
                    <a:pt x="1082557" y="540208"/>
                  </a:cubicBezTo>
                  <a:cubicBezTo>
                    <a:pt x="1079265" y="546785"/>
                    <a:pt x="1072680" y="545141"/>
                    <a:pt x="1072680" y="545141"/>
                  </a:cubicBezTo>
                  <a:cubicBezTo>
                    <a:pt x="1071033" y="541852"/>
                    <a:pt x="1064448" y="531987"/>
                    <a:pt x="1059509" y="528699"/>
                  </a:cubicBezTo>
                  <a:cubicBezTo>
                    <a:pt x="1054570" y="525410"/>
                    <a:pt x="1054570" y="528699"/>
                    <a:pt x="1051278" y="517189"/>
                  </a:cubicBezTo>
                  <a:cubicBezTo>
                    <a:pt x="1047985" y="507324"/>
                    <a:pt x="1046339" y="507324"/>
                    <a:pt x="1043046" y="504035"/>
                  </a:cubicBezTo>
                  <a:close/>
                  <a:moveTo>
                    <a:pt x="602740" y="722"/>
                  </a:moveTo>
                  <a:cubicBezTo>
                    <a:pt x="605989" y="-903"/>
                    <a:pt x="602740" y="722"/>
                    <a:pt x="605989" y="722"/>
                  </a:cubicBezTo>
                  <a:cubicBezTo>
                    <a:pt x="607613" y="722"/>
                    <a:pt x="605989" y="722"/>
                    <a:pt x="605989" y="2346"/>
                  </a:cubicBezTo>
                  <a:cubicBezTo>
                    <a:pt x="607613" y="5596"/>
                    <a:pt x="607613" y="5596"/>
                    <a:pt x="609238" y="7221"/>
                  </a:cubicBezTo>
                  <a:cubicBezTo>
                    <a:pt x="609238" y="10471"/>
                    <a:pt x="607613" y="10471"/>
                    <a:pt x="609238" y="13720"/>
                  </a:cubicBezTo>
                  <a:cubicBezTo>
                    <a:pt x="610863" y="15345"/>
                    <a:pt x="609238" y="13720"/>
                    <a:pt x="612487" y="16970"/>
                  </a:cubicBezTo>
                  <a:cubicBezTo>
                    <a:pt x="617361" y="21844"/>
                    <a:pt x="614112" y="20219"/>
                    <a:pt x="615737" y="21844"/>
                  </a:cubicBezTo>
                  <a:cubicBezTo>
                    <a:pt x="615737" y="25094"/>
                    <a:pt x="615737" y="26719"/>
                    <a:pt x="615737" y="28343"/>
                  </a:cubicBezTo>
                  <a:cubicBezTo>
                    <a:pt x="617361" y="29968"/>
                    <a:pt x="615737" y="29968"/>
                    <a:pt x="618986" y="31593"/>
                  </a:cubicBezTo>
                  <a:cubicBezTo>
                    <a:pt x="622235" y="34843"/>
                    <a:pt x="620611" y="34843"/>
                    <a:pt x="622235" y="36467"/>
                  </a:cubicBezTo>
                  <a:cubicBezTo>
                    <a:pt x="622235" y="38092"/>
                    <a:pt x="622235" y="41342"/>
                    <a:pt x="622235" y="42967"/>
                  </a:cubicBezTo>
                  <a:cubicBezTo>
                    <a:pt x="623860" y="44591"/>
                    <a:pt x="622235" y="46216"/>
                    <a:pt x="623860" y="47841"/>
                  </a:cubicBezTo>
                  <a:cubicBezTo>
                    <a:pt x="623860" y="49466"/>
                    <a:pt x="623860" y="52715"/>
                    <a:pt x="625485" y="55965"/>
                  </a:cubicBezTo>
                  <a:cubicBezTo>
                    <a:pt x="627109" y="59215"/>
                    <a:pt x="625485" y="60839"/>
                    <a:pt x="625485" y="62464"/>
                  </a:cubicBezTo>
                  <a:cubicBezTo>
                    <a:pt x="627109" y="64089"/>
                    <a:pt x="627109" y="65714"/>
                    <a:pt x="627109" y="67339"/>
                  </a:cubicBezTo>
                  <a:cubicBezTo>
                    <a:pt x="628734" y="67339"/>
                    <a:pt x="627109" y="68963"/>
                    <a:pt x="628734" y="70588"/>
                  </a:cubicBezTo>
                  <a:cubicBezTo>
                    <a:pt x="631983" y="73838"/>
                    <a:pt x="630359" y="73838"/>
                    <a:pt x="633608" y="75463"/>
                  </a:cubicBezTo>
                  <a:cubicBezTo>
                    <a:pt x="636857" y="77087"/>
                    <a:pt x="635233" y="77087"/>
                    <a:pt x="640106" y="75463"/>
                  </a:cubicBezTo>
                  <a:cubicBezTo>
                    <a:pt x="640106" y="75463"/>
                    <a:pt x="641731" y="73838"/>
                    <a:pt x="646605" y="72213"/>
                  </a:cubicBezTo>
                  <a:cubicBezTo>
                    <a:pt x="648230" y="72213"/>
                    <a:pt x="646605" y="72213"/>
                    <a:pt x="648230" y="73838"/>
                  </a:cubicBezTo>
                  <a:cubicBezTo>
                    <a:pt x="649854" y="77087"/>
                    <a:pt x="649854" y="77087"/>
                    <a:pt x="653103" y="78712"/>
                  </a:cubicBezTo>
                  <a:cubicBezTo>
                    <a:pt x="654728" y="81962"/>
                    <a:pt x="654728" y="81962"/>
                    <a:pt x="656353" y="81962"/>
                  </a:cubicBezTo>
                  <a:cubicBezTo>
                    <a:pt x="657977" y="81962"/>
                    <a:pt x="657977" y="83587"/>
                    <a:pt x="661227" y="85211"/>
                  </a:cubicBezTo>
                  <a:cubicBezTo>
                    <a:pt x="662851" y="88461"/>
                    <a:pt x="661227" y="85211"/>
                    <a:pt x="661227" y="91711"/>
                  </a:cubicBezTo>
                  <a:cubicBezTo>
                    <a:pt x="661227" y="98210"/>
                    <a:pt x="661227" y="96585"/>
                    <a:pt x="661227" y="99835"/>
                  </a:cubicBezTo>
                  <a:cubicBezTo>
                    <a:pt x="661227" y="101460"/>
                    <a:pt x="661227" y="104709"/>
                    <a:pt x="662851" y="106334"/>
                  </a:cubicBezTo>
                  <a:cubicBezTo>
                    <a:pt x="662851" y="107959"/>
                    <a:pt x="661227" y="112833"/>
                    <a:pt x="662851" y="116083"/>
                  </a:cubicBezTo>
                  <a:cubicBezTo>
                    <a:pt x="662851" y="119332"/>
                    <a:pt x="662851" y="119332"/>
                    <a:pt x="664476" y="120957"/>
                  </a:cubicBezTo>
                  <a:cubicBezTo>
                    <a:pt x="667725" y="120957"/>
                    <a:pt x="666101" y="122582"/>
                    <a:pt x="667725" y="122582"/>
                  </a:cubicBezTo>
                  <a:cubicBezTo>
                    <a:pt x="667725" y="124207"/>
                    <a:pt x="669350" y="127456"/>
                    <a:pt x="669350" y="127456"/>
                  </a:cubicBezTo>
                  <a:cubicBezTo>
                    <a:pt x="669350" y="127456"/>
                    <a:pt x="667725" y="125832"/>
                    <a:pt x="674224" y="133956"/>
                  </a:cubicBezTo>
                  <a:cubicBezTo>
                    <a:pt x="680722" y="140455"/>
                    <a:pt x="675848" y="138830"/>
                    <a:pt x="675848" y="138830"/>
                  </a:cubicBezTo>
                  <a:cubicBezTo>
                    <a:pt x="675848" y="138830"/>
                    <a:pt x="677473" y="142080"/>
                    <a:pt x="677473" y="143704"/>
                  </a:cubicBezTo>
                  <a:cubicBezTo>
                    <a:pt x="675848" y="146954"/>
                    <a:pt x="677473" y="150204"/>
                    <a:pt x="677473" y="153453"/>
                  </a:cubicBezTo>
                  <a:cubicBezTo>
                    <a:pt x="679098" y="155078"/>
                    <a:pt x="679098" y="156703"/>
                    <a:pt x="682347" y="158328"/>
                  </a:cubicBezTo>
                  <a:cubicBezTo>
                    <a:pt x="683972" y="158328"/>
                    <a:pt x="682347" y="159952"/>
                    <a:pt x="682347" y="161577"/>
                  </a:cubicBezTo>
                  <a:cubicBezTo>
                    <a:pt x="682347" y="164827"/>
                    <a:pt x="682347" y="166452"/>
                    <a:pt x="687221" y="171326"/>
                  </a:cubicBezTo>
                  <a:cubicBezTo>
                    <a:pt x="688845" y="172951"/>
                    <a:pt x="688845" y="174576"/>
                    <a:pt x="690470" y="176201"/>
                  </a:cubicBezTo>
                  <a:cubicBezTo>
                    <a:pt x="692095" y="177825"/>
                    <a:pt x="693719" y="179450"/>
                    <a:pt x="696969" y="177825"/>
                  </a:cubicBezTo>
                  <a:cubicBezTo>
                    <a:pt x="701843" y="177825"/>
                    <a:pt x="700218" y="179450"/>
                    <a:pt x="701843" y="179450"/>
                  </a:cubicBezTo>
                  <a:cubicBezTo>
                    <a:pt x="705092" y="179450"/>
                    <a:pt x="705092" y="181075"/>
                    <a:pt x="706716" y="181075"/>
                  </a:cubicBezTo>
                  <a:cubicBezTo>
                    <a:pt x="708341" y="181075"/>
                    <a:pt x="708341" y="184325"/>
                    <a:pt x="709966" y="185949"/>
                  </a:cubicBezTo>
                  <a:cubicBezTo>
                    <a:pt x="709966" y="187574"/>
                    <a:pt x="711590" y="187574"/>
                    <a:pt x="713215" y="189199"/>
                  </a:cubicBezTo>
                  <a:cubicBezTo>
                    <a:pt x="713215" y="190824"/>
                    <a:pt x="719713" y="190824"/>
                    <a:pt x="722963" y="192449"/>
                  </a:cubicBezTo>
                  <a:cubicBezTo>
                    <a:pt x="726212" y="194073"/>
                    <a:pt x="719713" y="195698"/>
                    <a:pt x="719713" y="195698"/>
                  </a:cubicBezTo>
                  <a:cubicBezTo>
                    <a:pt x="719713" y="195698"/>
                    <a:pt x="724587" y="195698"/>
                    <a:pt x="727837" y="197323"/>
                  </a:cubicBezTo>
                  <a:cubicBezTo>
                    <a:pt x="731086" y="198948"/>
                    <a:pt x="731086" y="198948"/>
                    <a:pt x="732711" y="198948"/>
                  </a:cubicBezTo>
                  <a:cubicBezTo>
                    <a:pt x="732711" y="198948"/>
                    <a:pt x="732711" y="198948"/>
                    <a:pt x="734335" y="198948"/>
                  </a:cubicBezTo>
                  <a:cubicBezTo>
                    <a:pt x="737585" y="200573"/>
                    <a:pt x="732711" y="202197"/>
                    <a:pt x="732711" y="203822"/>
                  </a:cubicBezTo>
                  <a:cubicBezTo>
                    <a:pt x="731086" y="205447"/>
                    <a:pt x="732711" y="208697"/>
                    <a:pt x="732711" y="208697"/>
                  </a:cubicBezTo>
                  <a:cubicBezTo>
                    <a:pt x="732711" y="208697"/>
                    <a:pt x="734335" y="208697"/>
                    <a:pt x="735960" y="210321"/>
                  </a:cubicBezTo>
                  <a:cubicBezTo>
                    <a:pt x="737585" y="211946"/>
                    <a:pt x="735960" y="211946"/>
                    <a:pt x="737585" y="213571"/>
                  </a:cubicBezTo>
                  <a:cubicBezTo>
                    <a:pt x="740834" y="215196"/>
                    <a:pt x="739209" y="216821"/>
                    <a:pt x="742458" y="218445"/>
                  </a:cubicBezTo>
                  <a:cubicBezTo>
                    <a:pt x="745708" y="221695"/>
                    <a:pt x="742458" y="221695"/>
                    <a:pt x="745708" y="224945"/>
                  </a:cubicBezTo>
                  <a:cubicBezTo>
                    <a:pt x="747332" y="228194"/>
                    <a:pt x="745708" y="229819"/>
                    <a:pt x="745708" y="233069"/>
                  </a:cubicBezTo>
                  <a:cubicBezTo>
                    <a:pt x="745708" y="236318"/>
                    <a:pt x="747332" y="236318"/>
                    <a:pt x="748957" y="237943"/>
                  </a:cubicBezTo>
                  <a:cubicBezTo>
                    <a:pt x="748957" y="241193"/>
                    <a:pt x="748957" y="244442"/>
                    <a:pt x="752206" y="247692"/>
                  </a:cubicBezTo>
                  <a:cubicBezTo>
                    <a:pt x="753831" y="249317"/>
                    <a:pt x="753831" y="244442"/>
                    <a:pt x="757080" y="239568"/>
                  </a:cubicBezTo>
                  <a:cubicBezTo>
                    <a:pt x="757080" y="239568"/>
                    <a:pt x="757080" y="239568"/>
                    <a:pt x="758705" y="241193"/>
                  </a:cubicBezTo>
                  <a:cubicBezTo>
                    <a:pt x="758705" y="241193"/>
                    <a:pt x="760329" y="241193"/>
                    <a:pt x="760329" y="241193"/>
                  </a:cubicBezTo>
                  <a:cubicBezTo>
                    <a:pt x="763579" y="241193"/>
                    <a:pt x="761954" y="242817"/>
                    <a:pt x="763579" y="244442"/>
                  </a:cubicBezTo>
                  <a:cubicBezTo>
                    <a:pt x="763579" y="244442"/>
                    <a:pt x="763579" y="246067"/>
                    <a:pt x="763579" y="246067"/>
                  </a:cubicBezTo>
                  <a:cubicBezTo>
                    <a:pt x="763579" y="247692"/>
                    <a:pt x="766828" y="247692"/>
                    <a:pt x="768453" y="247692"/>
                  </a:cubicBezTo>
                  <a:cubicBezTo>
                    <a:pt x="771702" y="247692"/>
                    <a:pt x="771702" y="246067"/>
                    <a:pt x="771702" y="246067"/>
                  </a:cubicBezTo>
                  <a:cubicBezTo>
                    <a:pt x="771702" y="246067"/>
                    <a:pt x="771702" y="247692"/>
                    <a:pt x="774951" y="250942"/>
                  </a:cubicBezTo>
                  <a:cubicBezTo>
                    <a:pt x="776576" y="255816"/>
                    <a:pt x="774951" y="254191"/>
                    <a:pt x="774951" y="255816"/>
                  </a:cubicBezTo>
                  <a:cubicBezTo>
                    <a:pt x="774951" y="255816"/>
                    <a:pt x="774951" y="262315"/>
                    <a:pt x="774951" y="265565"/>
                  </a:cubicBezTo>
                  <a:cubicBezTo>
                    <a:pt x="776576" y="267190"/>
                    <a:pt x="778200" y="268814"/>
                    <a:pt x="779825" y="267190"/>
                  </a:cubicBezTo>
                  <a:cubicBezTo>
                    <a:pt x="781450" y="267190"/>
                    <a:pt x="781450" y="272064"/>
                    <a:pt x="781450" y="273689"/>
                  </a:cubicBezTo>
                  <a:cubicBezTo>
                    <a:pt x="781450" y="273689"/>
                    <a:pt x="786324" y="275314"/>
                    <a:pt x="786324" y="275314"/>
                  </a:cubicBezTo>
                  <a:cubicBezTo>
                    <a:pt x="786324" y="275314"/>
                    <a:pt x="791197" y="278563"/>
                    <a:pt x="792822" y="278563"/>
                  </a:cubicBezTo>
                  <a:cubicBezTo>
                    <a:pt x="794447" y="278563"/>
                    <a:pt x="794447" y="281813"/>
                    <a:pt x="794447" y="281813"/>
                  </a:cubicBezTo>
                  <a:cubicBezTo>
                    <a:pt x="794447" y="281813"/>
                    <a:pt x="799321" y="288312"/>
                    <a:pt x="802570" y="288312"/>
                  </a:cubicBezTo>
                  <a:cubicBezTo>
                    <a:pt x="805819" y="286687"/>
                    <a:pt x="807444" y="296436"/>
                    <a:pt x="807444" y="298061"/>
                  </a:cubicBezTo>
                  <a:cubicBezTo>
                    <a:pt x="807444" y="298061"/>
                    <a:pt x="812318" y="301310"/>
                    <a:pt x="813942" y="302935"/>
                  </a:cubicBezTo>
                  <a:cubicBezTo>
                    <a:pt x="813942" y="304560"/>
                    <a:pt x="815567" y="306185"/>
                    <a:pt x="815567" y="306185"/>
                  </a:cubicBezTo>
                  <a:cubicBezTo>
                    <a:pt x="815567" y="306185"/>
                    <a:pt x="817192" y="307810"/>
                    <a:pt x="820441" y="304560"/>
                  </a:cubicBezTo>
                  <a:cubicBezTo>
                    <a:pt x="820441" y="304560"/>
                    <a:pt x="823690" y="296436"/>
                    <a:pt x="825315" y="296436"/>
                  </a:cubicBezTo>
                  <a:cubicBezTo>
                    <a:pt x="825315" y="294811"/>
                    <a:pt x="826939" y="298061"/>
                    <a:pt x="826939" y="306185"/>
                  </a:cubicBezTo>
                  <a:cubicBezTo>
                    <a:pt x="826939" y="314309"/>
                    <a:pt x="825315" y="309434"/>
                    <a:pt x="823690" y="311059"/>
                  </a:cubicBezTo>
                  <a:cubicBezTo>
                    <a:pt x="820441" y="314309"/>
                    <a:pt x="822066" y="315934"/>
                    <a:pt x="822066" y="315934"/>
                  </a:cubicBezTo>
                  <a:cubicBezTo>
                    <a:pt x="823690" y="317558"/>
                    <a:pt x="823690" y="319183"/>
                    <a:pt x="823690" y="322433"/>
                  </a:cubicBezTo>
                  <a:cubicBezTo>
                    <a:pt x="823690" y="324058"/>
                    <a:pt x="823690" y="325682"/>
                    <a:pt x="823690" y="327307"/>
                  </a:cubicBezTo>
                  <a:cubicBezTo>
                    <a:pt x="825315" y="328932"/>
                    <a:pt x="822066" y="333807"/>
                    <a:pt x="822066" y="335431"/>
                  </a:cubicBezTo>
                  <a:cubicBezTo>
                    <a:pt x="822066" y="335431"/>
                    <a:pt x="822066" y="341931"/>
                    <a:pt x="822066" y="341931"/>
                  </a:cubicBezTo>
                  <a:cubicBezTo>
                    <a:pt x="822066" y="343555"/>
                    <a:pt x="820441" y="346805"/>
                    <a:pt x="820441" y="348430"/>
                  </a:cubicBezTo>
                  <a:cubicBezTo>
                    <a:pt x="820441" y="348430"/>
                    <a:pt x="820441" y="351679"/>
                    <a:pt x="822066" y="351679"/>
                  </a:cubicBezTo>
                  <a:cubicBezTo>
                    <a:pt x="822066" y="353304"/>
                    <a:pt x="823690" y="356554"/>
                    <a:pt x="823690" y="356554"/>
                  </a:cubicBezTo>
                  <a:cubicBezTo>
                    <a:pt x="825315" y="358179"/>
                    <a:pt x="825315" y="359803"/>
                    <a:pt x="826939" y="359803"/>
                  </a:cubicBezTo>
                  <a:cubicBezTo>
                    <a:pt x="826939" y="359803"/>
                    <a:pt x="826939" y="364678"/>
                    <a:pt x="828564" y="366303"/>
                  </a:cubicBezTo>
                  <a:cubicBezTo>
                    <a:pt x="830189" y="367927"/>
                    <a:pt x="830189" y="371177"/>
                    <a:pt x="830189" y="371177"/>
                  </a:cubicBezTo>
                  <a:cubicBezTo>
                    <a:pt x="830189" y="371177"/>
                    <a:pt x="830189" y="376051"/>
                    <a:pt x="831813" y="376051"/>
                  </a:cubicBezTo>
                  <a:cubicBezTo>
                    <a:pt x="833438" y="377676"/>
                    <a:pt x="831813" y="382551"/>
                    <a:pt x="831813" y="382551"/>
                  </a:cubicBezTo>
                  <a:cubicBezTo>
                    <a:pt x="831813" y="382551"/>
                    <a:pt x="831813" y="384175"/>
                    <a:pt x="831813" y="387425"/>
                  </a:cubicBezTo>
                  <a:cubicBezTo>
                    <a:pt x="831813" y="390675"/>
                    <a:pt x="830189" y="390675"/>
                    <a:pt x="830189" y="392299"/>
                  </a:cubicBezTo>
                  <a:cubicBezTo>
                    <a:pt x="830189" y="393924"/>
                    <a:pt x="828564" y="395549"/>
                    <a:pt x="828564" y="397174"/>
                  </a:cubicBezTo>
                  <a:cubicBezTo>
                    <a:pt x="828564" y="397174"/>
                    <a:pt x="826939" y="400423"/>
                    <a:pt x="825315" y="402048"/>
                  </a:cubicBezTo>
                  <a:cubicBezTo>
                    <a:pt x="825315" y="403673"/>
                    <a:pt x="823690" y="405298"/>
                    <a:pt x="823690" y="406923"/>
                  </a:cubicBezTo>
                  <a:cubicBezTo>
                    <a:pt x="823690" y="408548"/>
                    <a:pt x="823690" y="410172"/>
                    <a:pt x="823690" y="411797"/>
                  </a:cubicBezTo>
                  <a:cubicBezTo>
                    <a:pt x="823690" y="413422"/>
                    <a:pt x="823690" y="415047"/>
                    <a:pt x="823690" y="416672"/>
                  </a:cubicBezTo>
                  <a:cubicBezTo>
                    <a:pt x="823690" y="419921"/>
                    <a:pt x="822066" y="421546"/>
                    <a:pt x="822066" y="423171"/>
                  </a:cubicBezTo>
                  <a:cubicBezTo>
                    <a:pt x="822066" y="424796"/>
                    <a:pt x="820441" y="429670"/>
                    <a:pt x="820441" y="429670"/>
                  </a:cubicBezTo>
                  <a:cubicBezTo>
                    <a:pt x="820441" y="429670"/>
                    <a:pt x="818816" y="434544"/>
                    <a:pt x="818816" y="436169"/>
                  </a:cubicBezTo>
                  <a:cubicBezTo>
                    <a:pt x="818816" y="436169"/>
                    <a:pt x="817192" y="439419"/>
                    <a:pt x="817192" y="441044"/>
                  </a:cubicBezTo>
                  <a:cubicBezTo>
                    <a:pt x="817192" y="442668"/>
                    <a:pt x="815567" y="445918"/>
                    <a:pt x="815567" y="445918"/>
                  </a:cubicBezTo>
                  <a:cubicBezTo>
                    <a:pt x="815567" y="445918"/>
                    <a:pt x="815567" y="447543"/>
                    <a:pt x="815567" y="449168"/>
                  </a:cubicBezTo>
                  <a:cubicBezTo>
                    <a:pt x="815567" y="450792"/>
                    <a:pt x="812318" y="454042"/>
                    <a:pt x="812318" y="454042"/>
                  </a:cubicBezTo>
                  <a:cubicBezTo>
                    <a:pt x="812318" y="454042"/>
                    <a:pt x="810693" y="457292"/>
                    <a:pt x="812318" y="457292"/>
                  </a:cubicBezTo>
                  <a:cubicBezTo>
                    <a:pt x="813942" y="457292"/>
                    <a:pt x="812318" y="462166"/>
                    <a:pt x="812318" y="462166"/>
                  </a:cubicBezTo>
                  <a:cubicBezTo>
                    <a:pt x="812318" y="462166"/>
                    <a:pt x="809068" y="465416"/>
                    <a:pt x="807444" y="468665"/>
                  </a:cubicBezTo>
                  <a:cubicBezTo>
                    <a:pt x="804195" y="471915"/>
                    <a:pt x="805819" y="470290"/>
                    <a:pt x="804195" y="471915"/>
                  </a:cubicBezTo>
                  <a:cubicBezTo>
                    <a:pt x="802570" y="473540"/>
                    <a:pt x="800945" y="473540"/>
                    <a:pt x="799321" y="476789"/>
                  </a:cubicBezTo>
                  <a:cubicBezTo>
                    <a:pt x="796071" y="480039"/>
                    <a:pt x="796071" y="478414"/>
                    <a:pt x="794447" y="480039"/>
                  </a:cubicBezTo>
                  <a:cubicBezTo>
                    <a:pt x="794447" y="480039"/>
                    <a:pt x="792822" y="483289"/>
                    <a:pt x="791197" y="484913"/>
                  </a:cubicBezTo>
                  <a:cubicBezTo>
                    <a:pt x="787948" y="486538"/>
                    <a:pt x="787948" y="488163"/>
                    <a:pt x="787948" y="488163"/>
                  </a:cubicBezTo>
                  <a:cubicBezTo>
                    <a:pt x="787948" y="488163"/>
                    <a:pt x="787948" y="489788"/>
                    <a:pt x="787948" y="493037"/>
                  </a:cubicBezTo>
                  <a:cubicBezTo>
                    <a:pt x="787948" y="494662"/>
                    <a:pt x="786324" y="494662"/>
                    <a:pt x="786324" y="494662"/>
                  </a:cubicBezTo>
                  <a:cubicBezTo>
                    <a:pt x="786324" y="494662"/>
                    <a:pt x="783074" y="499537"/>
                    <a:pt x="783074" y="501161"/>
                  </a:cubicBezTo>
                  <a:cubicBezTo>
                    <a:pt x="781450" y="502786"/>
                    <a:pt x="779825" y="506036"/>
                    <a:pt x="779825" y="506036"/>
                  </a:cubicBezTo>
                  <a:cubicBezTo>
                    <a:pt x="779825" y="506036"/>
                    <a:pt x="779825" y="509285"/>
                    <a:pt x="778200" y="509285"/>
                  </a:cubicBezTo>
                  <a:cubicBezTo>
                    <a:pt x="776576" y="510910"/>
                    <a:pt x="778200" y="512535"/>
                    <a:pt x="776576" y="514160"/>
                  </a:cubicBezTo>
                  <a:cubicBezTo>
                    <a:pt x="776576" y="515785"/>
                    <a:pt x="776576" y="517409"/>
                    <a:pt x="776576" y="519034"/>
                  </a:cubicBezTo>
                  <a:cubicBezTo>
                    <a:pt x="774951" y="520659"/>
                    <a:pt x="774951" y="522284"/>
                    <a:pt x="774951" y="522284"/>
                  </a:cubicBezTo>
                  <a:cubicBezTo>
                    <a:pt x="774951" y="523909"/>
                    <a:pt x="773327" y="527158"/>
                    <a:pt x="773327" y="527158"/>
                  </a:cubicBezTo>
                  <a:cubicBezTo>
                    <a:pt x="773327" y="527158"/>
                    <a:pt x="773327" y="527158"/>
                    <a:pt x="768453" y="533657"/>
                  </a:cubicBezTo>
                  <a:cubicBezTo>
                    <a:pt x="768453" y="533657"/>
                    <a:pt x="766828" y="536907"/>
                    <a:pt x="765203" y="540157"/>
                  </a:cubicBezTo>
                  <a:cubicBezTo>
                    <a:pt x="765203" y="541781"/>
                    <a:pt x="765203" y="541781"/>
                    <a:pt x="761954" y="545031"/>
                  </a:cubicBezTo>
                  <a:cubicBezTo>
                    <a:pt x="761954" y="545031"/>
                    <a:pt x="761954" y="549905"/>
                    <a:pt x="761954" y="549905"/>
                  </a:cubicBezTo>
                  <a:cubicBezTo>
                    <a:pt x="761954" y="551530"/>
                    <a:pt x="761954" y="553155"/>
                    <a:pt x="761954" y="554780"/>
                  </a:cubicBezTo>
                  <a:cubicBezTo>
                    <a:pt x="761954" y="556405"/>
                    <a:pt x="760329" y="556405"/>
                    <a:pt x="760329" y="558029"/>
                  </a:cubicBezTo>
                  <a:cubicBezTo>
                    <a:pt x="760329" y="559654"/>
                    <a:pt x="758705" y="562904"/>
                    <a:pt x="758705" y="562904"/>
                  </a:cubicBezTo>
                  <a:cubicBezTo>
                    <a:pt x="758705" y="562904"/>
                    <a:pt x="758705" y="567778"/>
                    <a:pt x="760329" y="571028"/>
                  </a:cubicBezTo>
                  <a:cubicBezTo>
                    <a:pt x="760329" y="572653"/>
                    <a:pt x="760329" y="574278"/>
                    <a:pt x="760329" y="574278"/>
                  </a:cubicBezTo>
                  <a:cubicBezTo>
                    <a:pt x="760329" y="574278"/>
                    <a:pt x="757080" y="577527"/>
                    <a:pt x="755455" y="582402"/>
                  </a:cubicBezTo>
                  <a:cubicBezTo>
                    <a:pt x="755455" y="582402"/>
                    <a:pt x="755455" y="584026"/>
                    <a:pt x="753831" y="588901"/>
                  </a:cubicBezTo>
                  <a:cubicBezTo>
                    <a:pt x="753831" y="588901"/>
                    <a:pt x="750582" y="588901"/>
                    <a:pt x="748957" y="588901"/>
                  </a:cubicBezTo>
                  <a:cubicBezTo>
                    <a:pt x="748957" y="588901"/>
                    <a:pt x="745708" y="588901"/>
                    <a:pt x="745708" y="588901"/>
                  </a:cubicBezTo>
                  <a:cubicBezTo>
                    <a:pt x="745708" y="588901"/>
                    <a:pt x="740834" y="590526"/>
                    <a:pt x="739209" y="590526"/>
                  </a:cubicBezTo>
                  <a:cubicBezTo>
                    <a:pt x="739209" y="590526"/>
                    <a:pt x="735960" y="590526"/>
                    <a:pt x="735960" y="590526"/>
                  </a:cubicBezTo>
                  <a:cubicBezTo>
                    <a:pt x="735960" y="590526"/>
                    <a:pt x="731086" y="590526"/>
                    <a:pt x="729461" y="588901"/>
                  </a:cubicBezTo>
                  <a:cubicBezTo>
                    <a:pt x="729461" y="587276"/>
                    <a:pt x="721338" y="592150"/>
                    <a:pt x="721338" y="592150"/>
                  </a:cubicBezTo>
                  <a:cubicBezTo>
                    <a:pt x="721338" y="590526"/>
                    <a:pt x="721338" y="590526"/>
                    <a:pt x="719713" y="590526"/>
                  </a:cubicBezTo>
                  <a:cubicBezTo>
                    <a:pt x="719713" y="592150"/>
                    <a:pt x="718089" y="592150"/>
                    <a:pt x="718089" y="590526"/>
                  </a:cubicBezTo>
                  <a:cubicBezTo>
                    <a:pt x="718089" y="588901"/>
                    <a:pt x="714840" y="592150"/>
                    <a:pt x="711590" y="595400"/>
                  </a:cubicBezTo>
                  <a:cubicBezTo>
                    <a:pt x="708341" y="597025"/>
                    <a:pt x="708341" y="598650"/>
                    <a:pt x="708341" y="598650"/>
                  </a:cubicBezTo>
                  <a:cubicBezTo>
                    <a:pt x="708341" y="598650"/>
                    <a:pt x="705092" y="601899"/>
                    <a:pt x="703467" y="603524"/>
                  </a:cubicBezTo>
                  <a:cubicBezTo>
                    <a:pt x="703467" y="603524"/>
                    <a:pt x="700218" y="606774"/>
                    <a:pt x="695344" y="611648"/>
                  </a:cubicBezTo>
                  <a:cubicBezTo>
                    <a:pt x="695344" y="611648"/>
                    <a:pt x="695344" y="611648"/>
                    <a:pt x="692095" y="613273"/>
                  </a:cubicBezTo>
                  <a:cubicBezTo>
                    <a:pt x="692095" y="613273"/>
                    <a:pt x="692095" y="613273"/>
                    <a:pt x="688845" y="613273"/>
                  </a:cubicBezTo>
                  <a:cubicBezTo>
                    <a:pt x="688845" y="613273"/>
                    <a:pt x="685596" y="616522"/>
                    <a:pt x="685596" y="618147"/>
                  </a:cubicBezTo>
                  <a:cubicBezTo>
                    <a:pt x="685596" y="619772"/>
                    <a:pt x="683972" y="621397"/>
                    <a:pt x="683972" y="621397"/>
                  </a:cubicBezTo>
                  <a:cubicBezTo>
                    <a:pt x="682347" y="619772"/>
                    <a:pt x="682347" y="618147"/>
                    <a:pt x="682347" y="618147"/>
                  </a:cubicBezTo>
                  <a:cubicBezTo>
                    <a:pt x="682347" y="618147"/>
                    <a:pt x="677473" y="616522"/>
                    <a:pt x="677473" y="614898"/>
                  </a:cubicBezTo>
                  <a:cubicBezTo>
                    <a:pt x="677473" y="614898"/>
                    <a:pt x="675848" y="611648"/>
                    <a:pt x="675848" y="611648"/>
                  </a:cubicBezTo>
                  <a:cubicBezTo>
                    <a:pt x="675848" y="611648"/>
                    <a:pt x="675848" y="611648"/>
                    <a:pt x="672599" y="610023"/>
                  </a:cubicBezTo>
                  <a:cubicBezTo>
                    <a:pt x="672599" y="610023"/>
                    <a:pt x="672599" y="610023"/>
                    <a:pt x="667725" y="610023"/>
                  </a:cubicBezTo>
                  <a:cubicBezTo>
                    <a:pt x="667725" y="610023"/>
                    <a:pt x="664476" y="608398"/>
                    <a:pt x="662851" y="608398"/>
                  </a:cubicBezTo>
                  <a:cubicBezTo>
                    <a:pt x="661227" y="606774"/>
                    <a:pt x="659602" y="606774"/>
                    <a:pt x="659602" y="606774"/>
                  </a:cubicBezTo>
                  <a:cubicBezTo>
                    <a:pt x="661227" y="605149"/>
                    <a:pt x="662851" y="606774"/>
                    <a:pt x="664476" y="605149"/>
                  </a:cubicBezTo>
                  <a:cubicBezTo>
                    <a:pt x="667725" y="603524"/>
                    <a:pt x="662851" y="600274"/>
                    <a:pt x="662851" y="600274"/>
                  </a:cubicBezTo>
                  <a:cubicBezTo>
                    <a:pt x="662851" y="600274"/>
                    <a:pt x="662851" y="600274"/>
                    <a:pt x="657977" y="603524"/>
                  </a:cubicBezTo>
                  <a:cubicBezTo>
                    <a:pt x="657977" y="603524"/>
                    <a:pt x="657977" y="603524"/>
                    <a:pt x="654728" y="601899"/>
                  </a:cubicBezTo>
                  <a:cubicBezTo>
                    <a:pt x="654728" y="600274"/>
                    <a:pt x="654728" y="598650"/>
                    <a:pt x="656353" y="597025"/>
                  </a:cubicBezTo>
                  <a:cubicBezTo>
                    <a:pt x="657977" y="595400"/>
                    <a:pt x="653103" y="593775"/>
                    <a:pt x="653103" y="593775"/>
                  </a:cubicBezTo>
                  <a:cubicBezTo>
                    <a:pt x="653103" y="593775"/>
                    <a:pt x="653103" y="593775"/>
                    <a:pt x="649854" y="597025"/>
                  </a:cubicBezTo>
                  <a:cubicBezTo>
                    <a:pt x="649854" y="597025"/>
                    <a:pt x="648230" y="598650"/>
                    <a:pt x="648230" y="601899"/>
                  </a:cubicBezTo>
                  <a:cubicBezTo>
                    <a:pt x="648230" y="601899"/>
                    <a:pt x="648230" y="601899"/>
                    <a:pt x="644980" y="603524"/>
                  </a:cubicBezTo>
                  <a:cubicBezTo>
                    <a:pt x="644980" y="603524"/>
                    <a:pt x="644980" y="603524"/>
                    <a:pt x="643356" y="601899"/>
                  </a:cubicBezTo>
                  <a:cubicBezTo>
                    <a:pt x="643356" y="601899"/>
                    <a:pt x="643356" y="601899"/>
                    <a:pt x="640106" y="605149"/>
                  </a:cubicBezTo>
                  <a:cubicBezTo>
                    <a:pt x="640106" y="605149"/>
                    <a:pt x="640106" y="605149"/>
                    <a:pt x="636857" y="606774"/>
                  </a:cubicBezTo>
                  <a:cubicBezTo>
                    <a:pt x="636857" y="606774"/>
                    <a:pt x="636857" y="606774"/>
                    <a:pt x="631983" y="611648"/>
                  </a:cubicBezTo>
                  <a:cubicBezTo>
                    <a:pt x="631983" y="611648"/>
                    <a:pt x="631983" y="611648"/>
                    <a:pt x="625485" y="614898"/>
                  </a:cubicBezTo>
                  <a:cubicBezTo>
                    <a:pt x="625485" y="614898"/>
                    <a:pt x="625485" y="614898"/>
                    <a:pt x="625485" y="613273"/>
                  </a:cubicBezTo>
                  <a:cubicBezTo>
                    <a:pt x="625485" y="613273"/>
                    <a:pt x="622235" y="613273"/>
                    <a:pt x="622235" y="613273"/>
                  </a:cubicBezTo>
                  <a:cubicBezTo>
                    <a:pt x="622235" y="613273"/>
                    <a:pt x="617361" y="613273"/>
                    <a:pt x="617361" y="611648"/>
                  </a:cubicBezTo>
                  <a:cubicBezTo>
                    <a:pt x="617361" y="610023"/>
                    <a:pt x="614112" y="610023"/>
                    <a:pt x="614112" y="610023"/>
                  </a:cubicBezTo>
                  <a:cubicBezTo>
                    <a:pt x="614112" y="610023"/>
                    <a:pt x="614112" y="610023"/>
                    <a:pt x="610863" y="608398"/>
                  </a:cubicBezTo>
                  <a:cubicBezTo>
                    <a:pt x="610863" y="608398"/>
                    <a:pt x="607613" y="606774"/>
                    <a:pt x="607613" y="605149"/>
                  </a:cubicBezTo>
                  <a:cubicBezTo>
                    <a:pt x="607613" y="603524"/>
                    <a:pt x="602740" y="605149"/>
                    <a:pt x="602740" y="605149"/>
                  </a:cubicBezTo>
                  <a:cubicBezTo>
                    <a:pt x="602740" y="605149"/>
                    <a:pt x="597866" y="605149"/>
                    <a:pt x="594616" y="603524"/>
                  </a:cubicBezTo>
                  <a:cubicBezTo>
                    <a:pt x="592992" y="603524"/>
                    <a:pt x="592992" y="603524"/>
                    <a:pt x="592992" y="603524"/>
                  </a:cubicBezTo>
                  <a:cubicBezTo>
                    <a:pt x="591367" y="603524"/>
                    <a:pt x="591367" y="603524"/>
                    <a:pt x="591367" y="603524"/>
                  </a:cubicBezTo>
                  <a:cubicBezTo>
                    <a:pt x="588118" y="601899"/>
                    <a:pt x="588118" y="603524"/>
                    <a:pt x="586493" y="603524"/>
                  </a:cubicBezTo>
                  <a:cubicBezTo>
                    <a:pt x="586493" y="603524"/>
                    <a:pt x="581619" y="601899"/>
                    <a:pt x="581619" y="601899"/>
                  </a:cubicBezTo>
                  <a:cubicBezTo>
                    <a:pt x="581619" y="600274"/>
                    <a:pt x="573496" y="597025"/>
                    <a:pt x="573496" y="597025"/>
                  </a:cubicBezTo>
                  <a:cubicBezTo>
                    <a:pt x="573496" y="595400"/>
                    <a:pt x="568622" y="597025"/>
                    <a:pt x="568622" y="597025"/>
                  </a:cubicBezTo>
                  <a:cubicBezTo>
                    <a:pt x="566998" y="595400"/>
                    <a:pt x="563748" y="597025"/>
                    <a:pt x="562124" y="595400"/>
                  </a:cubicBezTo>
                  <a:cubicBezTo>
                    <a:pt x="562124" y="593775"/>
                    <a:pt x="560499" y="592150"/>
                    <a:pt x="558874" y="588901"/>
                  </a:cubicBezTo>
                  <a:cubicBezTo>
                    <a:pt x="557250" y="587276"/>
                    <a:pt x="555625" y="585651"/>
                    <a:pt x="552376" y="582402"/>
                  </a:cubicBezTo>
                  <a:cubicBezTo>
                    <a:pt x="552376" y="582402"/>
                    <a:pt x="550751" y="582402"/>
                    <a:pt x="550751" y="577527"/>
                  </a:cubicBezTo>
                  <a:cubicBezTo>
                    <a:pt x="550751" y="575902"/>
                    <a:pt x="550751" y="575902"/>
                    <a:pt x="549127" y="571028"/>
                  </a:cubicBezTo>
                  <a:cubicBezTo>
                    <a:pt x="549127" y="567778"/>
                    <a:pt x="547502" y="569403"/>
                    <a:pt x="547502" y="567778"/>
                  </a:cubicBezTo>
                  <a:cubicBezTo>
                    <a:pt x="549127" y="566154"/>
                    <a:pt x="547502" y="566154"/>
                    <a:pt x="547502" y="564529"/>
                  </a:cubicBezTo>
                  <a:cubicBezTo>
                    <a:pt x="547502" y="562904"/>
                    <a:pt x="547502" y="561279"/>
                    <a:pt x="547502" y="561279"/>
                  </a:cubicBezTo>
                  <a:cubicBezTo>
                    <a:pt x="547502" y="561279"/>
                    <a:pt x="545877" y="559654"/>
                    <a:pt x="547502" y="554780"/>
                  </a:cubicBezTo>
                  <a:cubicBezTo>
                    <a:pt x="547502" y="553155"/>
                    <a:pt x="545877" y="553155"/>
                    <a:pt x="542628" y="549905"/>
                  </a:cubicBezTo>
                  <a:cubicBezTo>
                    <a:pt x="542628" y="549905"/>
                    <a:pt x="539379" y="546656"/>
                    <a:pt x="539379" y="546656"/>
                  </a:cubicBezTo>
                  <a:cubicBezTo>
                    <a:pt x="539379" y="546656"/>
                    <a:pt x="539379" y="541781"/>
                    <a:pt x="539379" y="540157"/>
                  </a:cubicBezTo>
                  <a:cubicBezTo>
                    <a:pt x="541003" y="540157"/>
                    <a:pt x="537754" y="540157"/>
                    <a:pt x="537754" y="538532"/>
                  </a:cubicBezTo>
                  <a:cubicBezTo>
                    <a:pt x="537754" y="535282"/>
                    <a:pt x="531256" y="536907"/>
                    <a:pt x="531256" y="536907"/>
                  </a:cubicBezTo>
                  <a:cubicBezTo>
                    <a:pt x="531256" y="536907"/>
                    <a:pt x="526382" y="540157"/>
                    <a:pt x="521508" y="538532"/>
                  </a:cubicBezTo>
                  <a:cubicBezTo>
                    <a:pt x="519883" y="536907"/>
                    <a:pt x="519883" y="536907"/>
                    <a:pt x="521508" y="535282"/>
                  </a:cubicBezTo>
                  <a:cubicBezTo>
                    <a:pt x="521508" y="533657"/>
                    <a:pt x="521508" y="533657"/>
                    <a:pt x="521508" y="532033"/>
                  </a:cubicBezTo>
                  <a:cubicBezTo>
                    <a:pt x="521508" y="530408"/>
                    <a:pt x="523132" y="528783"/>
                    <a:pt x="523132" y="527158"/>
                  </a:cubicBezTo>
                  <a:cubicBezTo>
                    <a:pt x="524757" y="523909"/>
                    <a:pt x="523132" y="522284"/>
                    <a:pt x="523132" y="520659"/>
                  </a:cubicBezTo>
                  <a:cubicBezTo>
                    <a:pt x="524757" y="519034"/>
                    <a:pt x="521508" y="517409"/>
                    <a:pt x="523132" y="517409"/>
                  </a:cubicBezTo>
                  <a:cubicBezTo>
                    <a:pt x="523132" y="517409"/>
                    <a:pt x="518258" y="514160"/>
                    <a:pt x="513385" y="514160"/>
                  </a:cubicBezTo>
                  <a:cubicBezTo>
                    <a:pt x="513385" y="514160"/>
                    <a:pt x="511760" y="517409"/>
                    <a:pt x="511760" y="519034"/>
                  </a:cubicBezTo>
                  <a:cubicBezTo>
                    <a:pt x="511760" y="520659"/>
                    <a:pt x="510135" y="523909"/>
                    <a:pt x="510135" y="525533"/>
                  </a:cubicBezTo>
                  <a:cubicBezTo>
                    <a:pt x="510135" y="525533"/>
                    <a:pt x="506886" y="527158"/>
                    <a:pt x="505261" y="527158"/>
                  </a:cubicBezTo>
                  <a:cubicBezTo>
                    <a:pt x="505261" y="525533"/>
                    <a:pt x="502012" y="527158"/>
                    <a:pt x="502012" y="527158"/>
                  </a:cubicBezTo>
                  <a:cubicBezTo>
                    <a:pt x="502012" y="527158"/>
                    <a:pt x="502012" y="527158"/>
                    <a:pt x="498763" y="527158"/>
                  </a:cubicBezTo>
                  <a:cubicBezTo>
                    <a:pt x="498763" y="527158"/>
                    <a:pt x="498763" y="527158"/>
                    <a:pt x="495514" y="532033"/>
                  </a:cubicBezTo>
                  <a:cubicBezTo>
                    <a:pt x="495514" y="532033"/>
                    <a:pt x="495514" y="532033"/>
                    <a:pt x="492264" y="528783"/>
                  </a:cubicBezTo>
                  <a:cubicBezTo>
                    <a:pt x="492264" y="528783"/>
                    <a:pt x="493889" y="527158"/>
                    <a:pt x="495514" y="523909"/>
                  </a:cubicBezTo>
                  <a:cubicBezTo>
                    <a:pt x="497138" y="522284"/>
                    <a:pt x="495514" y="522284"/>
                    <a:pt x="497138" y="522284"/>
                  </a:cubicBezTo>
                  <a:cubicBezTo>
                    <a:pt x="497138" y="523909"/>
                    <a:pt x="497138" y="523909"/>
                    <a:pt x="497138" y="523909"/>
                  </a:cubicBezTo>
                  <a:cubicBezTo>
                    <a:pt x="500387" y="522284"/>
                    <a:pt x="500387" y="522284"/>
                    <a:pt x="502012" y="520659"/>
                  </a:cubicBezTo>
                  <a:cubicBezTo>
                    <a:pt x="503637" y="520659"/>
                    <a:pt x="502012" y="520659"/>
                    <a:pt x="503637" y="517409"/>
                  </a:cubicBezTo>
                  <a:cubicBezTo>
                    <a:pt x="505261" y="512535"/>
                    <a:pt x="503637" y="514160"/>
                    <a:pt x="503637" y="510910"/>
                  </a:cubicBezTo>
                  <a:cubicBezTo>
                    <a:pt x="502012" y="509285"/>
                    <a:pt x="502012" y="510910"/>
                    <a:pt x="503637" y="507661"/>
                  </a:cubicBezTo>
                  <a:cubicBezTo>
                    <a:pt x="505261" y="506036"/>
                    <a:pt x="505261" y="504411"/>
                    <a:pt x="505261" y="502786"/>
                  </a:cubicBezTo>
                  <a:cubicBezTo>
                    <a:pt x="505261" y="502786"/>
                    <a:pt x="506886" y="497912"/>
                    <a:pt x="506886" y="497912"/>
                  </a:cubicBezTo>
                  <a:cubicBezTo>
                    <a:pt x="506886" y="496287"/>
                    <a:pt x="508511" y="494662"/>
                    <a:pt x="510135" y="493037"/>
                  </a:cubicBezTo>
                  <a:cubicBezTo>
                    <a:pt x="510135" y="491413"/>
                    <a:pt x="508511" y="489788"/>
                    <a:pt x="510135" y="488163"/>
                  </a:cubicBezTo>
                  <a:cubicBezTo>
                    <a:pt x="510135" y="486538"/>
                    <a:pt x="510135" y="484913"/>
                    <a:pt x="510135" y="484913"/>
                  </a:cubicBezTo>
                  <a:cubicBezTo>
                    <a:pt x="511760" y="484913"/>
                    <a:pt x="511760" y="480039"/>
                    <a:pt x="511760" y="480039"/>
                  </a:cubicBezTo>
                  <a:cubicBezTo>
                    <a:pt x="513385" y="480039"/>
                    <a:pt x="508511" y="473540"/>
                    <a:pt x="508511" y="475164"/>
                  </a:cubicBezTo>
                  <a:cubicBezTo>
                    <a:pt x="506886" y="476789"/>
                    <a:pt x="508511" y="480039"/>
                    <a:pt x="508511" y="480039"/>
                  </a:cubicBezTo>
                  <a:cubicBezTo>
                    <a:pt x="508511" y="480039"/>
                    <a:pt x="508511" y="480039"/>
                    <a:pt x="505261" y="481664"/>
                  </a:cubicBezTo>
                  <a:cubicBezTo>
                    <a:pt x="505261" y="481664"/>
                    <a:pt x="503637" y="484913"/>
                    <a:pt x="503637" y="484913"/>
                  </a:cubicBezTo>
                  <a:cubicBezTo>
                    <a:pt x="503637" y="486538"/>
                    <a:pt x="503637" y="488163"/>
                    <a:pt x="500387" y="491413"/>
                  </a:cubicBezTo>
                  <a:cubicBezTo>
                    <a:pt x="500387" y="491413"/>
                    <a:pt x="497138" y="494662"/>
                    <a:pt x="497138" y="494662"/>
                  </a:cubicBezTo>
                  <a:cubicBezTo>
                    <a:pt x="495514" y="494662"/>
                    <a:pt x="493889" y="496287"/>
                    <a:pt x="493889" y="496287"/>
                  </a:cubicBezTo>
                  <a:cubicBezTo>
                    <a:pt x="493889" y="496287"/>
                    <a:pt x="489015" y="499537"/>
                    <a:pt x="490640" y="499537"/>
                  </a:cubicBezTo>
                  <a:cubicBezTo>
                    <a:pt x="490640" y="499537"/>
                    <a:pt x="487390" y="502786"/>
                    <a:pt x="487390" y="502786"/>
                  </a:cubicBezTo>
                  <a:cubicBezTo>
                    <a:pt x="487390" y="502786"/>
                    <a:pt x="487390" y="502786"/>
                    <a:pt x="482517" y="506036"/>
                  </a:cubicBezTo>
                  <a:cubicBezTo>
                    <a:pt x="482517" y="506036"/>
                    <a:pt x="482517" y="506036"/>
                    <a:pt x="476018" y="512535"/>
                  </a:cubicBezTo>
                  <a:cubicBezTo>
                    <a:pt x="476018" y="512535"/>
                    <a:pt x="474393" y="514160"/>
                    <a:pt x="474393" y="515785"/>
                  </a:cubicBezTo>
                  <a:cubicBezTo>
                    <a:pt x="472769" y="517409"/>
                    <a:pt x="472769" y="520659"/>
                    <a:pt x="472769" y="520659"/>
                  </a:cubicBezTo>
                  <a:cubicBezTo>
                    <a:pt x="474393" y="520659"/>
                    <a:pt x="471144" y="523909"/>
                    <a:pt x="471144" y="523909"/>
                  </a:cubicBezTo>
                  <a:cubicBezTo>
                    <a:pt x="471144" y="523909"/>
                    <a:pt x="469519" y="525533"/>
                    <a:pt x="467895" y="523909"/>
                  </a:cubicBezTo>
                  <a:cubicBezTo>
                    <a:pt x="467895" y="522284"/>
                    <a:pt x="463021" y="522284"/>
                    <a:pt x="463021" y="522284"/>
                  </a:cubicBezTo>
                  <a:cubicBezTo>
                    <a:pt x="463021" y="522284"/>
                    <a:pt x="459772" y="519034"/>
                    <a:pt x="458147" y="514160"/>
                  </a:cubicBezTo>
                  <a:cubicBezTo>
                    <a:pt x="458147" y="512535"/>
                    <a:pt x="458147" y="512535"/>
                    <a:pt x="456522" y="507661"/>
                  </a:cubicBezTo>
                  <a:cubicBezTo>
                    <a:pt x="456522" y="507661"/>
                    <a:pt x="454898" y="506036"/>
                    <a:pt x="454898" y="504411"/>
                  </a:cubicBezTo>
                  <a:cubicBezTo>
                    <a:pt x="454898" y="502786"/>
                    <a:pt x="454898" y="502786"/>
                    <a:pt x="454898" y="501161"/>
                  </a:cubicBezTo>
                  <a:cubicBezTo>
                    <a:pt x="456522" y="499537"/>
                    <a:pt x="451648" y="497912"/>
                    <a:pt x="451648" y="497912"/>
                  </a:cubicBezTo>
                  <a:cubicBezTo>
                    <a:pt x="451648" y="496287"/>
                    <a:pt x="450024" y="496287"/>
                    <a:pt x="448399" y="491413"/>
                  </a:cubicBezTo>
                  <a:cubicBezTo>
                    <a:pt x="448399" y="491413"/>
                    <a:pt x="448399" y="489788"/>
                    <a:pt x="446775" y="486538"/>
                  </a:cubicBezTo>
                  <a:cubicBezTo>
                    <a:pt x="446775" y="486538"/>
                    <a:pt x="440276" y="486538"/>
                    <a:pt x="440276" y="484913"/>
                  </a:cubicBezTo>
                  <a:cubicBezTo>
                    <a:pt x="440276" y="483289"/>
                    <a:pt x="437027" y="483289"/>
                    <a:pt x="433777" y="476789"/>
                  </a:cubicBezTo>
                  <a:cubicBezTo>
                    <a:pt x="432153" y="475164"/>
                    <a:pt x="435402" y="476789"/>
                    <a:pt x="437027" y="473540"/>
                  </a:cubicBezTo>
                  <a:cubicBezTo>
                    <a:pt x="438651" y="470290"/>
                    <a:pt x="438651" y="471915"/>
                    <a:pt x="438651" y="471915"/>
                  </a:cubicBezTo>
                  <a:cubicBezTo>
                    <a:pt x="438651" y="471915"/>
                    <a:pt x="437027" y="471915"/>
                    <a:pt x="437027" y="470290"/>
                  </a:cubicBezTo>
                  <a:cubicBezTo>
                    <a:pt x="437027" y="467040"/>
                    <a:pt x="433777" y="468665"/>
                    <a:pt x="433777" y="468665"/>
                  </a:cubicBezTo>
                  <a:cubicBezTo>
                    <a:pt x="432153" y="467040"/>
                    <a:pt x="430528" y="467040"/>
                    <a:pt x="427279" y="463791"/>
                  </a:cubicBezTo>
                  <a:cubicBezTo>
                    <a:pt x="427279" y="462166"/>
                    <a:pt x="425654" y="462166"/>
                    <a:pt x="424030" y="460541"/>
                  </a:cubicBezTo>
                  <a:cubicBezTo>
                    <a:pt x="422405" y="460541"/>
                    <a:pt x="422405" y="460541"/>
                    <a:pt x="417531" y="462166"/>
                  </a:cubicBezTo>
                  <a:cubicBezTo>
                    <a:pt x="417531" y="462166"/>
                    <a:pt x="414282" y="462166"/>
                    <a:pt x="412657" y="457292"/>
                  </a:cubicBezTo>
                  <a:cubicBezTo>
                    <a:pt x="412657" y="457292"/>
                    <a:pt x="411033" y="455667"/>
                    <a:pt x="409408" y="457292"/>
                  </a:cubicBezTo>
                  <a:cubicBezTo>
                    <a:pt x="407783" y="457292"/>
                    <a:pt x="402909" y="458916"/>
                    <a:pt x="402909" y="458916"/>
                  </a:cubicBezTo>
                  <a:cubicBezTo>
                    <a:pt x="402909" y="458916"/>
                    <a:pt x="402909" y="458916"/>
                    <a:pt x="398035" y="458916"/>
                  </a:cubicBezTo>
                  <a:cubicBezTo>
                    <a:pt x="398035" y="458916"/>
                    <a:pt x="393162" y="458916"/>
                    <a:pt x="393162" y="457292"/>
                  </a:cubicBezTo>
                  <a:cubicBezTo>
                    <a:pt x="391537" y="457292"/>
                    <a:pt x="393162" y="454042"/>
                    <a:pt x="391537" y="452417"/>
                  </a:cubicBezTo>
                  <a:cubicBezTo>
                    <a:pt x="388288" y="452417"/>
                    <a:pt x="385038" y="449168"/>
                    <a:pt x="385038" y="449168"/>
                  </a:cubicBezTo>
                  <a:cubicBezTo>
                    <a:pt x="385038" y="449168"/>
                    <a:pt x="380164" y="445918"/>
                    <a:pt x="378540" y="445918"/>
                  </a:cubicBezTo>
                  <a:cubicBezTo>
                    <a:pt x="376915" y="444293"/>
                    <a:pt x="372041" y="445918"/>
                    <a:pt x="372041" y="445918"/>
                  </a:cubicBezTo>
                  <a:cubicBezTo>
                    <a:pt x="372041" y="445918"/>
                    <a:pt x="367167" y="447543"/>
                    <a:pt x="365543" y="447543"/>
                  </a:cubicBezTo>
                  <a:cubicBezTo>
                    <a:pt x="365543" y="445918"/>
                    <a:pt x="363918" y="445918"/>
                    <a:pt x="362293" y="447543"/>
                  </a:cubicBezTo>
                  <a:cubicBezTo>
                    <a:pt x="359044" y="447543"/>
                    <a:pt x="357420" y="447543"/>
                    <a:pt x="354170" y="447543"/>
                  </a:cubicBezTo>
                  <a:cubicBezTo>
                    <a:pt x="352546" y="447543"/>
                    <a:pt x="350921" y="447543"/>
                    <a:pt x="349296" y="447543"/>
                  </a:cubicBezTo>
                  <a:cubicBezTo>
                    <a:pt x="349296" y="447543"/>
                    <a:pt x="349296" y="447543"/>
                    <a:pt x="347672" y="447543"/>
                  </a:cubicBezTo>
                  <a:cubicBezTo>
                    <a:pt x="347672" y="447543"/>
                    <a:pt x="346047" y="447543"/>
                    <a:pt x="344422" y="447543"/>
                  </a:cubicBezTo>
                  <a:cubicBezTo>
                    <a:pt x="342798" y="449168"/>
                    <a:pt x="341173" y="449168"/>
                    <a:pt x="339549" y="449168"/>
                  </a:cubicBezTo>
                  <a:cubicBezTo>
                    <a:pt x="337924" y="447543"/>
                    <a:pt x="334675" y="449168"/>
                    <a:pt x="334675" y="449168"/>
                  </a:cubicBezTo>
                  <a:cubicBezTo>
                    <a:pt x="334675" y="449168"/>
                    <a:pt x="329801" y="449168"/>
                    <a:pt x="328176" y="449168"/>
                  </a:cubicBezTo>
                  <a:cubicBezTo>
                    <a:pt x="326551" y="449168"/>
                    <a:pt x="324927" y="449168"/>
                    <a:pt x="323302" y="449168"/>
                  </a:cubicBezTo>
                  <a:cubicBezTo>
                    <a:pt x="321678" y="450792"/>
                    <a:pt x="320053" y="450792"/>
                    <a:pt x="318428" y="452417"/>
                  </a:cubicBezTo>
                  <a:cubicBezTo>
                    <a:pt x="316804" y="454042"/>
                    <a:pt x="313554" y="455667"/>
                    <a:pt x="313554" y="455667"/>
                  </a:cubicBezTo>
                  <a:cubicBezTo>
                    <a:pt x="313554" y="455667"/>
                    <a:pt x="313554" y="455667"/>
                    <a:pt x="310305" y="458916"/>
                  </a:cubicBezTo>
                  <a:cubicBezTo>
                    <a:pt x="310305" y="458916"/>
                    <a:pt x="310305" y="458916"/>
                    <a:pt x="303807" y="458916"/>
                  </a:cubicBezTo>
                  <a:cubicBezTo>
                    <a:pt x="303807" y="458916"/>
                    <a:pt x="297308" y="462166"/>
                    <a:pt x="294059" y="462166"/>
                  </a:cubicBezTo>
                  <a:cubicBezTo>
                    <a:pt x="292434" y="462166"/>
                    <a:pt x="287560" y="462166"/>
                    <a:pt x="287560" y="462166"/>
                  </a:cubicBezTo>
                  <a:cubicBezTo>
                    <a:pt x="287560" y="462166"/>
                    <a:pt x="287560" y="462166"/>
                    <a:pt x="271314" y="462166"/>
                  </a:cubicBezTo>
                  <a:cubicBezTo>
                    <a:pt x="271314" y="462166"/>
                    <a:pt x="266440" y="463791"/>
                    <a:pt x="266440" y="462166"/>
                  </a:cubicBezTo>
                  <a:cubicBezTo>
                    <a:pt x="266440" y="462166"/>
                    <a:pt x="261566" y="463791"/>
                    <a:pt x="261566" y="463791"/>
                  </a:cubicBezTo>
                  <a:cubicBezTo>
                    <a:pt x="261566" y="463791"/>
                    <a:pt x="261566" y="463791"/>
                    <a:pt x="256692" y="468665"/>
                  </a:cubicBezTo>
                  <a:cubicBezTo>
                    <a:pt x="256692" y="468665"/>
                    <a:pt x="250194" y="473540"/>
                    <a:pt x="250194" y="473540"/>
                  </a:cubicBezTo>
                  <a:cubicBezTo>
                    <a:pt x="248569" y="473540"/>
                    <a:pt x="243695" y="475164"/>
                    <a:pt x="242070" y="475164"/>
                  </a:cubicBezTo>
                  <a:cubicBezTo>
                    <a:pt x="240446" y="476789"/>
                    <a:pt x="237197" y="478414"/>
                    <a:pt x="232323" y="483289"/>
                  </a:cubicBezTo>
                  <a:cubicBezTo>
                    <a:pt x="227449" y="488163"/>
                    <a:pt x="229073" y="488163"/>
                    <a:pt x="229073" y="488163"/>
                  </a:cubicBezTo>
                  <a:cubicBezTo>
                    <a:pt x="229073" y="489788"/>
                    <a:pt x="224199" y="493037"/>
                    <a:pt x="224199" y="493037"/>
                  </a:cubicBezTo>
                  <a:cubicBezTo>
                    <a:pt x="224199" y="493037"/>
                    <a:pt x="220950" y="496287"/>
                    <a:pt x="219326" y="497912"/>
                  </a:cubicBezTo>
                  <a:cubicBezTo>
                    <a:pt x="217701" y="497912"/>
                    <a:pt x="214452" y="497912"/>
                    <a:pt x="214452" y="497912"/>
                  </a:cubicBezTo>
                  <a:cubicBezTo>
                    <a:pt x="214452" y="497912"/>
                    <a:pt x="211202" y="499537"/>
                    <a:pt x="211202" y="499537"/>
                  </a:cubicBezTo>
                  <a:cubicBezTo>
                    <a:pt x="209578" y="497912"/>
                    <a:pt x="206328" y="499537"/>
                    <a:pt x="206328" y="499537"/>
                  </a:cubicBezTo>
                  <a:cubicBezTo>
                    <a:pt x="206328" y="499537"/>
                    <a:pt x="206328" y="499537"/>
                    <a:pt x="201455" y="499537"/>
                  </a:cubicBezTo>
                  <a:cubicBezTo>
                    <a:pt x="201455" y="499537"/>
                    <a:pt x="201455" y="499537"/>
                    <a:pt x="194956" y="501161"/>
                  </a:cubicBezTo>
                  <a:cubicBezTo>
                    <a:pt x="194956" y="501161"/>
                    <a:pt x="186833" y="501161"/>
                    <a:pt x="186833" y="499537"/>
                  </a:cubicBezTo>
                  <a:cubicBezTo>
                    <a:pt x="185208" y="497912"/>
                    <a:pt x="185208" y="497912"/>
                    <a:pt x="183584" y="499537"/>
                  </a:cubicBezTo>
                  <a:cubicBezTo>
                    <a:pt x="183584" y="499537"/>
                    <a:pt x="183584" y="499537"/>
                    <a:pt x="181959" y="497912"/>
                  </a:cubicBezTo>
                  <a:cubicBezTo>
                    <a:pt x="181959" y="497912"/>
                    <a:pt x="180334" y="497912"/>
                    <a:pt x="180334" y="497912"/>
                  </a:cubicBezTo>
                  <a:cubicBezTo>
                    <a:pt x="180334" y="497912"/>
                    <a:pt x="175460" y="497912"/>
                    <a:pt x="173836" y="499537"/>
                  </a:cubicBezTo>
                  <a:cubicBezTo>
                    <a:pt x="173836" y="499537"/>
                    <a:pt x="168962" y="499537"/>
                    <a:pt x="168962" y="499537"/>
                  </a:cubicBezTo>
                  <a:cubicBezTo>
                    <a:pt x="168962" y="499537"/>
                    <a:pt x="162463" y="502786"/>
                    <a:pt x="162463" y="501161"/>
                  </a:cubicBezTo>
                  <a:cubicBezTo>
                    <a:pt x="162463" y="501161"/>
                    <a:pt x="157589" y="501161"/>
                    <a:pt x="155965" y="501161"/>
                  </a:cubicBezTo>
                  <a:cubicBezTo>
                    <a:pt x="154340" y="499537"/>
                    <a:pt x="146217" y="502786"/>
                    <a:pt x="146217" y="502786"/>
                  </a:cubicBezTo>
                  <a:cubicBezTo>
                    <a:pt x="146217" y="502786"/>
                    <a:pt x="146217" y="502786"/>
                    <a:pt x="144592" y="504411"/>
                  </a:cubicBezTo>
                  <a:cubicBezTo>
                    <a:pt x="144592" y="504411"/>
                    <a:pt x="144592" y="504411"/>
                    <a:pt x="141343" y="509285"/>
                  </a:cubicBezTo>
                  <a:cubicBezTo>
                    <a:pt x="141343" y="509285"/>
                    <a:pt x="141343" y="509285"/>
                    <a:pt x="131595" y="512535"/>
                  </a:cubicBezTo>
                  <a:cubicBezTo>
                    <a:pt x="131595" y="512535"/>
                    <a:pt x="131595" y="512535"/>
                    <a:pt x="125097" y="515785"/>
                  </a:cubicBezTo>
                  <a:cubicBezTo>
                    <a:pt x="125097" y="515785"/>
                    <a:pt x="125097" y="515785"/>
                    <a:pt x="120223" y="519034"/>
                  </a:cubicBezTo>
                  <a:cubicBezTo>
                    <a:pt x="120223" y="519034"/>
                    <a:pt x="120223" y="519034"/>
                    <a:pt x="116974" y="523909"/>
                  </a:cubicBezTo>
                  <a:cubicBezTo>
                    <a:pt x="116974" y="523909"/>
                    <a:pt x="116974" y="523909"/>
                    <a:pt x="110475" y="525533"/>
                  </a:cubicBezTo>
                  <a:cubicBezTo>
                    <a:pt x="110475" y="525533"/>
                    <a:pt x="102352" y="528783"/>
                    <a:pt x="99103" y="527158"/>
                  </a:cubicBezTo>
                  <a:cubicBezTo>
                    <a:pt x="95853" y="525533"/>
                    <a:pt x="90979" y="527158"/>
                    <a:pt x="90979" y="527158"/>
                  </a:cubicBezTo>
                  <a:cubicBezTo>
                    <a:pt x="90979" y="527158"/>
                    <a:pt x="90979" y="527158"/>
                    <a:pt x="81232" y="527158"/>
                  </a:cubicBezTo>
                  <a:cubicBezTo>
                    <a:pt x="81232" y="527158"/>
                    <a:pt x="76358" y="527158"/>
                    <a:pt x="76358" y="527158"/>
                  </a:cubicBezTo>
                  <a:cubicBezTo>
                    <a:pt x="76358" y="525533"/>
                    <a:pt x="69859" y="525533"/>
                    <a:pt x="69859" y="525533"/>
                  </a:cubicBezTo>
                  <a:cubicBezTo>
                    <a:pt x="69859" y="525533"/>
                    <a:pt x="64985" y="522284"/>
                    <a:pt x="64985" y="520659"/>
                  </a:cubicBezTo>
                  <a:cubicBezTo>
                    <a:pt x="63361" y="519034"/>
                    <a:pt x="61736" y="515785"/>
                    <a:pt x="61736" y="514160"/>
                  </a:cubicBezTo>
                  <a:cubicBezTo>
                    <a:pt x="61736" y="512535"/>
                    <a:pt x="58487" y="512535"/>
                    <a:pt x="58487" y="510910"/>
                  </a:cubicBezTo>
                  <a:cubicBezTo>
                    <a:pt x="58487" y="509285"/>
                    <a:pt x="56862" y="510910"/>
                    <a:pt x="55237" y="509285"/>
                  </a:cubicBezTo>
                  <a:cubicBezTo>
                    <a:pt x="53613" y="507661"/>
                    <a:pt x="50363" y="507661"/>
                    <a:pt x="48739" y="507661"/>
                  </a:cubicBezTo>
                  <a:cubicBezTo>
                    <a:pt x="47114" y="507661"/>
                    <a:pt x="45490" y="507661"/>
                    <a:pt x="43865" y="506036"/>
                  </a:cubicBezTo>
                  <a:cubicBezTo>
                    <a:pt x="43865" y="504411"/>
                    <a:pt x="43865" y="504411"/>
                    <a:pt x="43865" y="504411"/>
                  </a:cubicBezTo>
                  <a:cubicBezTo>
                    <a:pt x="43865" y="504411"/>
                    <a:pt x="45490" y="504411"/>
                    <a:pt x="45490" y="502786"/>
                  </a:cubicBezTo>
                  <a:cubicBezTo>
                    <a:pt x="45490" y="501161"/>
                    <a:pt x="43865" y="499537"/>
                    <a:pt x="43865" y="496287"/>
                  </a:cubicBezTo>
                  <a:cubicBezTo>
                    <a:pt x="45490" y="494662"/>
                    <a:pt x="47114" y="494662"/>
                    <a:pt x="48739" y="493037"/>
                  </a:cubicBezTo>
                  <a:cubicBezTo>
                    <a:pt x="50363" y="493037"/>
                    <a:pt x="51988" y="493037"/>
                    <a:pt x="55237" y="491413"/>
                  </a:cubicBezTo>
                  <a:cubicBezTo>
                    <a:pt x="56862" y="489788"/>
                    <a:pt x="55237" y="491413"/>
                    <a:pt x="56862" y="486538"/>
                  </a:cubicBezTo>
                  <a:cubicBezTo>
                    <a:pt x="56862" y="483289"/>
                    <a:pt x="56862" y="483289"/>
                    <a:pt x="56862" y="481664"/>
                  </a:cubicBezTo>
                  <a:cubicBezTo>
                    <a:pt x="56862" y="478414"/>
                    <a:pt x="56862" y="478414"/>
                    <a:pt x="56862" y="475164"/>
                  </a:cubicBezTo>
                  <a:cubicBezTo>
                    <a:pt x="56862" y="473540"/>
                    <a:pt x="56862" y="473540"/>
                    <a:pt x="56862" y="473540"/>
                  </a:cubicBezTo>
                  <a:cubicBezTo>
                    <a:pt x="56862" y="471915"/>
                    <a:pt x="58487" y="467040"/>
                    <a:pt x="58487" y="467040"/>
                  </a:cubicBezTo>
                  <a:cubicBezTo>
                    <a:pt x="58487" y="467040"/>
                    <a:pt x="56862" y="462166"/>
                    <a:pt x="56862" y="457292"/>
                  </a:cubicBezTo>
                  <a:cubicBezTo>
                    <a:pt x="56862" y="454042"/>
                    <a:pt x="56862" y="454042"/>
                    <a:pt x="56862" y="454042"/>
                  </a:cubicBezTo>
                  <a:cubicBezTo>
                    <a:pt x="56862" y="454042"/>
                    <a:pt x="58487" y="454042"/>
                    <a:pt x="58487" y="452417"/>
                  </a:cubicBezTo>
                  <a:cubicBezTo>
                    <a:pt x="58487" y="449168"/>
                    <a:pt x="58487" y="447543"/>
                    <a:pt x="56862" y="444293"/>
                  </a:cubicBezTo>
                  <a:cubicBezTo>
                    <a:pt x="56862" y="442668"/>
                    <a:pt x="53613" y="439419"/>
                    <a:pt x="51988" y="439419"/>
                  </a:cubicBezTo>
                  <a:cubicBezTo>
                    <a:pt x="51988" y="437794"/>
                    <a:pt x="48739" y="434544"/>
                    <a:pt x="45490" y="431295"/>
                  </a:cubicBezTo>
                  <a:cubicBezTo>
                    <a:pt x="43865" y="428045"/>
                    <a:pt x="43865" y="428045"/>
                    <a:pt x="43865" y="424796"/>
                  </a:cubicBezTo>
                  <a:cubicBezTo>
                    <a:pt x="43865" y="421546"/>
                    <a:pt x="42240" y="421546"/>
                    <a:pt x="42240" y="419921"/>
                  </a:cubicBezTo>
                  <a:cubicBezTo>
                    <a:pt x="42240" y="416672"/>
                    <a:pt x="40616" y="415047"/>
                    <a:pt x="42240" y="413422"/>
                  </a:cubicBezTo>
                  <a:cubicBezTo>
                    <a:pt x="43865" y="411797"/>
                    <a:pt x="42240" y="410172"/>
                    <a:pt x="42240" y="410172"/>
                  </a:cubicBezTo>
                  <a:cubicBezTo>
                    <a:pt x="42240" y="410172"/>
                    <a:pt x="42240" y="405298"/>
                    <a:pt x="42240" y="403673"/>
                  </a:cubicBezTo>
                  <a:cubicBezTo>
                    <a:pt x="43865" y="403673"/>
                    <a:pt x="40616" y="395549"/>
                    <a:pt x="40616" y="393924"/>
                  </a:cubicBezTo>
                  <a:cubicBezTo>
                    <a:pt x="40616" y="390675"/>
                    <a:pt x="37366" y="390675"/>
                    <a:pt x="34117" y="384175"/>
                  </a:cubicBezTo>
                  <a:cubicBezTo>
                    <a:pt x="32492" y="380926"/>
                    <a:pt x="32492" y="380926"/>
                    <a:pt x="32492" y="380926"/>
                  </a:cubicBezTo>
                  <a:cubicBezTo>
                    <a:pt x="32492" y="379301"/>
                    <a:pt x="30868" y="376051"/>
                    <a:pt x="27619" y="372802"/>
                  </a:cubicBezTo>
                  <a:cubicBezTo>
                    <a:pt x="27619" y="372802"/>
                    <a:pt x="25994" y="366303"/>
                    <a:pt x="25994" y="364678"/>
                  </a:cubicBezTo>
                  <a:cubicBezTo>
                    <a:pt x="25994" y="363053"/>
                    <a:pt x="25994" y="356554"/>
                    <a:pt x="25994" y="354929"/>
                  </a:cubicBezTo>
                  <a:cubicBezTo>
                    <a:pt x="25994" y="353304"/>
                    <a:pt x="24369" y="353304"/>
                    <a:pt x="22745" y="350055"/>
                  </a:cubicBezTo>
                  <a:cubicBezTo>
                    <a:pt x="21120" y="346805"/>
                    <a:pt x="21120" y="348430"/>
                    <a:pt x="19495" y="346805"/>
                  </a:cubicBezTo>
                  <a:cubicBezTo>
                    <a:pt x="17871" y="346805"/>
                    <a:pt x="19495" y="340306"/>
                    <a:pt x="17871" y="340306"/>
                  </a:cubicBezTo>
                  <a:cubicBezTo>
                    <a:pt x="14621" y="338681"/>
                    <a:pt x="14621" y="338681"/>
                    <a:pt x="12997" y="337056"/>
                  </a:cubicBezTo>
                  <a:cubicBezTo>
                    <a:pt x="11372" y="335431"/>
                    <a:pt x="9748" y="337056"/>
                    <a:pt x="9748" y="335431"/>
                  </a:cubicBezTo>
                  <a:cubicBezTo>
                    <a:pt x="8123" y="333807"/>
                    <a:pt x="6498" y="332182"/>
                    <a:pt x="6498" y="330557"/>
                  </a:cubicBezTo>
                  <a:cubicBezTo>
                    <a:pt x="6498" y="327307"/>
                    <a:pt x="4874" y="325682"/>
                    <a:pt x="3249" y="325682"/>
                  </a:cubicBezTo>
                  <a:cubicBezTo>
                    <a:pt x="0" y="325682"/>
                    <a:pt x="0" y="315934"/>
                    <a:pt x="0" y="315934"/>
                  </a:cubicBezTo>
                  <a:cubicBezTo>
                    <a:pt x="0" y="315934"/>
                    <a:pt x="1624" y="319183"/>
                    <a:pt x="3249" y="320808"/>
                  </a:cubicBezTo>
                  <a:cubicBezTo>
                    <a:pt x="3249" y="320808"/>
                    <a:pt x="3249" y="320808"/>
                    <a:pt x="3249" y="322433"/>
                  </a:cubicBezTo>
                  <a:cubicBezTo>
                    <a:pt x="4874" y="322433"/>
                    <a:pt x="4874" y="324058"/>
                    <a:pt x="6498" y="325682"/>
                  </a:cubicBezTo>
                  <a:cubicBezTo>
                    <a:pt x="8123" y="327307"/>
                    <a:pt x="8123" y="330557"/>
                    <a:pt x="8123" y="330557"/>
                  </a:cubicBezTo>
                  <a:cubicBezTo>
                    <a:pt x="9748" y="332182"/>
                    <a:pt x="9748" y="333807"/>
                    <a:pt x="14621" y="333807"/>
                  </a:cubicBezTo>
                  <a:cubicBezTo>
                    <a:pt x="17871" y="333807"/>
                    <a:pt x="17871" y="337056"/>
                    <a:pt x="19495" y="337056"/>
                  </a:cubicBezTo>
                  <a:cubicBezTo>
                    <a:pt x="19495" y="338681"/>
                    <a:pt x="21120" y="337056"/>
                    <a:pt x="21120" y="333807"/>
                  </a:cubicBezTo>
                  <a:cubicBezTo>
                    <a:pt x="19495" y="330557"/>
                    <a:pt x="19495" y="332182"/>
                    <a:pt x="19495" y="332182"/>
                  </a:cubicBezTo>
                  <a:cubicBezTo>
                    <a:pt x="17871" y="330557"/>
                    <a:pt x="16246" y="328932"/>
                    <a:pt x="16246" y="325682"/>
                  </a:cubicBezTo>
                  <a:cubicBezTo>
                    <a:pt x="16246" y="324058"/>
                    <a:pt x="11372" y="320808"/>
                    <a:pt x="9748" y="319183"/>
                  </a:cubicBezTo>
                  <a:cubicBezTo>
                    <a:pt x="9748" y="315934"/>
                    <a:pt x="11372" y="320808"/>
                    <a:pt x="14621" y="320808"/>
                  </a:cubicBezTo>
                  <a:cubicBezTo>
                    <a:pt x="19495" y="320808"/>
                    <a:pt x="16246" y="325682"/>
                    <a:pt x="19495" y="325682"/>
                  </a:cubicBezTo>
                  <a:cubicBezTo>
                    <a:pt x="21120" y="324058"/>
                    <a:pt x="24369" y="332182"/>
                    <a:pt x="24369" y="332182"/>
                  </a:cubicBezTo>
                  <a:cubicBezTo>
                    <a:pt x="24369" y="332182"/>
                    <a:pt x="25994" y="330557"/>
                    <a:pt x="25994" y="327307"/>
                  </a:cubicBezTo>
                  <a:cubicBezTo>
                    <a:pt x="25994" y="322433"/>
                    <a:pt x="24369" y="324058"/>
                    <a:pt x="24369" y="322433"/>
                  </a:cubicBezTo>
                  <a:cubicBezTo>
                    <a:pt x="24369" y="320808"/>
                    <a:pt x="25994" y="319183"/>
                    <a:pt x="25994" y="319183"/>
                  </a:cubicBezTo>
                  <a:cubicBezTo>
                    <a:pt x="25994" y="317558"/>
                    <a:pt x="22745" y="315934"/>
                    <a:pt x="22745" y="314309"/>
                  </a:cubicBezTo>
                  <a:cubicBezTo>
                    <a:pt x="22745" y="312684"/>
                    <a:pt x="19495" y="307810"/>
                    <a:pt x="16246" y="301310"/>
                  </a:cubicBezTo>
                  <a:cubicBezTo>
                    <a:pt x="16246" y="298061"/>
                    <a:pt x="14621" y="298061"/>
                    <a:pt x="14621" y="299686"/>
                  </a:cubicBezTo>
                  <a:cubicBezTo>
                    <a:pt x="14621" y="299686"/>
                    <a:pt x="12997" y="299686"/>
                    <a:pt x="12997" y="299686"/>
                  </a:cubicBezTo>
                  <a:cubicBezTo>
                    <a:pt x="12997" y="298061"/>
                    <a:pt x="11372" y="296436"/>
                    <a:pt x="11372" y="291562"/>
                  </a:cubicBezTo>
                  <a:cubicBezTo>
                    <a:pt x="9748" y="286687"/>
                    <a:pt x="9748" y="288312"/>
                    <a:pt x="11372" y="285062"/>
                  </a:cubicBezTo>
                  <a:cubicBezTo>
                    <a:pt x="11372" y="283438"/>
                    <a:pt x="11372" y="281813"/>
                    <a:pt x="12997" y="278563"/>
                  </a:cubicBezTo>
                  <a:cubicBezTo>
                    <a:pt x="14621" y="275314"/>
                    <a:pt x="14621" y="275314"/>
                    <a:pt x="16246" y="273689"/>
                  </a:cubicBezTo>
                  <a:cubicBezTo>
                    <a:pt x="17871" y="272064"/>
                    <a:pt x="16246" y="272064"/>
                    <a:pt x="17871" y="268814"/>
                  </a:cubicBezTo>
                  <a:cubicBezTo>
                    <a:pt x="17871" y="263940"/>
                    <a:pt x="17871" y="263940"/>
                    <a:pt x="17871" y="263940"/>
                  </a:cubicBezTo>
                  <a:cubicBezTo>
                    <a:pt x="19495" y="262315"/>
                    <a:pt x="17871" y="257441"/>
                    <a:pt x="17871" y="255816"/>
                  </a:cubicBezTo>
                  <a:cubicBezTo>
                    <a:pt x="17871" y="254191"/>
                    <a:pt x="16246" y="254191"/>
                    <a:pt x="17871" y="250942"/>
                  </a:cubicBezTo>
                  <a:cubicBezTo>
                    <a:pt x="19495" y="249317"/>
                    <a:pt x="19495" y="249317"/>
                    <a:pt x="19495" y="246067"/>
                  </a:cubicBezTo>
                  <a:cubicBezTo>
                    <a:pt x="21120" y="242817"/>
                    <a:pt x="21120" y="239568"/>
                    <a:pt x="22745" y="236318"/>
                  </a:cubicBezTo>
                  <a:cubicBezTo>
                    <a:pt x="24369" y="234693"/>
                    <a:pt x="25994" y="236318"/>
                    <a:pt x="25994" y="236318"/>
                  </a:cubicBezTo>
                  <a:cubicBezTo>
                    <a:pt x="25994" y="236318"/>
                    <a:pt x="25994" y="237943"/>
                    <a:pt x="25994" y="239568"/>
                  </a:cubicBezTo>
                  <a:cubicBezTo>
                    <a:pt x="25994" y="241193"/>
                    <a:pt x="25994" y="242817"/>
                    <a:pt x="24369" y="244442"/>
                  </a:cubicBezTo>
                  <a:cubicBezTo>
                    <a:pt x="22745" y="244442"/>
                    <a:pt x="25994" y="246067"/>
                    <a:pt x="25994" y="246067"/>
                  </a:cubicBezTo>
                  <a:cubicBezTo>
                    <a:pt x="25994" y="246067"/>
                    <a:pt x="29243" y="250942"/>
                    <a:pt x="30868" y="247692"/>
                  </a:cubicBezTo>
                  <a:cubicBezTo>
                    <a:pt x="32492" y="246067"/>
                    <a:pt x="32492" y="244442"/>
                    <a:pt x="32492" y="242817"/>
                  </a:cubicBezTo>
                  <a:cubicBezTo>
                    <a:pt x="32492" y="242817"/>
                    <a:pt x="40616" y="237943"/>
                    <a:pt x="40616" y="234693"/>
                  </a:cubicBezTo>
                  <a:cubicBezTo>
                    <a:pt x="38991" y="233069"/>
                    <a:pt x="42240" y="231444"/>
                    <a:pt x="42240" y="231444"/>
                  </a:cubicBezTo>
                  <a:cubicBezTo>
                    <a:pt x="42240" y="231444"/>
                    <a:pt x="47114" y="233069"/>
                    <a:pt x="48739" y="233069"/>
                  </a:cubicBezTo>
                  <a:cubicBezTo>
                    <a:pt x="50363" y="231444"/>
                    <a:pt x="50363" y="229819"/>
                    <a:pt x="50363" y="228194"/>
                  </a:cubicBezTo>
                  <a:cubicBezTo>
                    <a:pt x="51988" y="228194"/>
                    <a:pt x="55237" y="226569"/>
                    <a:pt x="55237" y="226569"/>
                  </a:cubicBezTo>
                  <a:cubicBezTo>
                    <a:pt x="55237" y="226569"/>
                    <a:pt x="61736" y="223320"/>
                    <a:pt x="63361" y="221695"/>
                  </a:cubicBezTo>
                  <a:cubicBezTo>
                    <a:pt x="66610" y="218445"/>
                    <a:pt x="64985" y="221695"/>
                    <a:pt x="66610" y="216821"/>
                  </a:cubicBezTo>
                  <a:cubicBezTo>
                    <a:pt x="68234" y="213571"/>
                    <a:pt x="68234" y="216821"/>
                    <a:pt x="73108" y="211946"/>
                  </a:cubicBezTo>
                  <a:cubicBezTo>
                    <a:pt x="74733" y="211946"/>
                    <a:pt x="76358" y="211946"/>
                    <a:pt x="77982" y="210321"/>
                  </a:cubicBezTo>
                  <a:cubicBezTo>
                    <a:pt x="77982" y="208697"/>
                    <a:pt x="81232" y="210321"/>
                    <a:pt x="84481" y="208697"/>
                  </a:cubicBezTo>
                  <a:cubicBezTo>
                    <a:pt x="86105" y="208697"/>
                    <a:pt x="97478" y="208697"/>
                    <a:pt x="97478" y="208697"/>
                  </a:cubicBezTo>
                  <a:cubicBezTo>
                    <a:pt x="97478" y="208697"/>
                    <a:pt x="99103" y="210321"/>
                    <a:pt x="99103" y="210321"/>
                  </a:cubicBezTo>
                  <a:cubicBezTo>
                    <a:pt x="100727" y="208697"/>
                    <a:pt x="105601" y="207072"/>
                    <a:pt x="105601" y="207072"/>
                  </a:cubicBezTo>
                  <a:cubicBezTo>
                    <a:pt x="107226" y="205447"/>
                    <a:pt x="110475" y="203822"/>
                    <a:pt x="110475" y="203822"/>
                  </a:cubicBezTo>
                  <a:cubicBezTo>
                    <a:pt x="110475" y="203822"/>
                    <a:pt x="115349" y="202197"/>
                    <a:pt x="116974" y="200573"/>
                  </a:cubicBezTo>
                  <a:cubicBezTo>
                    <a:pt x="118598" y="198948"/>
                    <a:pt x="118598" y="198948"/>
                    <a:pt x="121847" y="198948"/>
                  </a:cubicBezTo>
                  <a:cubicBezTo>
                    <a:pt x="123472" y="197323"/>
                    <a:pt x="125097" y="195698"/>
                    <a:pt x="126721" y="195698"/>
                  </a:cubicBezTo>
                  <a:cubicBezTo>
                    <a:pt x="128346" y="195698"/>
                    <a:pt x="128346" y="197323"/>
                    <a:pt x="129971" y="197323"/>
                  </a:cubicBezTo>
                  <a:cubicBezTo>
                    <a:pt x="129971" y="198948"/>
                    <a:pt x="129971" y="198948"/>
                    <a:pt x="129971" y="198948"/>
                  </a:cubicBezTo>
                  <a:cubicBezTo>
                    <a:pt x="131595" y="197323"/>
                    <a:pt x="134845" y="198948"/>
                    <a:pt x="134845" y="198948"/>
                  </a:cubicBezTo>
                  <a:cubicBezTo>
                    <a:pt x="134845" y="198948"/>
                    <a:pt x="138094" y="197323"/>
                    <a:pt x="139718" y="195698"/>
                  </a:cubicBezTo>
                  <a:cubicBezTo>
                    <a:pt x="141343" y="194073"/>
                    <a:pt x="141343" y="195698"/>
                    <a:pt x="142968" y="194073"/>
                  </a:cubicBezTo>
                  <a:cubicBezTo>
                    <a:pt x="146217" y="192449"/>
                    <a:pt x="146217" y="192449"/>
                    <a:pt x="151091" y="192449"/>
                  </a:cubicBezTo>
                  <a:cubicBezTo>
                    <a:pt x="155965" y="190824"/>
                    <a:pt x="157589" y="190824"/>
                    <a:pt x="157589" y="190824"/>
                  </a:cubicBezTo>
                  <a:cubicBezTo>
                    <a:pt x="157589" y="190824"/>
                    <a:pt x="162463" y="187574"/>
                    <a:pt x="167337" y="185949"/>
                  </a:cubicBezTo>
                  <a:cubicBezTo>
                    <a:pt x="167337" y="185949"/>
                    <a:pt x="170586" y="182700"/>
                    <a:pt x="172211" y="181075"/>
                  </a:cubicBezTo>
                  <a:cubicBezTo>
                    <a:pt x="173836" y="179450"/>
                    <a:pt x="173836" y="179450"/>
                    <a:pt x="175460" y="177825"/>
                  </a:cubicBezTo>
                  <a:cubicBezTo>
                    <a:pt x="177085" y="176201"/>
                    <a:pt x="180334" y="172951"/>
                    <a:pt x="181959" y="168077"/>
                  </a:cubicBezTo>
                  <a:cubicBezTo>
                    <a:pt x="185208" y="164827"/>
                    <a:pt x="181959" y="164827"/>
                    <a:pt x="181959" y="164827"/>
                  </a:cubicBezTo>
                  <a:cubicBezTo>
                    <a:pt x="181959" y="164827"/>
                    <a:pt x="186833" y="161577"/>
                    <a:pt x="188457" y="159952"/>
                  </a:cubicBezTo>
                  <a:cubicBezTo>
                    <a:pt x="190082" y="159952"/>
                    <a:pt x="191707" y="159952"/>
                    <a:pt x="190082" y="155078"/>
                  </a:cubicBezTo>
                  <a:cubicBezTo>
                    <a:pt x="190082" y="153453"/>
                    <a:pt x="191707" y="148579"/>
                    <a:pt x="191707" y="146954"/>
                  </a:cubicBezTo>
                  <a:cubicBezTo>
                    <a:pt x="191707" y="143704"/>
                    <a:pt x="190082" y="143704"/>
                    <a:pt x="188457" y="142080"/>
                  </a:cubicBezTo>
                  <a:cubicBezTo>
                    <a:pt x="188457" y="142080"/>
                    <a:pt x="188457" y="140455"/>
                    <a:pt x="188457" y="138830"/>
                  </a:cubicBezTo>
                  <a:cubicBezTo>
                    <a:pt x="190082" y="138830"/>
                    <a:pt x="196581" y="133956"/>
                    <a:pt x="198205" y="129081"/>
                  </a:cubicBezTo>
                  <a:cubicBezTo>
                    <a:pt x="199830" y="124207"/>
                    <a:pt x="203079" y="124207"/>
                    <a:pt x="203079" y="122582"/>
                  </a:cubicBezTo>
                  <a:cubicBezTo>
                    <a:pt x="203079" y="122582"/>
                    <a:pt x="206328" y="124207"/>
                    <a:pt x="206328" y="124207"/>
                  </a:cubicBezTo>
                  <a:cubicBezTo>
                    <a:pt x="206328" y="124207"/>
                    <a:pt x="206328" y="124207"/>
                    <a:pt x="212827" y="130706"/>
                  </a:cubicBezTo>
                  <a:cubicBezTo>
                    <a:pt x="212827" y="130706"/>
                    <a:pt x="212827" y="130706"/>
                    <a:pt x="216076" y="143704"/>
                  </a:cubicBezTo>
                  <a:cubicBezTo>
                    <a:pt x="216076" y="143704"/>
                    <a:pt x="216076" y="143704"/>
                    <a:pt x="219326" y="137205"/>
                  </a:cubicBezTo>
                  <a:cubicBezTo>
                    <a:pt x="219326" y="137205"/>
                    <a:pt x="219326" y="137205"/>
                    <a:pt x="225824" y="127456"/>
                  </a:cubicBezTo>
                  <a:cubicBezTo>
                    <a:pt x="225824" y="124207"/>
                    <a:pt x="219326" y="120957"/>
                    <a:pt x="219326" y="120957"/>
                  </a:cubicBezTo>
                  <a:cubicBezTo>
                    <a:pt x="219326" y="120957"/>
                    <a:pt x="219326" y="120957"/>
                    <a:pt x="220950" y="112833"/>
                  </a:cubicBezTo>
                  <a:cubicBezTo>
                    <a:pt x="220950" y="112833"/>
                    <a:pt x="220950" y="112833"/>
                    <a:pt x="230698" y="117708"/>
                  </a:cubicBezTo>
                  <a:cubicBezTo>
                    <a:pt x="230698" y="117708"/>
                    <a:pt x="230698" y="117708"/>
                    <a:pt x="238821" y="116083"/>
                  </a:cubicBezTo>
                  <a:cubicBezTo>
                    <a:pt x="237197" y="112833"/>
                    <a:pt x="235572" y="107959"/>
                    <a:pt x="235572" y="107959"/>
                  </a:cubicBezTo>
                  <a:cubicBezTo>
                    <a:pt x="235572" y="106334"/>
                    <a:pt x="237197" y="101460"/>
                    <a:pt x="237197" y="101460"/>
                  </a:cubicBezTo>
                  <a:cubicBezTo>
                    <a:pt x="238821" y="98210"/>
                    <a:pt x="246944" y="98210"/>
                    <a:pt x="246944" y="98210"/>
                  </a:cubicBezTo>
                  <a:cubicBezTo>
                    <a:pt x="246944" y="98210"/>
                    <a:pt x="246944" y="98210"/>
                    <a:pt x="246944" y="88461"/>
                  </a:cubicBezTo>
                  <a:cubicBezTo>
                    <a:pt x="246944" y="88461"/>
                    <a:pt x="246944" y="85211"/>
                    <a:pt x="253443" y="80337"/>
                  </a:cubicBezTo>
                  <a:cubicBezTo>
                    <a:pt x="255068" y="80337"/>
                    <a:pt x="256692" y="81962"/>
                    <a:pt x="263191" y="81962"/>
                  </a:cubicBezTo>
                  <a:cubicBezTo>
                    <a:pt x="263191" y="81962"/>
                    <a:pt x="268065" y="78712"/>
                    <a:pt x="271314" y="72213"/>
                  </a:cubicBezTo>
                  <a:cubicBezTo>
                    <a:pt x="272939" y="68963"/>
                    <a:pt x="277812" y="70588"/>
                    <a:pt x="277812" y="70588"/>
                  </a:cubicBezTo>
                  <a:cubicBezTo>
                    <a:pt x="279437" y="67339"/>
                    <a:pt x="284311" y="65714"/>
                    <a:pt x="284311" y="65714"/>
                  </a:cubicBezTo>
                  <a:cubicBezTo>
                    <a:pt x="284311" y="65714"/>
                    <a:pt x="287560" y="67339"/>
                    <a:pt x="292434" y="72213"/>
                  </a:cubicBezTo>
                  <a:cubicBezTo>
                    <a:pt x="298933" y="75463"/>
                    <a:pt x="292434" y="72213"/>
                    <a:pt x="297308" y="72213"/>
                  </a:cubicBezTo>
                  <a:cubicBezTo>
                    <a:pt x="302182" y="72213"/>
                    <a:pt x="302182" y="75463"/>
                    <a:pt x="308681" y="81962"/>
                  </a:cubicBezTo>
                  <a:cubicBezTo>
                    <a:pt x="308681" y="81962"/>
                    <a:pt x="310305" y="85211"/>
                    <a:pt x="310305" y="91711"/>
                  </a:cubicBezTo>
                  <a:cubicBezTo>
                    <a:pt x="310305" y="91711"/>
                    <a:pt x="310305" y="91711"/>
                    <a:pt x="310305" y="98210"/>
                  </a:cubicBezTo>
                  <a:cubicBezTo>
                    <a:pt x="310305" y="98210"/>
                    <a:pt x="313554" y="98210"/>
                    <a:pt x="318428" y="88461"/>
                  </a:cubicBezTo>
                  <a:cubicBezTo>
                    <a:pt x="318428" y="88461"/>
                    <a:pt x="324927" y="88461"/>
                    <a:pt x="326551" y="86836"/>
                  </a:cubicBezTo>
                  <a:cubicBezTo>
                    <a:pt x="329801" y="85211"/>
                    <a:pt x="334675" y="90086"/>
                    <a:pt x="334675" y="90086"/>
                  </a:cubicBezTo>
                  <a:cubicBezTo>
                    <a:pt x="336299" y="93336"/>
                    <a:pt x="337924" y="93336"/>
                    <a:pt x="344422" y="90086"/>
                  </a:cubicBezTo>
                  <a:cubicBezTo>
                    <a:pt x="344422" y="90086"/>
                    <a:pt x="342798" y="85211"/>
                    <a:pt x="341173" y="83587"/>
                  </a:cubicBezTo>
                  <a:cubicBezTo>
                    <a:pt x="339549" y="81962"/>
                    <a:pt x="339549" y="80337"/>
                    <a:pt x="339549" y="77087"/>
                  </a:cubicBezTo>
                  <a:cubicBezTo>
                    <a:pt x="339549" y="73838"/>
                    <a:pt x="339549" y="77087"/>
                    <a:pt x="339549" y="68963"/>
                  </a:cubicBezTo>
                  <a:cubicBezTo>
                    <a:pt x="339549" y="65714"/>
                    <a:pt x="341173" y="65714"/>
                    <a:pt x="344422" y="62464"/>
                  </a:cubicBezTo>
                  <a:cubicBezTo>
                    <a:pt x="347672" y="59215"/>
                    <a:pt x="350921" y="62464"/>
                    <a:pt x="350921" y="59215"/>
                  </a:cubicBezTo>
                  <a:cubicBezTo>
                    <a:pt x="350921" y="57590"/>
                    <a:pt x="354170" y="51091"/>
                    <a:pt x="354170" y="51091"/>
                  </a:cubicBezTo>
                  <a:cubicBezTo>
                    <a:pt x="352546" y="51091"/>
                    <a:pt x="352546" y="47841"/>
                    <a:pt x="352546" y="46216"/>
                  </a:cubicBezTo>
                  <a:cubicBezTo>
                    <a:pt x="352546" y="44591"/>
                    <a:pt x="352546" y="44591"/>
                    <a:pt x="352546" y="44591"/>
                  </a:cubicBezTo>
                  <a:cubicBezTo>
                    <a:pt x="352546" y="44591"/>
                    <a:pt x="354170" y="44591"/>
                    <a:pt x="354170" y="44591"/>
                  </a:cubicBezTo>
                  <a:cubicBezTo>
                    <a:pt x="355795" y="41342"/>
                    <a:pt x="357420" y="42967"/>
                    <a:pt x="359044" y="41342"/>
                  </a:cubicBezTo>
                  <a:cubicBezTo>
                    <a:pt x="359044" y="39717"/>
                    <a:pt x="360669" y="39717"/>
                    <a:pt x="360669" y="39717"/>
                  </a:cubicBezTo>
                  <a:cubicBezTo>
                    <a:pt x="362293" y="38092"/>
                    <a:pt x="367167" y="38092"/>
                    <a:pt x="367167" y="38092"/>
                  </a:cubicBezTo>
                  <a:cubicBezTo>
                    <a:pt x="368792" y="38092"/>
                    <a:pt x="368792" y="34843"/>
                    <a:pt x="370417" y="33218"/>
                  </a:cubicBezTo>
                  <a:cubicBezTo>
                    <a:pt x="372041" y="31593"/>
                    <a:pt x="378540" y="29968"/>
                    <a:pt x="378540" y="29968"/>
                  </a:cubicBezTo>
                  <a:cubicBezTo>
                    <a:pt x="378540" y="29968"/>
                    <a:pt x="381789" y="34843"/>
                    <a:pt x="385038" y="34843"/>
                  </a:cubicBezTo>
                  <a:cubicBezTo>
                    <a:pt x="385038" y="34843"/>
                    <a:pt x="388288" y="33218"/>
                    <a:pt x="388288" y="31593"/>
                  </a:cubicBezTo>
                  <a:cubicBezTo>
                    <a:pt x="389912" y="28343"/>
                    <a:pt x="389912" y="29968"/>
                    <a:pt x="391537" y="28343"/>
                  </a:cubicBezTo>
                  <a:cubicBezTo>
                    <a:pt x="393162" y="28343"/>
                    <a:pt x="396411" y="29968"/>
                    <a:pt x="396411" y="29968"/>
                  </a:cubicBezTo>
                  <a:cubicBezTo>
                    <a:pt x="396411" y="29968"/>
                    <a:pt x="396411" y="29968"/>
                    <a:pt x="399660" y="29968"/>
                  </a:cubicBezTo>
                  <a:cubicBezTo>
                    <a:pt x="399660" y="29968"/>
                    <a:pt x="401285" y="26719"/>
                    <a:pt x="401285" y="25094"/>
                  </a:cubicBezTo>
                  <a:cubicBezTo>
                    <a:pt x="402909" y="23469"/>
                    <a:pt x="401285" y="21844"/>
                    <a:pt x="401285" y="20219"/>
                  </a:cubicBezTo>
                  <a:cubicBezTo>
                    <a:pt x="401285" y="18595"/>
                    <a:pt x="398035" y="18595"/>
                    <a:pt x="398035" y="16970"/>
                  </a:cubicBezTo>
                  <a:cubicBezTo>
                    <a:pt x="396411" y="16970"/>
                    <a:pt x="394786" y="16970"/>
                    <a:pt x="394786" y="16970"/>
                  </a:cubicBezTo>
                  <a:cubicBezTo>
                    <a:pt x="393162" y="16970"/>
                    <a:pt x="393162" y="16970"/>
                    <a:pt x="391537" y="16970"/>
                  </a:cubicBezTo>
                  <a:cubicBezTo>
                    <a:pt x="388288" y="16970"/>
                    <a:pt x="388288" y="13720"/>
                    <a:pt x="386663" y="12095"/>
                  </a:cubicBezTo>
                  <a:cubicBezTo>
                    <a:pt x="386663" y="12095"/>
                    <a:pt x="386663" y="12095"/>
                    <a:pt x="388288" y="8846"/>
                  </a:cubicBezTo>
                  <a:cubicBezTo>
                    <a:pt x="389912" y="7221"/>
                    <a:pt x="389912" y="7221"/>
                    <a:pt x="391537" y="7221"/>
                  </a:cubicBezTo>
                  <a:cubicBezTo>
                    <a:pt x="391537" y="7221"/>
                    <a:pt x="393162" y="8846"/>
                    <a:pt x="394786" y="7221"/>
                  </a:cubicBezTo>
                  <a:cubicBezTo>
                    <a:pt x="396411" y="5596"/>
                    <a:pt x="396411" y="5596"/>
                    <a:pt x="398035" y="7221"/>
                  </a:cubicBezTo>
                  <a:cubicBezTo>
                    <a:pt x="398035" y="7221"/>
                    <a:pt x="398035" y="7221"/>
                    <a:pt x="399660" y="7221"/>
                  </a:cubicBezTo>
                  <a:cubicBezTo>
                    <a:pt x="401285" y="7221"/>
                    <a:pt x="401285" y="8846"/>
                    <a:pt x="401285" y="10471"/>
                  </a:cubicBezTo>
                  <a:cubicBezTo>
                    <a:pt x="402909" y="10471"/>
                    <a:pt x="404534" y="13720"/>
                    <a:pt x="406159" y="13720"/>
                  </a:cubicBezTo>
                  <a:cubicBezTo>
                    <a:pt x="406159" y="13720"/>
                    <a:pt x="407783" y="13720"/>
                    <a:pt x="411033" y="12095"/>
                  </a:cubicBezTo>
                  <a:cubicBezTo>
                    <a:pt x="412657" y="12095"/>
                    <a:pt x="411033" y="16970"/>
                    <a:pt x="412657" y="16970"/>
                  </a:cubicBezTo>
                  <a:cubicBezTo>
                    <a:pt x="414282" y="16970"/>
                    <a:pt x="414282" y="18595"/>
                    <a:pt x="415906" y="18595"/>
                  </a:cubicBezTo>
                  <a:cubicBezTo>
                    <a:pt x="417531" y="20219"/>
                    <a:pt x="415906" y="20219"/>
                    <a:pt x="419156" y="20219"/>
                  </a:cubicBezTo>
                  <a:cubicBezTo>
                    <a:pt x="420780" y="20219"/>
                    <a:pt x="422405" y="20219"/>
                    <a:pt x="422405" y="20219"/>
                  </a:cubicBezTo>
                  <a:cubicBezTo>
                    <a:pt x="424030" y="21844"/>
                    <a:pt x="424030" y="21844"/>
                    <a:pt x="425654" y="20219"/>
                  </a:cubicBezTo>
                  <a:cubicBezTo>
                    <a:pt x="427279" y="20219"/>
                    <a:pt x="425654" y="21844"/>
                    <a:pt x="430528" y="23469"/>
                  </a:cubicBezTo>
                  <a:cubicBezTo>
                    <a:pt x="432153" y="25094"/>
                    <a:pt x="435402" y="26719"/>
                    <a:pt x="440276" y="28343"/>
                  </a:cubicBezTo>
                  <a:cubicBezTo>
                    <a:pt x="440276" y="29968"/>
                    <a:pt x="438651" y="26719"/>
                    <a:pt x="441901" y="25094"/>
                  </a:cubicBezTo>
                  <a:cubicBezTo>
                    <a:pt x="441901" y="25094"/>
                    <a:pt x="441901" y="25094"/>
                    <a:pt x="443525" y="25094"/>
                  </a:cubicBezTo>
                  <a:cubicBezTo>
                    <a:pt x="443525" y="26719"/>
                    <a:pt x="443525" y="26719"/>
                    <a:pt x="445150" y="26719"/>
                  </a:cubicBezTo>
                  <a:cubicBezTo>
                    <a:pt x="446775" y="25094"/>
                    <a:pt x="446775" y="26719"/>
                    <a:pt x="450024" y="26719"/>
                  </a:cubicBezTo>
                  <a:cubicBezTo>
                    <a:pt x="451648" y="26719"/>
                    <a:pt x="451648" y="28343"/>
                    <a:pt x="454898" y="31593"/>
                  </a:cubicBezTo>
                  <a:cubicBezTo>
                    <a:pt x="456522" y="31593"/>
                    <a:pt x="458147" y="29968"/>
                    <a:pt x="459772" y="29968"/>
                  </a:cubicBezTo>
                  <a:cubicBezTo>
                    <a:pt x="461396" y="28343"/>
                    <a:pt x="463021" y="28343"/>
                    <a:pt x="464646" y="26719"/>
                  </a:cubicBezTo>
                  <a:cubicBezTo>
                    <a:pt x="466270" y="25094"/>
                    <a:pt x="466270" y="25094"/>
                    <a:pt x="467895" y="23469"/>
                  </a:cubicBezTo>
                  <a:cubicBezTo>
                    <a:pt x="469519" y="21844"/>
                    <a:pt x="467895" y="23469"/>
                    <a:pt x="469519" y="29968"/>
                  </a:cubicBezTo>
                  <a:cubicBezTo>
                    <a:pt x="472769" y="31593"/>
                    <a:pt x="469519" y="29968"/>
                    <a:pt x="472769" y="31593"/>
                  </a:cubicBezTo>
                  <a:cubicBezTo>
                    <a:pt x="474393" y="33218"/>
                    <a:pt x="474393" y="34843"/>
                    <a:pt x="477643" y="33218"/>
                  </a:cubicBezTo>
                  <a:cubicBezTo>
                    <a:pt x="480892" y="33218"/>
                    <a:pt x="477643" y="33218"/>
                    <a:pt x="479267" y="31593"/>
                  </a:cubicBezTo>
                  <a:cubicBezTo>
                    <a:pt x="479267" y="28343"/>
                    <a:pt x="479267" y="28343"/>
                    <a:pt x="480892" y="25094"/>
                  </a:cubicBezTo>
                  <a:cubicBezTo>
                    <a:pt x="482517" y="20219"/>
                    <a:pt x="482517" y="26719"/>
                    <a:pt x="485766" y="28343"/>
                  </a:cubicBezTo>
                  <a:cubicBezTo>
                    <a:pt x="485766" y="29968"/>
                    <a:pt x="487390" y="31593"/>
                    <a:pt x="490640" y="36467"/>
                  </a:cubicBezTo>
                  <a:cubicBezTo>
                    <a:pt x="490640" y="36467"/>
                    <a:pt x="489015" y="34843"/>
                    <a:pt x="487390" y="41342"/>
                  </a:cubicBezTo>
                  <a:cubicBezTo>
                    <a:pt x="485766" y="46216"/>
                    <a:pt x="485766" y="44591"/>
                    <a:pt x="484141" y="44591"/>
                  </a:cubicBezTo>
                  <a:cubicBezTo>
                    <a:pt x="482517" y="47841"/>
                    <a:pt x="482517" y="47841"/>
                    <a:pt x="484141" y="51091"/>
                  </a:cubicBezTo>
                  <a:cubicBezTo>
                    <a:pt x="485766" y="52715"/>
                    <a:pt x="484141" y="51091"/>
                    <a:pt x="484141" y="54340"/>
                  </a:cubicBezTo>
                  <a:cubicBezTo>
                    <a:pt x="482517" y="55965"/>
                    <a:pt x="482517" y="55965"/>
                    <a:pt x="480892" y="55965"/>
                  </a:cubicBezTo>
                  <a:cubicBezTo>
                    <a:pt x="480892" y="55965"/>
                    <a:pt x="480892" y="54340"/>
                    <a:pt x="479267" y="54340"/>
                  </a:cubicBezTo>
                  <a:cubicBezTo>
                    <a:pt x="477643" y="55965"/>
                    <a:pt x="479267" y="54340"/>
                    <a:pt x="471144" y="54340"/>
                  </a:cubicBezTo>
                  <a:cubicBezTo>
                    <a:pt x="469519" y="54340"/>
                    <a:pt x="469519" y="55965"/>
                    <a:pt x="469519" y="59215"/>
                  </a:cubicBezTo>
                  <a:cubicBezTo>
                    <a:pt x="469519" y="60839"/>
                    <a:pt x="472769" y="59215"/>
                    <a:pt x="477643" y="60839"/>
                  </a:cubicBezTo>
                  <a:cubicBezTo>
                    <a:pt x="477643" y="60839"/>
                    <a:pt x="471144" y="62464"/>
                    <a:pt x="472769" y="64089"/>
                  </a:cubicBezTo>
                  <a:cubicBezTo>
                    <a:pt x="474393" y="64089"/>
                    <a:pt x="471144" y="65714"/>
                    <a:pt x="471144" y="67339"/>
                  </a:cubicBezTo>
                  <a:cubicBezTo>
                    <a:pt x="471144" y="68963"/>
                    <a:pt x="469519" y="72213"/>
                    <a:pt x="469519" y="72213"/>
                  </a:cubicBezTo>
                  <a:cubicBezTo>
                    <a:pt x="469519" y="72213"/>
                    <a:pt x="467895" y="75463"/>
                    <a:pt x="467895" y="75463"/>
                  </a:cubicBezTo>
                  <a:cubicBezTo>
                    <a:pt x="466270" y="75463"/>
                    <a:pt x="464646" y="77087"/>
                    <a:pt x="461396" y="81962"/>
                  </a:cubicBezTo>
                  <a:cubicBezTo>
                    <a:pt x="461396" y="81962"/>
                    <a:pt x="461396" y="81962"/>
                    <a:pt x="459772" y="85211"/>
                  </a:cubicBezTo>
                  <a:cubicBezTo>
                    <a:pt x="459772" y="85211"/>
                    <a:pt x="459772" y="85211"/>
                    <a:pt x="463021" y="90086"/>
                  </a:cubicBezTo>
                  <a:cubicBezTo>
                    <a:pt x="464646" y="90086"/>
                    <a:pt x="467895" y="91711"/>
                    <a:pt x="471144" y="94960"/>
                  </a:cubicBezTo>
                  <a:cubicBezTo>
                    <a:pt x="472769" y="94960"/>
                    <a:pt x="474393" y="96585"/>
                    <a:pt x="476018" y="98210"/>
                  </a:cubicBezTo>
                  <a:cubicBezTo>
                    <a:pt x="477643" y="99835"/>
                    <a:pt x="476018" y="99835"/>
                    <a:pt x="477643" y="101460"/>
                  </a:cubicBezTo>
                  <a:cubicBezTo>
                    <a:pt x="479267" y="103084"/>
                    <a:pt x="477643" y="104709"/>
                    <a:pt x="480892" y="104709"/>
                  </a:cubicBezTo>
                  <a:cubicBezTo>
                    <a:pt x="482517" y="104709"/>
                    <a:pt x="482517" y="107959"/>
                    <a:pt x="484141" y="107959"/>
                  </a:cubicBezTo>
                  <a:cubicBezTo>
                    <a:pt x="485766" y="107959"/>
                    <a:pt x="487390" y="109584"/>
                    <a:pt x="489015" y="107959"/>
                  </a:cubicBezTo>
                  <a:cubicBezTo>
                    <a:pt x="490640" y="107959"/>
                    <a:pt x="490640" y="106334"/>
                    <a:pt x="493889" y="106334"/>
                  </a:cubicBezTo>
                  <a:cubicBezTo>
                    <a:pt x="495514" y="107959"/>
                    <a:pt x="493889" y="106334"/>
                    <a:pt x="495514" y="106334"/>
                  </a:cubicBezTo>
                  <a:cubicBezTo>
                    <a:pt x="498763" y="106334"/>
                    <a:pt x="497138" y="111208"/>
                    <a:pt x="500387" y="112833"/>
                  </a:cubicBezTo>
                  <a:cubicBezTo>
                    <a:pt x="502012" y="114458"/>
                    <a:pt x="502012" y="114458"/>
                    <a:pt x="506886" y="119332"/>
                  </a:cubicBezTo>
                  <a:cubicBezTo>
                    <a:pt x="508511" y="120957"/>
                    <a:pt x="506886" y="119332"/>
                    <a:pt x="510135" y="120957"/>
                  </a:cubicBezTo>
                  <a:cubicBezTo>
                    <a:pt x="511760" y="122582"/>
                    <a:pt x="513385" y="122582"/>
                    <a:pt x="515009" y="124207"/>
                  </a:cubicBezTo>
                  <a:cubicBezTo>
                    <a:pt x="516634" y="124207"/>
                    <a:pt x="515009" y="125832"/>
                    <a:pt x="518258" y="125832"/>
                  </a:cubicBezTo>
                  <a:cubicBezTo>
                    <a:pt x="519883" y="124207"/>
                    <a:pt x="519883" y="125832"/>
                    <a:pt x="521508" y="125832"/>
                  </a:cubicBezTo>
                  <a:cubicBezTo>
                    <a:pt x="521508" y="125832"/>
                    <a:pt x="523132" y="127456"/>
                    <a:pt x="523132" y="125832"/>
                  </a:cubicBezTo>
                  <a:cubicBezTo>
                    <a:pt x="523132" y="125832"/>
                    <a:pt x="524757" y="125832"/>
                    <a:pt x="524757" y="127456"/>
                  </a:cubicBezTo>
                  <a:cubicBezTo>
                    <a:pt x="526382" y="127456"/>
                    <a:pt x="526382" y="127456"/>
                    <a:pt x="528006" y="127456"/>
                  </a:cubicBezTo>
                  <a:cubicBezTo>
                    <a:pt x="529631" y="127456"/>
                    <a:pt x="531256" y="129081"/>
                    <a:pt x="531256" y="129081"/>
                  </a:cubicBezTo>
                  <a:cubicBezTo>
                    <a:pt x="531256" y="129081"/>
                    <a:pt x="532880" y="130706"/>
                    <a:pt x="532880" y="132331"/>
                  </a:cubicBezTo>
                  <a:cubicBezTo>
                    <a:pt x="534505" y="132331"/>
                    <a:pt x="534505" y="135580"/>
                    <a:pt x="534505" y="135580"/>
                  </a:cubicBezTo>
                  <a:cubicBezTo>
                    <a:pt x="534505" y="135580"/>
                    <a:pt x="536129" y="135580"/>
                    <a:pt x="539379" y="137205"/>
                  </a:cubicBezTo>
                  <a:cubicBezTo>
                    <a:pt x="541003" y="137205"/>
                    <a:pt x="539379" y="138830"/>
                    <a:pt x="541003" y="138830"/>
                  </a:cubicBezTo>
                  <a:cubicBezTo>
                    <a:pt x="542628" y="138830"/>
                    <a:pt x="544253" y="140455"/>
                    <a:pt x="545877" y="140455"/>
                  </a:cubicBezTo>
                  <a:cubicBezTo>
                    <a:pt x="547502" y="140455"/>
                    <a:pt x="547502" y="145329"/>
                    <a:pt x="547502" y="145329"/>
                  </a:cubicBezTo>
                  <a:cubicBezTo>
                    <a:pt x="547502" y="145329"/>
                    <a:pt x="547502" y="145329"/>
                    <a:pt x="552376" y="143704"/>
                  </a:cubicBezTo>
                  <a:cubicBezTo>
                    <a:pt x="554000" y="143704"/>
                    <a:pt x="554000" y="143704"/>
                    <a:pt x="554000" y="143704"/>
                  </a:cubicBezTo>
                  <a:cubicBezTo>
                    <a:pt x="555625" y="143704"/>
                    <a:pt x="555625" y="145329"/>
                    <a:pt x="557250" y="143704"/>
                  </a:cubicBezTo>
                  <a:cubicBezTo>
                    <a:pt x="557250" y="143704"/>
                    <a:pt x="557250" y="143704"/>
                    <a:pt x="558874" y="143704"/>
                  </a:cubicBezTo>
                  <a:cubicBezTo>
                    <a:pt x="558874" y="143704"/>
                    <a:pt x="560499" y="143704"/>
                    <a:pt x="560499" y="142080"/>
                  </a:cubicBezTo>
                  <a:cubicBezTo>
                    <a:pt x="562124" y="140455"/>
                    <a:pt x="562124" y="142080"/>
                    <a:pt x="563748" y="142080"/>
                  </a:cubicBezTo>
                  <a:cubicBezTo>
                    <a:pt x="563748" y="142080"/>
                    <a:pt x="565373" y="143704"/>
                    <a:pt x="566998" y="142080"/>
                  </a:cubicBezTo>
                  <a:cubicBezTo>
                    <a:pt x="566998" y="142080"/>
                    <a:pt x="570247" y="138830"/>
                    <a:pt x="571871" y="135580"/>
                  </a:cubicBezTo>
                  <a:cubicBezTo>
                    <a:pt x="571871" y="133956"/>
                    <a:pt x="571871" y="133956"/>
                    <a:pt x="571871" y="132331"/>
                  </a:cubicBezTo>
                  <a:cubicBezTo>
                    <a:pt x="571871" y="129081"/>
                    <a:pt x="576745" y="127456"/>
                    <a:pt x="578370" y="125832"/>
                  </a:cubicBezTo>
                  <a:cubicBezTo>
                    <a:pt x="581619" y="124207"/>
                    <a:pt x="578370" y="125832"/>
                    <a:pt x="579995" y="122582"/>
                  </a:cubicBezTo>
                  <a:cubicBezTo>
                    <a:pt x="579995" y="120957"/>
                    <a:pt x="579995" y="120957"/>
                    <a:pt x="579995" y="120957"/>
                  </a:cubicBezTo>
                  <a:cubicBezTo>
                    <a:pt x="579995" y="120957"/>
                    <a:pt x="579995" y="120957"/>
                    <a:pt x="579995" y="119332"/>
                  </a:cubicBezTo>
                  <a:cubicBezTo>
                    <a:pt x="579995" y="116083"/>
                    <a:pt x="579995" y="119332"/>
                    <a:pt x="579995" y="116083"/>
                  </a:cubicBezTo>
                  <a:cubicBezTo>
                    <a:pt x="581619" y="112833"/>
                    <a:pt x="579995" y="112833"/>
                    <a:pt x="579995" y="112833"/>
                  </a:cubicBezTo>
                  <a:cubicBezTo>
                    <a:pt x="579995" y="112833"/>
                    <a:pt x="581619" y="111208"/>
                    <a:pt x="583244" y="106334"/>
                  </a:cubicBezTo>
                  <a:cubicBezTo>
                    <a:pt x="583244" y="103084"/>
                    <a:pt x="583244" y="106334"/>
                    <a:pt x="583244" y="101460"/>
                  </a:cubicBezTo>
                  <a:cubicBezTo>
                    <a:pt x="583244" y="101460"/>
                    <a:pt x="583244" y="101460"/>
                    <a:pt x="583244" y="99835"/>
                  </a:cubicBezTo>
                  <a:cubicBezTo>
                    <a:pt x="583244" y="99835"/>
                    <a:pt x="583244" y="99835"/>
                    <a:pt x="584869" y="96585"/>
                  </a:cubicBezTo>
                  <a:cubicBezTo>
                    <a:pt x="586493" y="94960"/>
                    <a:pt x="586493" y="94960"/>
                    <a:pt x="586493" y="94960"/>
                  </a:cubicBezTo>
                  <a:cubicBezTo>
                    <a:pt x="588118" y="93336"/>
                    <a:pt x="586493" y="91711"/>
                    <a:pt x="584869" y="86836"/>
                  </a:cubicBezTo>
                  <a:cubicBezTo>
                    <a:pt x="584869" y="85211"/>
                    <a:pt x="583244" y="85211"/>
                    <a:pt x="583244" y="81962"/>
                  </a:cubicBezTo>
                  <a:cubicBezTo>
                    <a:pt x="583244" y="80337"/>
                    <a:pt x="583244" y="80337"/>
                    <a:pt x="584869" y="75463"/>
                  </a:cubicBezTo>
                  <a:cubicBezTo>
                    <a:pt x="584869" y="73838"/>
                    <a:pt x="584869" y="72213"/>
                    <a:pt x="584869" y="68963"/>
                  </a:cubicBezTo>
                  <a:cubicBezTo>
                    <a:pt x="584869" y="65714"/>
                    <a:pt x="584869" y="67339"/>
                    <a:pt x="584869" y="64089"/>
                  </a:cubicBezTo>
                  <a:cubicBezTo>
                    <a:pt x="583244" y="60839"/>
                    <a:pt x="583244" y="60839"/>
                    <a:pt x="586493" y="57590"/>
                  </a:cubicBezTo>
                  <a:cubicBezTo>
                    <a:pt x="584869" y="57590"/>
                    <a:pt x="586493" y="57590"/>
                    <a:pt x="586493" y="55965"/>
                  </a:cubicBezTo>
                  <a:cubicBezTo>
                    <a:pt x="586493" y="55965"/>
                    <a:pt x="586493" y="55965"/>
                    <a:pt x="588118" y="54340"/>
                  </a:cubicBezTo>
                  <a:cubicBezTo>
                    <a:pt x="588118" y="51091"/>
                    <a:pt x="586493" y="51091"/>
                    <a:pt x="588118" y="46216"/>
                  </a:cubicBezTo>
                  <a:cubicBezTo>
                    <a:pt x="589742" y="42967"/>
                    <a:pt x="588118" y="46216"/>
                    <a:pt x="591367" y="42967"/>
                  </a:cubicBezTo>
                  <a:cubicBezTo>
                    <a:pt x="592992" y="41342"/>
                    <a:pt x="591367" y="39717"/>
                    <a:pt x="589742" y="38092"/>
                  </a:cubicBezTo>
                  <a:cubicBezTo>
                    <a:pt x="588118" y="38092"/>
                    <a:pt x="588118" y="38092"/>
                    <a:pt x="588118" y="34843"/>
                  </a:cubicBezTo>
                  <a:cubicBezTo>
                    <a:pt x="586493" y="33218"/>
                    <a:pt x="586493" y="33218"/>
                    <a:pt x="588118" y="33218"/>
                  </a:cubicBezTo>
                  <a:cubicBezTo>
                    <a:pt x="588118" y="33218"/>
                    <a:pt x="588118" y="33218"/>
                    <a:pt x="588118" y="31593"/>
                  </a:cubicBezTo>
                  <a:cubicBezTo>
                    <a:pt x="589742" y="28343"/>
                    <a:pt x="591367" y="28343"/>
                    <a:pt x="591367" y="26719"/>
                  </a:cubicBezTo>
                  <a:cubicBezTo>
                    <a:pt x="591367" y="25094"/>
                    <a:pt x="591367" y="25094"/>
                    <a:pt x="594616" y="20219"/>
                  </a:cubicBezTo>
                  <a:cubicBezTo>
                    <a:pt x="597866" y="15345"/>
                    <a:pt x="596241" y="16970"/>
                    <a:pt x="596241" y="15345"/>
                  </a:cubicBezTo>
                  <a:cubicBezTo>
                    <a:pt x="597866" y="13720"/>
                    <a:pt x="596241" y="10471"/>
                    <a:pt x="597866" y="7221"/>
                  </a:cubicBezTo>
                  <a:cubicBezTo>
                    <a:pt x="597866" y="3971"/>
                    <a:pt x="597866" y="3971"/>
                    <a:pt x="597866" y="2346"/>
                  </a:cubicBezTo>
                  <a:cubicBezTo>
                    <a:pt x="599490" y="722"/>
                    <a:pt x="601115" y="722"/>
                    <a:pt x="602740" y="722"/>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8" name="i$ḻiḑe">
              <a:extLst>
                <a:ext uri="{FF2B5EF4-FFF2-40B4-BE49-F238E27FC236}">
                  <a16:creationId xmlns:a16="http://schemas.microsoft.com/office/drawing/2014/main" xmlns="" id="{59081451-0FFD-410D-AFA9-3ACEE2C6751E}"/>
                </a:ext>
              </a:extLst>
            </p:cNvPr>
            <p:cNvSpPr/>
            <p:nvPr/>
          </p:nvSpPr>
          <p:spPr bwMode="auto">
            <a:xfrm>
              <a:off x="4576764" y="1443038"/>
              <a:ext cx="525463" cy="366713"/>
            </a:xfrm>
            <a:custGeom>
              <a:avLst/>
              <a:gdLst>
                <a:gd name="T0" fmla="*/ 193 w 323"/>
                <a:gd name="T1" fmla="*/ 50 h 226"/>
                <a:gd name="T2" fmla="*/ 183 w 323"/>
                <a:gd name="T3" fmla="*/ 44 h 226"/>
                <a:gd name="T4" fmla="*/ 178 w 323"/>
                <a:gd name="T5" fmla="*/ 37 h 226"/>
                <a:gd name="T6" fmla="*/ 162 w 323"/>
                <a:gd name="T7" fmla="*/ 28 h 226"/>
                <a:gd name="T8" fmla="*/ 131 w 323"/>
                <a:gd name="T9" fmla="*/ 31 h 226"/>
                <a:gd name="T10" fmla="*/ 122 w 323"/>
                <a:gd name="T11" fmla="*/ 33 h 226"/>
                <a:gd name="T12" fmla="*/ 105 w 323"/>
                <a:gd name="T13" fmla="*/ 38 h 226"/>
                <a:gd name="T14" fmla="*/ 106 w 323"/>
                <a:gd name="T15" fmla="*/ 15 h 226"/>
                <a:gd name="T16" fmla="*/ 90 w 323"/>
                <a:gd name="T17" fmla="*/ 4 h 226"/>
                <a:gd name="T18" fmla="*/ 60 w 323"/>
                <a:gd name="T19" fmla="*/ 12 h 226"/>
                <a:gd name="T20" fmla="*/ 54 w 323"/>
                <a:gd name="T21" fmla="*/ 31 h 226"/>
                <a:gd name="T22" fmla="*/ 52 w 323"/>
                <a:gd name="T23" fmla="*/ 42 h 226"/>
                <a:gd name="T24" fmla="*/ 50 w 323"/>
                <a:gd name="T25" fmla="*/ 46 h 226"/>
                <a:gd name="T26" fmla="*/ 47 w 323"/>
                <a:gd name="T27" fmla="*/ 20 h 226"/>
                <a:gd name="T28" fmla="*/ 7 w 323"/>
                <a:gd name="T29" fmla="*/ 28 h 226"/>
                <a:gd name="T30" fmla="*/ 20 w 323"/>
                <a:gd name="T31" fmla="*/ 69 h 226"/>
                <a:gd name="T32" fmla="*/ 84 w 323"/>
                <a:gd name="T33" fmla="*/ 80 h 226"/>
                <a:gd name="T34" fmla="*/ 109 w 323"/>
                <a:gd name="T35" fmla="*/ 79 h 226"/>
                <a:gd name="T36" fmla="*/ 130 w 323"/>
                <a:gd name="T37" fmla="*/ 81 h 226"/>
                <a:gd name="T38" fmla="*/ 126 w 323"/>
                <a:gd name="T39" fmla="*/ 70 h 226"/>
                <a:gd name="T40" fmla="*/ 139 w 323"/>
                <a:gd name="T41" fmla="*/ 82 h 226"/>
                <a:gd name="T42" fmla="*/ 154 w 323"/>
                <a:gd name="T43" fmla="*/ 90 h 226"/>
                <a:gd name="T44" fmla="*/ 151 w 323"/>
                <a:gd name="T45" fmla="*/ 100 h 226"/>
                <a:gd name="T46" fmla="*/ 172 w 323"/>
                <a:gd name="T47" fmla="*/ 101 h 226"/>
                <a:gd name="T48" fmla="*/ 183 w 323"/>
                <a:gd name="T49" fmla="*/ 110 h 226"/>
                <a:gd name="T50" fmla="*/ 196 w 323"/>
                <a:gd name="T51" fmla="*/ 135 h 226"/>
                <a:gd name="T52" fmla="*/ 180 w 323"/>
                <a:gd name="T53" fmla="*/ 155 h 226"/>
                <a:gd name="T54" fmla="*/ 168 w 323"/>
                <a:gd name="T55" fmla="*/ 166 h 226"/>
                <a:gd name="T56" fmla="*/ 156 w 323"/>
                <a:gd name="T57" fmla="*/ 166 h 226"/>
                <a:gd name="T58" fmla="*/ 136 w 323"/>
                <a:gd name="T59" fmla="*/ 181 h 226"/>
                <a:gd name="T60" fmla="*/ 160 w 323"/>
                <a:gd name="T61" fmla="*/ 182 h 226"/>
                <a:gd name="T62" fmla="*/ 172 w 323"/>
                <a:gd name="T63" fmla="*/ 177 h 226"/>
                <a:gd name="T64" fmla="*/ 188 w 323"/>
                <a:gd name="T65" fmla="*/ 181 h 226"/>
                <a:gd name="T66" fmla="*/ 200 w 323"/>
                <a:gd name="T67" fmla="*/ 194 h 226"/>
                <a:gd name="T68" fmla="*/ 213 w 323"/>
                <a:gd name="T69" fmla="*/ 205 h 226"/>
                <a:gd name="T70" fmla="*/ 227 w 323"/>
                <a:gd name="T71" fmla="*/ 210 h 226"/>
                <a:gd name="T72" fmla="*/ 252 w 323"/>
                <a:gd name="T73" fmla="*/ 221 h 226"/>
                <a:gd name="T74" fmla="*/ 265 w 323"/>
                <a:gd name="T75" fmla="*/ 217 h 226"/>
                <a:gd name="T76" fmla="*/ 240 w 323"/>
                <a:gd name="T77" fmla="*/ 193 h 226"/>
                <a:gd name="T78" fmla="*/ 272 w 323"/>
                <a:gd name="T79" fmla="*/ 207 h 226"/>
                <a:gd name="T80" fmla="*/ 280 w 323"/>
                <a:gd name="T81" fmla="*/ 210 h 226"/>
                <a:gd name="T82" fmla="*/ 284 w 323"/>
                <a:gd name="T83" fmla="*/ 198 h 226"/>
                <a:gd name="T84" fmla="*/ 277 w 323"/>
                <a:gd name="T85" fmla="*/ 179 h 226"/>
                <a:gd name="T86" fmla="*/ 260 w 323"/>
                <a:gd name="T87" fmla="*/ 168 h 226"/>
                <a:gd name="T88" fmla="*/ 247 w 323"/>
                <a:gd name="T89" fmla="*/ 156 h 226"/>
                <a:gd name="T90" fmla="*/ 254 w 323"/>
                <a:gd name="T91" fmla="*/ 156 h 226"/>
                <a:gd name="T92" fmla="*/ 257 w 323"/>
                <a:gd name="T93" fmla="*/ 144 h 226"/>
                <a:gd name="T94" fmla="*/ 273 w 323"/>
                <a:gd name="T95" fmla="*/ 154 h 226"/>
                <a:gd name="T96" fmla="*/ 287 w 323"/>
                <a:gd name="T97" fmla="*/ 167 h 226"/>
                <a:gd name="T98" fmla="*/ 301 w 323"/>
                <a:gd name="T99" fmla="*/ 160 h 226"/>
                <a:gd name="T100" fmla="*/ 311 w 323"/>
                <a:gd name="T101" fmla="*/ 148 h 226"/>
                <a:gd name="T102" fmla="*/ 312 w 323"/>
                <a:gd name="T103" fmla="*/ 135 h 226"/>
                <a:gd name="T104" fmla="*/ 300 w 323"/>
                <a:gd name="T105" fmla="*/ 124 h 226"/>
                <a:gd name="T106" fmla="*/ 283 w 323"/>
                <a:gd name="T107" fmla="*/ 118 h 226"/>
                <a:gd name="T108" fmla="*/ 270 w 323"/>
                <a:gd name="T109" fmla="*/ 117 h 226"/>
                <a:gd name="T110" fmla="*/ 254 w 323"/>
                <a:gd name="T111" fmla="*/ 111 h 226"/>
                <a:gd name="T112" fmla="*/ 243 w 323"/>
                <a:gd name="T113" fmla="*/ 104 h 226"/>
                <a:gd name="T114" fmla="*/ 251 w 323"/>
                <a:gd name="T115" fmla="*/ 95 h 226"/>
                <a:gd name="T116" fmla="*/ 245 w 323"/>
                <a:gd name="T117" fmla="*/ 88 h 226"/>
                <a:gd name="T118" fmla="*/ 248 w 323"/>
                <a:gd name="T119" fmla="*/ 73 h 226"/>
                <a:gd name="T120" fmla="*/ 244 w 323"/>
                <a:gd name="T121" fmla="*/ 70 h 226"/>
                <a:gd name="T122" fmla="*/ 224 w 323"/>
                <a:gd name="T123" fmla="*/ 66 h 226"/>
                <a:gd name="T124" fmla="*/ 219 w 323"/>
                <a:gd name="T125" fmla="*/ 61 h 2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23" h="226">
                  <a:moveTo>
                    <a:pt x="212" y="55"/>
                  </a:moveTo>
                  <a:cubicBezTo>
                    <a:pt x="212" y="55"/>
                    <a:pt x="212" y="53"/>
                    <a:pt x="212" y="53"/>
                  </a:cubicBezTo>
                  <a:cubicBezTo>
                    <a:pt x="211" y="52"/>
                    <a:pt x="210" y="51"/>
                    <a:pt x="210" y="51"/>
                  </a:cubicBezTo>
                  <a:cubicBezTo>
                    <a:pt x="209" y="51"/>
                    <a:pt x="208" y="49"/>
                    <a:pt x="207" y="49"/>
                  </a:cubicBezTo>
                  <a:cubicBezTo>
                    <a:pt x="205" y="49"/>
                    <a:pt x="205" y="47"/>
                    <a:pt x="204" y="47"/>
                  </a:cubicBezTo>
                  <a:cubicBezTo>
                    <a:pt x="202" y="48"/>
                    <a:pt x="201" y="47"/>
                    <a:pt x="200" y="48"/>
                  </a:cubicBezTo>
                  <a:cubicBezTo>
                    <a:pt x="199" y="48"/>
                    <a:pt x="199" y="47"/>
                    <a:pt x="198" y="47"/>
                  </a:cubicBezTo>
                  <a:cubicBezTo>
                    <a:pt x="197" y="47"/>
                    <a:pt x="197" y="47"/>
                    <a:pt x="196" y="48"/>
                  </a:cubicBezTo>
                  <a:cubicBezTo>
                    <a:pt x="195" y="49"/>
                    <a:pt x="195" y="48"/>
                    <a:pt x="195" y="49"/>
                  </a:cubicBezTo>
                  <a:cubicBezTo>
                    <a:pt x="194" y="49"/>
                    <a:pt x="194" y="49"/>
                    <a:pt x="193" y="50"/>
                  </a:cubicBezTo>
                  <a:cubicBezTo>
                    <a:pt x="191" y="51"/>
                    <a:pt x="191" y="51"/>
                    <a:pt x="191" y="51"/>
                  </a:cubicBezTo>
                  <a:cubicBezTo>
                    <a:pt x="191" y="51"/>
                    <a:pt x="191" y="48"/>
                    <a:pt x="191" y="49"/>
                  </a:cubicBezTo>
                  <a:cubicBezTo>
                    <a:pt x="188" y="52"/>
                    <a:pt x="189" y="51"/>
                    <a:pt x="188" y="52"/>
                  </a:cubicBezTo>
                  <a:cubicBezTo>
                    <a:pt x="186" y="53"/>
                    <a:pt x="186" y="53"/>
                    <a:pt x="186" y="53"/>
                  </a:cubicBezTo>
                  <a:cubicBezTo>
                    <a:pt x="186" y="50"/>
                    <a:pt x="186" y="50"/>
                    <a:pt x="186" y="50"/>
                  </a:cubicBezTo>
                  <a:cubicBezTo>
                    <a:pt x="186" y="50"/>
                    <a:pt x="185" y="49"/>
                    <a:pt x="185" y="49"/>
                  </a:cubicBezTo>
                  <a:cubicBezTo>
                    <a:pt x="184" y="49"/>
                    <a:pt x="184" y="48"/>
                    <a:pt x="183" y="49"/>
                  </a:cubicBezTo>
                  <a:cubicBezTo>
                    <a:pt x="183" y="49"/>
                    <a:pt x="182" y="49"/>
                    <a:pt x="182" y="48"/>
                  </a:cubicBezTo>
                  <a:cubicBezTo>
                    <a:pt x="183" y="48"/>
                    <a:pt x="184" y="46"/>
                    <a:pt x="184" y="46"/>
                  </a:cubicBezTo>
                  <a:cubicBezTo>
                    <a:pt x="184" y="46"/>
                    <a:pt x="184" y="44"/>
                    <a:pt x="183" y="44"/>
                  </a:cubicBezTo>
                  <a:cubicBezTo>
                    <a:pt x="183" y="45"/>
                    <a:pt x="183" y="44"/>
                    <a:pt x="181" y="45"/>
                  </a:cubicBezTo>
                  <a:cubicBezTo>
                    <a:pt x="180" y="45"/>
                    <a:pt x="181" y="44"/>
                    <a:pt x="180" y="45"/>
                  </a:cubicBezTo>
                  <a:cubicBezTo>
                    <a:pt x="178" y="46"/>
                    <a:pt x="179" y="45"/>
                    <a:pt x="177" y="45"/>
                  </a:cubicBezTo>
                  <a:cubicBezTo>
                    <a:pt x="176" y="46"/>
                    <a:pt x="175" y="46"/>
                    <a:pt x="175" y="46"/>
                  </a:cubicBezTo>
                  <a:cubicBezTo>
                    <a:pt x="175" y="46"/>
                    <a:pt x="174" y="44"/>
                    <a:pt x="174" y="44"/>
                  </a:cubicBezTo>
                  <a:cubicBezTo>
                    <a:pt x="175" y="44"/>
                    <a:pt x="176" y="43"/>
                    <a:pt x="177" y="43"/>
                  </a:cubicBezTo>
                  <a:cubicBezTo>
                    <a:pt x="178" y="43"/>
                    <a:pt x="178" y="42"/>
                    <a:pt x="179" y="42"/>
                  </a:cubicBezTo>
                  <a:cubicBezTo>
                    <a:pt x="179" y="41"/>
                    <a:pt x="179" y="41"/>
                    <a:pt x="179" y="40"/>
                  </a:cubicBezTo>
                  <a:cubicBezTo>
                    <a:pt x="179" y="39"/>
                    <a:pt x="179" y="39"/>
                    <a:pt x="179" y="39"/>
                  </a:cubicBezTo>
                  <a:cubicBezTo>
                    <a:pt x="179" y="39"/>
                    <a:pt x="179" y="37"/>
                    <a:pt x="178" y="37"/>
                  </a:cubicBezTo>
                  <a:cubicBezTo>
                    <a:pt x="177" y="37"/>
                    <a:pt x="178" y="35"/>
                    <a:pt x="176" y="36"/>
                  </a:cubicBezTo>
                  <a:cubicBezTo>
                    <a:pt x="175" y="36"/>
                    <a:pt x="175" y="35"/>
                    <a:pt x="174" y="36"/>
                  </a:cubicBezTo>
                  <a:cubicBezTo>
                    <a:pt x="174" y="36"/>
                    <a:pt x="172" y="36"/>
                    <a:pt x="172" y="36"/>
                  </a:cubicBezTo>
                  <a:cubicBezTo>
                    <a:pt x="171" y="36"/>
                    <a:pt x="170" y="35"/>
                    <a:pt x="170" y="35"/>
                  </a:cubicBezTo>
                  <a:cubicBezTo>
                    <a:pt x="168" y="34"/>
                    <a:pt x="168" y="34"/>
                    <a:pt x="168" y="34"/>
                  </a:cubicBezTo>
                  <a:cubicBezTo>
                    <a:pt x="168" y="33"/>
                    <a:pt x="168" y="33"/>
                    <a:pt x="168" y="33"/>
                  </a:cubicBezTo>
                  <a:cubicBezTo>
                    <a:pt x="167" y="31"/>
                    <a:pt x="167" y="31"/>
                    <a:pt x="167" y="31"/>
                  </a:cubicBezTo>
                  <a:cubicBezTo>
                    <a:pt x="166" y="29"/>
                    <a:pt x="166" y="29"/>
                    <a:pt x="166" y="29"/>
                  </a:cubicBezTo>
                  <a:cubicBezTo>
                    <a:pt x="163" y="28"/>
                    <a:pt x="163" y="28"/>
                    <a:pt x="163" y="28"/>
                  </a:cubicBezTo>
                  <a:cubicBezTo>
                    <a:pt x="163" y="28"/>
                    <a:pt x="163" y="27"/>
                    <a:pt x="162" y="28"/>
                  </a:cubicBezTo>
                  <a:cubicBezTo>
                    <a:pt x="160" y="29"/>
                    <a:pt x="159" y="29"/>
                    <a:pt x="159" y="28"/>
                  </a:cubicBezTo>
                  <a:cubicBezTo>
                    <a:pt x="158" y="28"/>
                    <a:pt x="158" y="28"/>
                    <a:pt x="157" y="27"/>
                  </a:cubicBezTo>
                  <a:cubicBezTo>
                    <a:pt x="155" y="26"/>
                    <a:pt x="156" y="26"/>
                    <a:pt x="155" y="26"/>
                  </a:cubicBezTo>
                  <a:cubicBezTo>
                    <a:pt x="153" y="26"/>
                    <a:pt x="153" y="25"/>
                    <a:pt x="152" y="25"/>
                  </a:cubicBezTo>
                  <a:cubicBezTo>
                    <a:pt x="151" y="25"/>
                    <a:pt x="146" y="24"/>
                    <a:pt x="146" y="24"/>
                  </a:cubicBezTo>
                  <a:cubicBezTo>
                    <a:pt x="145" y="24"/>
                    <a:pt x="146" y="22"/>
                    <a:pt x="143" y="23"/>
                  </a:cubicBezTo>
                  <a:cubicBezTo>
                    <a:pt x="139" y="24"/>
                    <a:pt x="138" y="25"/>
                    <a:pt x="136" y="25"/>
                  </a:cubicBezTo>
                  <a:cubicBezTo>
                    <a:pt x="135" y="26"/>
                    <a:pt x="134" y="26"/>
                    <a:pt x="132" y="27"/>
                  </a:cubicBezTo>
                  <a:cubicBezTo>
                    <a:pt x="131" y="29"/>
                    <a:pt x="131" y="29"/>
                    <a:pt x="131" y="30"/>
                  </a:cubicBezTo>
                  <a:cubicBezTo>
                    <a:pt x="131" y="30"/>
                    <a:pt x="132" y="31"/>
                    <a:pt x="131" y="31"/>
                  </a:cubicBezTo>
                  <a:cubicBezTo>
                    <a:pt x="128" y="33"/>
                    <a:pt x="128" y="33"/>
                    <a:pt x="128" y="34"/>
                  </a:cubicBezTo>
                  <a:cubicBezTo>
                    <a:pt x="128" y="35"/>
                    <a:pt x="128" y="35"/>
                    <a:pt x="129" y="37"/>
                  </a:cubicBezTo>
                  <a:cubicBezTo>
                    <a:pt x="129" y="38"/>
                    <a:pt x="130" y="37"/>
                    <a:pt x="130" y="38"/>
                  </a:cubicBezTo>
                  <a:cubicBezTo>
                    <a:pt x="130" y="39"/>
                    <a:pt x="130" y="39"/>
                    <a:pt x="129" y="40"/>
                  </a:cubicBezTo>
                  <a:cubicBezTo>
                    <a:pt x="128" y="40"/>
                    <a:pt x="128" y="39"/>
                    <a:pt x="127" y="39"/>
                  </a:cubicBezTo>
                  <a:cubicBezTo>
                    <a:pt x="126" y="39"/>
                    <a:pt x="126" y="37"/>
                    <a:pt x="126" y="37"/>
                  </a:cubicBezTo>
                  <a:cubicBezTo>
                    <a:pt x="126" y="35"/>
                    <a:pt x="126" y="35"/>
                    <a:pt x="126" y="35"/>
                  </a:cubicBezTo>
                  <a:cubicBezTo>
                    <a:pt x="125" y="32"/>
                    <a:pt x="125" y="32"/>
                    <a:pt x="125" y="32"/>
                  </a:cubicBezTo>
                  <a:cubicBezTo>
                    <a:pt x="123" y="31"/>
                    <a:pt x="123" y="31"/>
                    <a:pt x="123" y="31"/>
                  </a:cubicBezTo>
                  <a:cubicBezTo>
                    <a:pt x="123" y="31"/>
                    <a:pt x="122" y="32"/>
                    <a:pt x="122" y="33"/>
                  </a:cubicBezTo>
                  <a:cubicBezTo>
                    <a:pt x="121" y="33"/>
                    <a:pt x="121" y="31"/>
                    <a:pt x="119" y="32"/>
                  </a:cubicBezTo>
                  <a:cubicBezTo>
                    <a:pt x="118" y="32"/>
                    <a:pt x="117" y="31"/>
                    <a:pt x="116" y="31"/>
                  </a:cubicBezTo>
                  <a:cubicBezTo>
                    <a:pt x="116" y="31"/>
                    <a:pt x="116" y="29"/>
                    <a:pt x="115" y="30"/>
                  </a:cubicBezTo>
                  <a:cubicBezTo>
                    <a:pt x="114" y="31"/>
                    <a:pt x="114" y="30"/>
                    <a:pt x="114" y="32"/>
                  </a:cubicBezTo>
                  <a:cubicBezTo>
                    <a:pt x="113" y="33"/>
                    <a:pt x="113" y="32"/>
                    <a:pt x="113" y="34"/>
                  </a:cubicBezTo>
                  <a:cubicBezTo>
                    <a:pt x="113" y="35"/>
                    <a:pt x="113" y="35"/>
                    <a:pt x="112" y="36"/>
                  </a:cubicBezTo>
                  <a:cubicBezTo>
                    <a:pt x="112" y="37"/>
                    <a:pt x="111" y="37"/>
                    <a:pt x="111" y="37"/>
                  </a:cubicBezTo>
                  <a:cubicBezTo>
                    <a:pt x="110" y="38"/>
                    <a:pt x="110" y="38"/>
                    <a:pt x="109" y="38"/>
                  </a:cubicBezTo>
                  <a:cubicBezTo>
                    <a:pt x="109" y="39"/>
                    <a:pt x="106" y="39"/>
                    <a:pt x="106" y="39"/>
                  </a:cubicBezTo>
                  <a:cubicBezTo>
                    <a:pt x="106" y="39"/>
                    <a:pt x="104" y="39"/>
                    <a:pt x="105" y="38"/>
                  </a:cubicBezTo>
                  <a:cubicBezTo>
                    <a:pt x="106" y="36"/>
                    <a:pt x="107" y="34"/>
                    <a:pt x="107" y="34"/>
                  </a:cubicBezTo>
                  <a:cubicBezTo>
                    <a:pt x="107" y="34"/>
                    <a:pt x="107" y="32"/>
                    <a:pt x="108" y="32"/>
                  </a:cubicBezTo>
                  <a:cubicBezTo>
                    <a:pt x="108" y="31"/>
                    <a:pt x="108" y="31"/>
                    <a:pt x="107" y="30"/>
                  </a:cubicBezTo>
                  <a:cubicBezTo>
                    <a:pt x="107" y="30"/>
                    <a:pt x="107" y="29"/>
                    <a:pt x="108" y="29"/>
                  </a:cubicBezTo>
                  <a:cubicBezTo>
                    <a:pt x="109" y="28"/>
                    <a:pt x="112" y="24"/>
                    <a:pt x="112" y="24"/>
                  </a:cubicBezTo>
                  <a:cubicBezTo>
                    <a:pt x="112" y="23"/>
                    <a:pt x="112" y="24"/>
                    <a:pt x="111" y="22"/>
                  </a:cubicBezTo>
                  <a:cubicBezTo>
                    <a:pt x="111" y="21"/>
                    <a:pt x="109" y="21"/>
                    <a:pt x="109" y="21"/>
                  </a:cubicBezTo>
                  <a:cubicBezTo>
                    <a:pt x="109" y="20"/>
                    <a:pt x="108" y="19"/>
                    <a:pt x="108" y="19"/>
                  </a:cubicBezTo>
                  <a:cubicBezTo>
                    <a:pt x="108" y="19"/>
                    <a:pt x="109" y="18"/>
                    <a:pt x="108" y="17"/>
                  </a:cubicBezTo>
                  <a:cubicBezTo>
                    <a:pt x="108" y="17"/>
                    <a:pt x="108" y="15"/>
                    <a:pt x="106" y="15"/>
                  </a:cubicBezTo>
                  <a:cubicBezTo>
                    <a:pt x="104" y="15"/>
                    <a:pt x="104" y="15"/>
                    <a:pt x="103" y="14"/>
                  </a:cubicBezTo>
                  <a:cubicBezTo>
                    <a:pt x="103" y="14"/>
                    <a:pt x="102" y="13"/>
                    <a:pt x="102" y="13"/>
                  </a:cubicBezTo>
                  <a:cubicBezTo>
                    <a:pt x="101" y="13"/>
                    <a:pt x="101" y="13"/>
                    <a:pt x="101" y="12"/>
                  </a:cubicBezTo>
                  <a:cubicBezTo>
                    <a:pt x="101" y="10"/>
                    <a:pt x="102" y="10"/>
                    <a:pt x="101" y="10"/>
                  </a:cubicBezTo>
                  <a:cubicBezTo>
                    <a:pt x="101" y="9"/>
                    <a:pt x="100" y="9"/>
                    <a:pt x="101" y="8"/>
                  </a:cubicBezTo>
                  <a:cubicBezTo>
                    <a:pt x="101" y="8"/>
                    <a:pt x="102" y="7"/>
                    <a:pt x="102" y="7"/>
                  </a:cubicBezTo>
                  <a:cubicBezTo>
                    <a:pt x="101" y="8"/>
                    <a:pt x="101" y="6"/>
                    <a:pt x="100" y="5"/>
                  </a:cubicBezTo>
                  <a:cubicBezTo>
                    <a:pt x="99" y="5"/>
                    <a:pt x="99" y="3"/>
                    <a:pt x="97" y="3"/>
                  </a:cubicBezTo>
                  <a:cubicBezTo>
                    <a:pt x="95" y="3"/>
                    <a:pt x="94" y="3"/>
                    <a:pt x="93" y="3"/>
                  </a:cubicBezTo>
                  <a:cubicBezTo>
                    <a:pt x="92" y="3"/>
                    <a:pt x="91" y="3"/>
                    <a:pt x="90" y="4"/>
                  </a:cubicBezTo>
                  <a:cubicBezTo>
                    <a:pt x="89" y="4"/>
                    <a:pt x="87" y="4"/>
                    <a:pt x="87" y="4"/>
                  </a:cubicBezTo>
                  <a:cubicBezTo>
                    <a:pt x="86" y="5"/>
                    <a:pt x="86" y="2"/>
                    <a:pt x="84" y="3"/>
                  </a:cubicBezTo>
                  <a:cubicBezTo>
                    <a:pt x="83" y="5"/>
                    <a:pt x="79" y="6"/>
                    <a:pt x="79" y="6"/>
                  </a:cubicBezTo>
                  <a:cubicBezTo>
                    <a:pt x="78" y="6"/>
                    <a:pt x="78" y="5"/>
                    <a:pt x="76" y="6"/>
                  </a:cubicBezTo>
                  <a:cubicBezTo>
                    <a:pt x="74" y="7"/>
                    <a:pt x="72" y="8"/>
                    <a:pt x="71" y="9"/>
                  </a:cubicBezTo>
                  <a:cubicBezTo>
                    <a:pt x="71" y="9"/>
                    <a:pt x="71" y="9"/>
                    <a:pt x="70" y="10"/>
                  </a:cubicBezTo>
                  <a:cubicBezTo>
                    <a:pt x="68" y="10"/>
                    <a:pt x="68" y="10"/>
                    <a:pt x="67" y="10"/>
                  </a:cubicBezTo>
                  <a:cubicBezTo>
                    <a:pt x="66" y="10"/>
                    <a:pt x="66" y="9"/>
                    <a:pt x="64" y="10"/>
                  </a:cubicBezTo>
                  <a:cubicBezTo>
                    <a:pt x="63" y="11"/>
                    <a:pt x="63" y="11"/>
                    <a:pt x="62" y="12"/>
                  </a:cubicBezTo>
                  <a:cubicBezTo>
                    <a:pt x="62" y="13"/>
                    <a:pt x="61" y="12"/>
                    <a:pt x="60" y="12"/>
                  </a:cubicBezTo>
                  <a:cubicBezTo>
                    <a:pt x="58" y="13"/>
                    <a:pt x="59" y="12"/>
                    <a:pt x="58" y="13"/>
                  </a:cubicBezTo>
                  <a:cubicBezTo>
                    <a:pt x="57" y="15"/>
                    <a:pt x="57" y="14"/>
                    <a:pt x="56" y="15"/>
                  </a:cubicBezTo>
                  <a:cubicBezTo>
                    <a:pt x="56" y="16"/>
                    <a:pt x="56" y="17"/>
                    <a:pt x="55" y="17"/>
                  </a:cubicBezTo>
                  <a:cubicBezTo>
                    <a:pt x="55" y="18"/>
                    <a:pt x="54" y="16"/>
                    <a:pt x="54" y="18"/>
                  </a:cubicBezTo>
                  <a:cubicBezTo>
                    <a:pt x="53" y="20"/>
                    <a:pt x="53" y="20"/>
                    <a:pt x="53" y="21"/>
                  </a:cubicBezTo>
                  <a:cubicBezTo>
                    <a:pt x="53" y="21"/>
                    <a:pt x="53" y="21"/>
                    <a:pt x="52" y="22"/>
                  </a:cubicBezTo>
                  <a:cubicBezTo>
                    <a:pt x="51" y="23"/>
                    <a:pt x="51" y="24"/>
                    <a:pt x="51" y="25"/>
                  </a:cubicBezTo>
                  <a:cubicBezTo>
                    <a:pt x="51" y="26"/>
                    <a:pt x="51" y="27"/>
                    <a:pt x="51" y="28"/>
                  </a:cubicBezTo>
                  <a:cubicBezTo>
                    <a:pt x="52" y="28"/>
                    <a:pt x="53" y="29"/>
                    <a:pt x="53" y="30"/>
                  </a:cubicBezTo>
                  <a:cubicBezTo>
                    <a:pt x="53" y="31"/>
                    <a:pt x="53" y="31"/>
                    <a:pt x="54" y="31"/>
                  </a:cubicBezTo>
                  <a:cubicBezTo>
                    <a:pt x="55" y="32"/>
                    <a:pt x="57" y="31"/>
                    <a:pt x="58" y="31"/>
                  </a:cubicBezTo>
                  <a:cubicBezTo>
                    <a:pt x="59" y="31"/>
                    <a:pt x="59" y="31"/>
                    <a:pt x="60" y="31"/>
                  </a:cubicBezTo>
                  <a:cubicBezTo>
                    <a:pt x="61" y="32"/>
                    <a:pt x="63" y="31"/>
                    <a:pt x="63" y="33"/>
                  </a:cubicBezTo>
                  <a:cubicBezTo>
                    <a:pt x="64" y="34"/>
                    <a:pt x="64" y="36"/>
                    <a:pt x="64" y="36"/>
                  </a:cubicBezTo>
                  <a:cubicBezTo>
                    <a:pt x="64" y="36"/>
                    <a:pt x="63" y="34"/>
                    <a:pt x="61" y="34"/>
                  </a:cubicBezTo>
                  <a:cubicBezTo>
                    <a:pt x="60" y="34"/>
                    <a:pt x="59" y="33"/>
                    <a:pt x="58" y="34"/>
                  </a:cubicBezTo>
                  <a:cubicBezTo>
                    <a:pt x="58" y="34"/>
                    <a:pt x="56" y="35"/>
                    <a:pt x="56" y="35"/>
                  </a:cubicBezTo>
                  <a:cubicBezTo>
                    <a:pt x="56" y="35"/>
                    <a:pt x="55" y="36"/>
                    <a:pt x="54" y="38"/>
                  </a:cubicBezTo>
                  <a:cubicBezTo>
                    <a:pt x="54" y="39"/>
                    <a:pt x="52" y="38"/>
                    <a:pt x="51" y="39"/>
                  </a:cubicBezTo>
                  <a:cubicBezTo>
                    <a:pt x="51" y="41"/>
                    <a:pt x="51" y="41"/>
                    <a:pt x="52" y="42"/>
                  </a:cubicBezTo>
                  <a:cubicBezTo>
                    <a:pt x="53" y="43"/>
                    <a:pt x="55" y="44"/>
                    <a:pt x="55" y="45"/>
                  </a:cubicBezTo>
                  <a:cubicBezTo>
                    <a:pt x="55" y="45"/>
                    <a:pt x="57" y="45"/>
                    <a:pt x="57" y="46"/>
                  </a:cubicBezTo>
                  <a:cubicBezTo>
                    <a:pt x="57" y="46"/>
                    <a:pt x="61" y="47"/>
                    <a:pt x="61" y="47"/>
                  </a:cubicBezTo>
                  <a:cubicBezTo>
                    <a:pt x="62" y="47"/>
                    <a:pt x="63" y="47"/>
                    <a:pt x="63" y="48"/>
                  </a:cubicBezTo>
                  <a:cubicBezTo>
                    <a:pt x="63" y="49"/>
                    <a:pt x="65" y="51"/>
                    <a:pt x="64" y="51"/>
                  </a:cubicBezTo>
                  <a:cubicBezTo>
                    <a:pt x="63" y="51"/>
                    <a:pt x="61" y="51"/>
                    <a:pt x="60" y="52"/>
                  </a:cubicBezTo>
                  <a:cubicBezTo>
                    <a:pt x="60" y="52"/>
                    <a:pt x="59" y="51"/>
                    <a:pt x="58" y="51"/>
                  </a:cubicBezTo>
                  <a:cubicBezTo>
                    <a:pt x="57" y="51"/>
                    <a:pt x="54" y="47"/>
                    <a:pt x="54" y="48"/>
                  </a:cubicBezTo>
                  <a:cubicBezTo>
                    <a:pt x="54" y="48"/>
                    <a:pt x="53" y="47"/>
                    <a:pt x="52" y="48"/>
                  </a:cubicBezTo>
                  <a:cubicBezTo>
                    <a:pt x="52" y="48"/>
                    <a:pt x="51" y="46"/>
                    <a:pt x="50" y="46"/>
                  </a:cubicBezTo>
                  <a:cubicBezTo>
                    <a:pt x="49" y="45"/>
                    <a:pt x="49" y="44"/>
                    <a:pt x="48" y="43"/>
                  </a:cubicBezTo>
                  <a:cubicBezTo>
                    <a:pt x="48" y="43"/>
                    <a:pt x="48" y="42"/>
                    <a:pt x="48" y="42"/>
                  </a:cubicBezTo>
                  <a:cubicBezTo>
                    <a:pt x="47" y="41"/>
                    <a:pt x="48" y="40"/>
                    <a:pt x="47" y="40"/>
                  </a:cubicBezTo>
                  <a:cubicBezTo>
                    <a:pt x="46" y="41"/>
                    <a:pt x="46" y="41"/>
                    <a:pt x="45" y="40"/>
                  </a:cubicBezTo>
                  <a:cubicBezTo>
                    <a:pt x="44" y="40"/>
                    <a:pt x="44" y="39"/>
                    <a:pt x="44" y="38"/>
                  </a:cubicBezTo>
                  <a:cubicBezTo>
                    <a:pt x="44" y="38"/>
                    <a:pt x="44" y="37"/>
                    <a:pt x="44" y="36"/>
                  </a:cubicBezTo>
                  <a:cubicBezTo>
                    <a:pt x="44" y="35"/>
                    <a:pt x="45" y="35"/>
                    <a:pt x="45" y="35"/>
                  </a:cubicBezTo>
                  <a:cubicBezTo>
                    <a:pt x="46" y="33"/>
                    <a:pt x="49" y="31"/>
                    <a:pt x="47" y="30"/>
                  </a:cubicBezTo>
                  <a:cubicBezTo>
                    <a:pt x="44" y="29"/>
                    <a:pt x="42" y="27"/>
                    <a:pt x="42" y="27"/>
                  </a:cubicBezTo>
                  <a:cubicBezTo>
                    <a:pt x="42" y="27"/>
                    <a:pt x="46" y="22"/>
                    <a:pt x="47" y="20"/>
                  </a:cubicBezTo>
                  <a:cubicBezTo>
                    <a:pt x="49" y="19"/>
                    <a:pt x="40" y="19"/>
                    <a:pt x="48" y="15"/>
                  </a:cubicBezTo>
                  <a:cubicBezTo>
                    <a:pt x="55" y="11"/>
                    <a:pt x="56" y="10"/>
                    <a:pt x="57" y="8"/>
                  </a:cubicBezTo>
                  <a:cubicBezTo>
                    <a:pt x="62" y="4"/>
                    <a:pt x="62" y="8"/>
                    <a:pt x="62" y="4"/>
                  </a:cubicBezTo>
                  <a:cubicBezTo>
                    <a:pt x="62" y="4"/>
                    <a:pt x="60" y="4"/>
                    <a:pt x="58" y="3"/>
                  </a:cubicBezTo>
                  <a:cubicBezTo>
                    <a:pt x="56" y="1"/>
                    <a:pt x="46" y="0"/>
                    <a:pt x="43" y="1"/>
                  </a:cubicBezTo>
                  <a:cubicBezTo>
                    <a:pt x="39" y="2"/>
                    <a:pt x="36" y="1"/>
                    <a:pt x="34" y="3"/>
                  </a:cubicBezTo>
                  <a:cubicBezTo>
                    <a:pt x="32" y="4"/>
                    <a:pt x="27" y="4"/>
                    <a:pt x="26" y="6"/>
                  </a:cubicBezTo>
                  <a:cubicBezTo>
                    <a:pt x="25" y="8"/>
                    <a:pt x="22" y="9"/>
                    <a:pt x="18" y="12"/>
                  </a:cubicBezTo>
                  <a:cubicBezTo>
                    <a:pt x="15" y="16"/>
                    <a:pt x="13" y="16"/>
                    <a:pt x="12" y="20"/>
                  </a:cubicBezTo>
                  <a:cubicBezTo>
                    <a:pt x="10" y="25"/>
                    <a:pt x="7" y="23"/>
                    <a:pt x="7" y="28"/>
                  </a:cubicBezTo>
                  <a:cubicBezTo>
                    <a:pt x="7" y="32"/>
                    <a:pt x="3" y="35"/>
                    <a:pt x="3" y="35"/>
                  </a:cubicBezTo>
                  <a:cubicBezTo>
                    <a:pt x="3" y="43"/>
                    <a:pt x="0" y="44"/>
                    <a:pt x="3" y="47"/>
                  </a:cubicBezTo>
                  <a:cubicBezTo>
                    <a:pt x="11" y="53"/>
                    <a:pt x="11" y="54"/>
                    <a:pt x="13" y="55"/>
                  </a:cubicBezTo>
                  <a:cubicBezTo>
                    <a:pt x="15" y="56"/>
                    <a:pt x="17" y="55"/>
                    <a:pt x="18" y="56"/>
                  </a:cubicBezTo>
                  <a:cubicBezTo>
                    <a:pt x="24" y="56"/>
                    <a:pt x="26" y="56"/>
                    <a:pt x="27" y="56"/>
                  </a:cubicBezTo>
                  <a:cubicBezTo>
                    <a:pt x="27" y="56"/>
                    <a:pt x="26" y="56"/>
                    <a:pt x="25" y="57"/>
                  </a:cubicBezTo>
                  <a:cubicBezTo>
                    <a:pt x="21" y="58"/>
                    <a:pt x="17" y="57"/>
                    <a:pt x="17" y="57"/>
                  </a:cubicBezTo>
                  <a:cubicBezTo>
                    <a:pt x="11" y="57"/>
                    <a:pt x="11" y="57"/>
                    <a:pt x="11" y="57"/>
                  </a:cubicBezTo>
                  <a:cubicBezTo>
                    <a:pt x="12" y="63"/>
                    <a:pt x="12" y="66"/>
                    <a:pt x="14" y="67"/>
                  </a:cubicBezTo>
                  <a:cubicBezTo>
                    <a:pt x="20" y="69"/>
                    <a:pt x="18" y="66"/>
                    <a:pt x="20" y="69"/>
                  </a:cubicBezTo>
                  <a:cubicBezTo>
                    <a:pt x="23" y="71"/>
                    <a:pt x="22" y="73"/>
                    <a:pt x="24" y="74"/>
                  </a:cubicBezTo>
                  <a:cubicBezTo>
                    <a:pt x="27" y="75"/>
                    <a:pt x="21" y="76"/>
                    <a:pt x="29" y="74"/>
                  </a:cubicBezTo>
                  <a:cubicBezTo>
                    <a:pt x="37" y="72"/>
                    <a:pt x="34" y="70"/>
                    <a:pt x="37" y="72"/>
                  </a:cubicBezTo>
                  <a:cubicBezTo>
                    <a:pt x="43" y="78"/>
                    <a:pt x="42" y="72"/>
                    <a:pt x="44" y="74"/>
                  </a:cubicBezTo>
                  <a:cubicBezTo>
                    <a:pt x="45" y="76"/>
                    <a:pt x="44" y="78"/>
                    <a:pt x="47" y="79"/>
                  </a:cubicBezTo>
                  <a:cubicBezTo>
                    <a:pt x="50" y="80"/>
                    <a:pt x="50" y="80"/>
                    <a:pt x="52" y="80"/>
                  </a:cubicBezTo>
                  <a:cubicBezTo>
                    <a:pt x="54" y="80"/>
                    <a:pt x="58" y="79"/>
                    <a:pt x="60" y="80"/>
                  </a:cubicBezTo>
                  <a:cubicBezTo>
                    <a:pt x="60" y="80"/>
                    <a:pt x="64" y="79"/>
                    <a:pt x="66" y="79"/>
                  </a:cubicBezTo>
                  <a:cubicBezTo>
                    <a:pt x="67" y="80"/>
                    <a:pt x="77" y="80"/>
                    <a:pt x="77" y="80"/>
                  </a:cubicBezTo>
                  <a:cubicBezTo>
                    <a:pt x="84" y="80"/>
                    <a:pt x="84" y="80"/>
                    <a:pt x="84" y="80"/>
                  </a:cubicBezTo>
                  <a:cubicBezTo>
                    <a:pt x="88" y="80"/>
                    <a:pt x="88" y="80"/>
                    <a:pt x="88" y="80"/>
                  </a:cubicBezTo>
                  <a:cubicBezTo>
                    <a:pt x="93" y="85"/>
                    <a:pt x="94" y="84"/>
                    <a:pt x="96" y="83"/>
                  </a:cubicBezTo>
                  <a:cubicBezTo>
                    <a:pt x="92" y="78"/>
                    <a:pt x="92" y="78"/>
                    <a:pt x="92" y="78"/>
                  </a:cubicBezTo>
                  <a:cubicBezTo>
                    <a:pt x="92" y="78"/>
                    <a:pt x="95" y="79"/>
                    <a:pt x="97" y="79"/>
                  </a:cubicBezTo>
                  <a:cubicBezTo>
                    <a:pt x="97" y="79"/>
                    <a:pt x="99" y="78"/>
                    <a:pt x="100" y="78"/>
                  </a:cubicBezTo>
                  <a:cubicBezTo>
                    <a:pt x="100" y="78"/>
                    <a:pt x="101" y="77"/>
                    <a:pt x="101" y="77"/>
                  </a:cubicBezTo>
                  <a:cubicBezTo>
                    <a:pt x="102" y="78"/>
                    <a:pt x="102" y="78"/>
                    <a:pt x="103" y="79"/>
                  </a:cubicBezTo>
                  <a:cubicBezTo>
                    <a:pt x="103" y="79"/>
                    <a:pt x="105" y="79"/>
                    <a:pt x="105" y="79"/>
                  </a:cubicBezTo>
                  <a:cubicBezTo>
                    <a:pt x="105" y="79"/>
                    <a:pt x="107" y="78"/>
                    <a:pt x="107" y="78"/>
                  </a:cubicBezTo>
                  <a:cubicBezTo>
                    <a:pt x="109" y="79"/>
                    <a:pt x="109" y="79"/>
                    <a:pt x="109" y="79"/>
                  </a:cubicBezTo>
                  <a:cubicBezTo>
                    <a:pt x="111" y="80"/>
                    <a:pt x="112" y="80"/>
                    <a:pt x="112" y="80"/>
                  </a:cubicBezTo>
                  <a:cubicBezTo>
                    <a:pt x="114" y="80"/>
                    <a:pt x="114" y="80"/>
                    <a:pt x="114" y="80"/>
                  </a:cubicBezTo>
                  <a:cubicBezTo>
                    <a:pt x="115" y="80"/>
                    <a:pt x="115" y="80"/>
                    <a:pt x="115" y="80"/>
                  </a:cubicBezTo>
                  <a:cubicBezTo>
                    <a:pt x="117" y="80"/>
                    <a:pt x="117" y="80"/>
                    <a:pt x="117" y="80"/>
                  </a:cubicBezTo>
                  <a:cubicBezTo>
                    <a:pt x="118" y="81"/>
                    <a:pt x="119" y="81"/>
                    <a:pt x="120" y="81"/>
                  </a:cubicBezTo>
                  <a:cubicBezTo>
                    <a:pt x="120" y="81"/>
                    <a:pt x="122" y="81"/>
                    <a:pt x="122" y="82"/>
                  </a:cubicBezTo>
                  <a:cubicBezTo>
                    <a:pt x="123" y="83"/>
                    <a:pt x="123" y="82"/>
                    <a:pt x="124" y="83"/>
                  </a:cubicBezTo>
                  <a:cubicBezTo>
                    <a:pt x="125" y="83"/>
                    <a:pt x="125" y="83"/>
                    <a:pt x="126" y="83"/>
                  </a:cubicBezTo>
                  <a:cubicBezTo>
                    <a:pt x="127" y="82"/>
                    <a:pt x="127" y="81"/>
                    <a:pt x="128" y="81"/>
                  </a:cubicBezTo>
                  <a:cubicBezTo>
                    <a:pt x="130" y="82"/>
                    <a:pt x="130" y="82"/>
                    <a:pt x="130" y="81"/>
                  </a:cubicBezTo>
                  <a:cubicBezTo>
                    <a:pt x="130" y="81"/>
                    <a:pt x="130" y="79"/>
                    <a:pt x="130" y="79"/>
                  </a:cubicBezTo>
                  <a:cubicBezTo>
                    <a:pt x="130" y="79"/>
                    <a:pt x="130" y="79"/>
                    <a:pt x="130" y="78"/>
                  </a:cubicBezTo>
                  <a:cubicBezTo>
                    <a:pt x="129" y="77"/>
                    <a:pt x="129" y="77"/>
                    <a:pt x="129" y="77"/>
                  </a:cubicBezTo>
                  <a:cubicBezTo>
                    <a:pt x="128" y="75"/>
                    <a:pt x="128" y="75"/>
                    <a:pt x="128" y="75"/>
                  </a:cubicBezTo>
                  <a:cubicBezTo>
                    <a:pt x="127" y="74"/>
                    <a:pt x="127" y="74"/>
                    <a:pt x="127" y="74"/>
                  </a:cubicBezTo>
                  <a:cubicBezTo>
                    <a:pt x="127" y="74"/>
                    <a:pt x="126" y="73"/>
                    <a:pt x="125" y="73"/>
                  </a:cubicBezTo>
                  <a:cubicBezTo>
                    <a:pt x="124" y="74"/>
                    <a:pt x="123" y="74"/>
                    <a:pt x="123" y="73"/>
                  </a:cubicBezTo>
                  <a:cubicBezTo>
                    <a:pt x="123" y="73"/>
                    <a:pt x="122" y="72"/>
                    <a:pt x="123" y="72"/>
                  </a:cubicBezTo>
                  <a:cubicBezTo>
                    <a:pt x="123" y="71"/>
                    <a:pt x="123" y="71"/>
                    <a:pt x="124" y="71"/>
                  </a:cubicBezTo>
                  <a:cubicBezTo>
                    <a:pt x="125" y="71"/>
                    <a:pt x="124" y="73"/>
                    <a:pt x="126" y="70"/>
                  </a:cubicBezTo>
                  <a:cubicBezTo>
                    <a:pt x="127" y="68"/>
                    <a:pt x="127" y="68"/>
                    <a:pt x="128" y="69"/>
                  </a:cubicBezTo>
                  <a:cubicBezTo>
                    <a:pt x="128" y="70"/>
                    <a:pt x="129" y="70"/>
                    <a:pt x="129" y="71"/>
                  </a:cubicBezTo>
                  <a:cubicBezTo>
                    <a:pt x="129" y="72"/>
                    <a:pt x="128" y="72"/>
                    <a:pt x="129" y="72"/>
                  </a:cubicBezTo>
                  <a:cubicBezTo>
                    <a:pt x="129" y="73"/>
                    <a:pt x="131" y="73"/>
                    <a:pt x="131" y="73"/>
                  </a:cubicBezTo>
                  <a:cubicBezTo>
                    <a:pt x="131" y="73"/>
                    <a:pt x="132" y="72"/>
                    <a:pt x="132" y="74"/>
                  </a:cubicBezTo>
                  <a:cubicBezTo>
                    <a:pt x="132" y="75"/>
                    <a:pt x="131" y="75"/>
                    <a:pt x="133" y="75"/>
                  </a:cubicBezTo>
                  <a:cubicBezTo>
                    <a:pt x="135" y="75"/>
                    <a:pt x="136" y="75"/>
                    <a:pt x="136" y="75"/>
                  </a:cubicBezTo>
                  <a:cubicBezTo>
                    <a:pt x="137" y="76"/>
                    <a:pt x="138" y="75"/>
                    <a:pt x="139" y="76"/>
                  </a:cubicBezTo>
                  <a:cubicBezTo>
                    <a:pt x="139" y="76"/>
                    <a:pt x="140" y="76"/>
                    <a:pt x="140" y="77"/>
                  </a:cubicBezTo>
                  <a:cubicBezTo>
                    <a:pt x="140" y="79"/>
                    <a:pt x="139" y="81"/>
                    <a:pt x="139" y="82"/>
                  </a:cubicBezTo>
                  <a:cubicBezTo>
                    <a:pt x="140" y="82"/>
                    <a:pt x="137" y="82"/>
                    <a:pt x="140" y="83"/>
                  </a:cubicBezTo>
                  <a:cubicBezTo>
                    <a:pt x="144" y="84"/>
                    <a:pt x="145" y="81"/>
                    <a:pt x="146" y="81"/>
                  </a:cubicBezTo>
                  <a:cubicBezTo>
                    <a:pt x="147" y="81"/>
                    <a:pt x="147" y="82"/>
                    <a:pt x="147" y="82"/>
                  </a:cubicBezTo>
                  <a:cubicBezTo>
                    <a:pt x="148" y="82"/>
                    <a:pt x="149" y="82"/>
                    <a:pt x="149" y="83"/>
                  </a:cubicBezTo>
                  <a:cubicBezTo>
                    <a:pt x="149" y="84"/>
                    <a:pt x="148" y="85"/>
                    <a:pt x="148" y="85"/>
                  </a:cubicBezTo>
                  <a:cubicBezTo>
                    <a:pt x="148" y="85"/>
                    <a:pt x="150" y="84"/>
                    <a:pt x="150" y="85"/>
                  </a:cubicBezTo>
                  <a:cubicBezTo>
                    <a:pt x="150" y="86"/>
                    <a:pt x="149" y="86"/>
                    <a:pt x="149" y="86"/>
                  </a:cubicBezTo>
                  <a:cubicBezTo>
                    <a:pt x="150" y="87"/>
                    <a:pt x="152" y="87"/>
                    <a:pt x="152" y="87"/>
                  </a:cubicBezTo>
                  <a:cubicBezTo>
                    <a:pt x="152" y="87"/>
                    <a:pt x="154" y="87"/>
                    <a:pt x="154" y="88"/>
                  </a:cubicBezTo>
                  <a:cubicBezTo>
                    <a:pt x="153" y="89"/>
                    <a:pt x="153" y="90"/>
                    <a:pt x="154" y="90"/>
                  </a:cubicBezTo>
                  <a:cubicBezTo>
                    <a:pt x="154" y="90"/>
                    <a:pt x="156" y="91"/>
                    <a:pt x="157" y="91"/>
                  </a:cubicBezTo>
                  <a:cubicBezTo>
                    <a:pt x="157" y="91"/>
                    <a:pt x="160" y="91"/>
                    <a:pt x="160" y="91"/>
                  </a:cubicBezTo>
                  <a:cubicBezTo>
                    <a:pt x="160" y="92"/>
                    <a:pt x="161" y="92"/>
                    <a:pt x="161" y="92"/>
                  </a:cubicBezTo>
                  <a:cubicBezTo>
                    <a:pt x="162" y="93"/>
                    <a:pt x="164" y="92"/>
                    <a:pt x="163" y="94"/>
                  </a:cubicBezTo>
                  <a:cubicBezTo>
                    <a:pt x="163" y="96"/>
                    <a:pt x="164" y="95"/>
                    <a:pt x="163" y="96"/>
                  </a:cubicBezTo>
                  <a:cubicBezTo>
                    <a:pt x="162" y="96"/>
                    <a:pt x="162" y="96"/>
                    <a:pt x="161" y="97"/>
                  </a:cubicBezTo>
                  <a:cubicBezTo>
                    <a:pt x="160" y="97"/>
                    <a:pt x="161" y="97"/>
                    <a:pt x="160" y="98"/>
                  </a:cubicBezTo>
                  <a:cubicBezTo>
                    <a:pt x="159" y="98"/>
                    <a:pt x="156" y="98"/>
                    <a:pt x="156" y="98"/>
                  </a:cubicBezTo>
                  <a:cubicBezTo>
                    <a:pt x="156" y="98"/>
                    <a:pt x="154" y="96"/>
                    <a:pt x="153" y="97"/>
                  </a:cubicBezTo>
                  <a:cubicBezTo>
                    <a:pt x="153" y="98"/>
                    <a:pt x="151" y="98"/>
                    <a:pt x="151" y="100"/>
                  </a:cubicBezTo>
                  <a:cubicBezTo>
                    <a:pt x="151" y="102"/>
                    <a:pt x="153" y="103"/>
                    <a:pt x="153" y="103"/>
                  </a:cubicBezTo>
                  <a:cubicBezTo>
                    <a:pt x="153" y="104"/>
                    <a:pt x="160" y="102"/>
                    <a:pt x="160" y="102"/>
                  </a:cubicBezTo>
                  <a:cubicBezTo>
                    <a:pt x="161" y="102"/>
                    <a:pt x="160" y="102"/>
                    <a:pt x="163" y="101"/>
                  </a:cubicBezTo>
                  <a:cubicBezTo>
                    <a:pt x="165" y="99"/>
                    <a:pt x="165" y="99"/>
                    <a:pt x="165" y="99"/>
                  </a:cubicBezTo>
                  <a:cubicBezTo>
                    <a:pt x="167" y="98"/>
                    <a:pt x="167" y="98"/>
                    <a:pt x="167" y="98"/>
                  </a:cubicBezTo>
                  <a:cubicBezTo>
                    <a:pt x="168" y="99"/>
                    <a:pt x="168" y="99"/>
                    <a:pt x="168" y="99"/>
                  </a:cubicBezTo>
                  <a:cubicBezTo>
                    <a:pt x="169" y="99"/>
                    <a:pt x="169" y="99"/>
                    <a:pt x="169" y="99"/>
                  </a:cubicBezTo>
                  <a:cubicBezTo>
                    <a:pt x="170" y="98"/>
                    <a:pt x="173" y="99"/>
                    <a:pt x="173" y="100"/>
                  </a:cubicBezTo>
                  <a:cubicBezTo>
                    <a:pt x="173" y="100"/>
                    <a:pt x="174" y="99"/>
                    <a:pt x="173" y="100"/>
                  </a:cubicBezTo>
                  <a:cubicBezTo>
                    <a:pt x="172" y="101"/>
                    <a:pt x="172" y="100"/>
                    <a:pt x="172" y="101"/>
                  </a:cubicBezTo>
                  <a:cubicBezTo>
                    <a:pt x="172" y="102"/>
                    <a:pt x="174" y="102"/>
                    <a:pt x="175" y="103"/>
                  </a:cubicBezTo>
                  <a:cubicBezTo>
                    <a:pt x="175" y="103"/>
                    <a:pt x="174" y="102"/>
                    <a:pt x="175" y="103"/>
                  </a:cubicBezTo>
                  <a:cubicBezTo>
                    <a:pt x="176" y="105"/>
                    <a:pt x="176" y="105"/>
                    <a:pt x="176" y="106"/>
                  </a:cubicBezTo>
                  <a:cubicBezTo>
                    <a:pt x="176" y="107"/>
                    <a:pt x="177" y="107"/>
                    <a:pt x="177" y="107"/>
                  </a:cubicBezTo>
                  <a:cubicBezTo>
                    <a:pt x="178" y="107"/>
                    <a:pt x="178" y="108"/>
                    <a:pt x="179" y="108"/>
                  </a:cubicBezTo>
                  <a:cubicBezTo>
                    <a:pt x="179" y="107"/>
                    <a:pt x="180" y="107"/>
                    <a:pt x="180" y="106"/>
                  </a:cubicBezTo>
                  <a:cubicBezTo>
                    <a:pt x="180" y="106"/>
                    <a:pt x="180" y="105"/>
                    <a:pt x="181" y="105"/>
                  </a:cubicBezTo>
                  <a:cubicBezTo>
                    <a:pt x="182" y="105"/>
                    <a:pt x="182" y="105"/>
                    <a:pt x="183" y="106"/>
                  </a:cubicBezTo>
                  <a:cubicBezTo>
                    <a:pt x="183" y="107"/>
                    <a:pt x="184" y="108"/>
                    <a:pt x="183" y="108"/>
                  </a:cubicBezTo>
                  <a:cubicBezTo>
                    <a:pt x="183" y="109"/>
                    <a:pt x="182" y="110"/>
                    <a:pt x="183" y="110"/>
                  </a:cubicBezTo>
                  <a:cubicBezTo>
                    <a:pt x="184" y="110"/>
                    <a:pt x="184" y="112"/>
                    <a:pt x="186" y="112"/>
                  </a:cubicBezTo>
                  <a:cubicBezTo>
                    <a:pt x="187" y="112"/>
                    <a:pt x="188" y="111"/>
                    <a:pt x="188" y="112"/>
                  </a:cubicBezTo>
                  <a:cubicBezTo>
                    <a:pt x="190" y="114"/>
                    <a:pt x="194" y="120"/>
                    <a:pt x="194" y="120"/>
                  </a:cubicBezTo>
                  <a:cubicBezTo>
                    <a:pt x="194" y="121"/>
                    <a:pt x="195" y="121"/>
                    <a:pt x="196" y="122"/>
                  </a:cubicBezTo>
                  <a:cubicBezTo>
                    <a:pt x="196" y="123"/>
                    <a:pt x="197" y="122"/>
                    <a:pt x="198" y="124"/>
                  </a:cubicBezTo>
                  <a:cubicBezTo>
                    <a:pt x="198" y="125"/>
                    <a:pt x="199" y="125"/>
                    <a:pt x="199" y="127"/>
                  </a:cubicBezTo>
                  <a:cubicBezTo>
                    <a:pt x="199" y="129"/>
                    <a:pt x="199" y="129"/>
                    <a:pt x="199" y="130"/>
                  </a:cubicBezTo>
                  <a:cubicBezTo>
                    <a:pt x="199" y="131"/>
                    <a:pt x="200" y="130"/>
                    <a:pt x="200" y="131"/>
                  </a:cubicBezTo>
                  <a:cubicBezTo>
                    <a:pt x="199" y="133"/>
                    <a:pt x="200" y="132"/>
                    <a:pt x="198" y="133"/>
                  </a:cubicBezTo>
                  <a:cubicBezTo>
                    <a:pt x="197" y="134"/>
                    <a:pt x="197" y="134"/>
                    <a:pt x="196" y="135"/>
                  </a:cubicBezTo>
                  <a:cubicBezTo>
                    <a:pt x="195" y="136"/>
                    <a:pt x="195" y="135"/>
                    <a:pt x="194" y="137"/>
                  </a:cubicBezTo>
                  <a:cubicBezTo>
                    <a:pt x="192" y="139"/>
                    <a:pt x="192" y="138"/>
                    <a:pt x="191" y="139"/>
                  </a:cubicBezTo>
                  <a:cubicBezTo>
                    <a:pt x="191" y="140"/>
                    <a:pt x="192" y="139"/>
                    <a:pt x="191" y="140"/>
                  </a:cubicBezTo>
                  <a:cubicBezTo>
                    <a:pt x="190" y="141"/>
                    <a:pt x="191" y="140"/>
                    <a:pt x="190" y="141"/>
                  </a:cubicBezTo>
                  <a:cubicBezTo>
                    <a:pt x="188" y="143"/>
                    <a:pt x="189" y="142"/>
                    <a:pt x="187" y="144"/>
                  </a:cubicBezTo>
                  <a:cubicBezTo>
                    <a:pt x="184" y="145"/>
                    <a:pt x="183" y="146"/>
                    <a:pt x="183" y="147"/>
                  </a:cubicBezTo>
                  <a:cubicBezTo>
                    <a:pt x="182" y="147"/>
                    <a:pt x="179" y="148"/>
                    <a:pt x="179" y="149"/>
                  </a:cubicBezTo>
                  <a:cubicBezTo>
                    <a:pt x="178" y="149"/>
                    <a:pt x="177" y="150"/>
                    <a:pt x="177" y="151"/>
                  </a:cubicBezTo>
                  <a:cubicBezTo>
                    <a:pt x="176" y="152"/>
                    <a:pt x="177" y="152"/>
                    <a:pt x="177" y="153"/>
                  </a:cubicBezTo>
                  <a:cubicBezTo>
                    <a:pt x="177" y="154"/>
                    <a:pt x="179" y="154"/>
                    <a:pt x="180" y="155"/>
                  </a:cubicBezTo>
                  <a:cubicBezTo>
                    <a:pt x="182" y="157"/>
                    <a:pt x="182" y="156"/>
                    <a:pt x="183" y="158"/>
                  </a:cubicBezTo>
                  <a:cubicBezTo>
                    <a:pt x="184" y="159"/>
                    <a:pt x="186" y="158"/>
                    <a:pt x="185" y="160"/>
                  </a:cubicBezTo>
                  <a:cubicBezTo>
                    <a:pt x="183" y="161"/>
                    <a:pt x="183" y="161"/>
                    <a:pt x="182" y="162"/>
                  </a:cubicBezTo>
                  <a:cubicBezTo>
                    <a:pt x="181" y="163"/>
                    <a:pt x="181" y="163"/>
                    <a:pt x="180" y="163"/>
                  </a:cubicBezTo>
                  <a:cubicBezTo>
                    <a:pt x="179" y="163"/>
                    <a:pt x="178" y="163"/>
                    <a:pt x="178" y="164"/>
                  </a:cubicBezTo>
                  <a:cubicBezTo>
                    <a:pt x="178" y="164"/>
                    <a:pt x="178" y="164"/>
                    <a:pt x="177" y="165"/>
                  </a:cubicBezTo>
                  <a:cubicBezTo>
                    <a:pt x="176" y="166"/>
                    <a:pt x="175" y="166"/>
                    <a:pt x="174" y="166"/>
                  </a:cubicBezTo>
                  <a:cubicBezTo>
                    <a:pt x="173" y="167"/>
                    <a:pt x="172" y="166"/>
                    <a:pt x="171" y="166"/>
                  </a:cubicBezTo>
                  <a:cubicBezTo>
                    <a:pt x="171" y="166"/>
                    <a:pt x="171" y="165"/>
                    <a:pt x="170" y="166"/>
                  </a:cubicBezTo>
                  <a:cubicBezTo>
                    <a:pt x="169" y="166"/>
                    <a:pt x="169" y="165"/>
                    <a:pt x="168" y="166"/>
                  </a:cubicBezTo>
                  <a:cubicBezTo>
                    <a:pt x="167" y="167"/>
                    <a:pt x="167" y="167"/>
                    <a:pt x="167" y="167"/>
                  </a:cubicBezTo>
                  <a:cubicBezTo>
                    <a:pt x="166" y="168"/>
                    <a:pt x="166" y="167"/>
                    <a:pt x="165" y="169"/>
                  </a:cubicBezTo>
                  <a:cubicBezTo>
                    <a:pt x="165" y="170"/>
                    <a:pt x="164" y="170"/>
                    <a:pt x="165" y="170"/>
                  </a:cubicBezTo>
                  <a:cubicBezTo>
                    <a:pt x="167" y="170"/>
                    <a:pt x="168" y="169"/>
                    <a:pt x="168" y="170"/>
                  </a:cubicBezTo>
                  <a:cubicBezTo>
                    <a:pt x="168" y="171"/>
                    <a:pt x="168" y="171"/>
                    <a:pt x="167" y="172"/>
                  </a:cubicBezTo>
                  <a:cubicBezTo>
                    <a:pt x="167" y="173"/>
                    <a:pt x="167" y="173"/>
                    <a:pt x="166" y="173"/>
                  </a:cubicBezTo>
                  <a:cubicBezTo>
                    <a:pt x="165" y="174"/>
                    <a:pt x="164" y="172"/>
                    <a:pt x="164" y="172"/>
                  </a:cubicBezTo>
                  <a:cubicBezTo>
                    <a:pt x="164" y="172"/>
                    <a:pt x="165" y="171"/>
                    <a:pt x="162" y="170"/>
                  </a:cubicBezTo>
                  <a:cubicBezTo>
                    <a:pt x="159" y="169"/>
                    <a:pt x="160" y="169"/>
                    <a:pt x="159" y="168"/>
                  </a:cubicBezTo>
                  <a:cubicBezTo>
                    <a:pt x="158" y="167"/>
                    <a:pt x="157" y="166"/>
                    <a:pt x="156" y="166"/>
                  </a:cubicBezTo>
                  <a:cubicBezTo>
                    <a:pt x="156" y="166"/>
                    <a:pt x="154" y="165"/>
                    <a:pt x="153" y="165"/>
                  </a:cubicBezTo>
                  <a:cubicBezTo>
                    <a:pt x="153" y="164"/>
                    <a:pt x="152" y="164"/>
                    <a:pt x="150" y="164"/>
                  </a:cubicBezTo>
                  <a:cubicBezTo>
                    <a:pt x="149" y="165"/>
                    <a:pt x="147" y="165"/>
                    <a:pt x="146" y="166"/>
                  </a:cubicBezTo>
                  <a:cubicBezTo>
                    <a:pt x="145" y="166"/>
                    <a:pt x="145" y="165"/>
                    <a:pt x="144" y="166"/>
                  </a:cubicBezTo>
                  <a:cubicBezTo>
                    <a:pt x="143" y="167"/>
                    <a:pt x="143" y="168"/>
                    <a:pt x="142" y="168"/>
                  </a:cubicBezTo>
                  <a:cubicBezTo>
                    <a:pt x="142" y="169"/>
                    <a:pt x="143" y="170"/>
                    <a:pt x="142" y="170"/>
                  </a:cubicBezTo>
                  <a:cubicBezTo>
                    <a:pt x="141" y="171"/>
                    <a:pt x="140" y="170"/>
                    <a:pt x="139" y="171"/>
                  </a:cubicBezTo>
                  <a:cubicBezTo>
                    <a:pt x="137" y="172"/>
                    <a:pt x="138" y="172"/>
                    <a:pt x="136" y="173"/>
                  </a:cubicBezTo>
                  <a:cubicBezTo>
                    <a:pt x="135" y="175"/>
                    <a:pt x="135" y="177"/>
                    <a:pt x="135" y="179"/>
                  </a:cubicBezTo>
                  <a:cubicBezTo>
                    <a:pt x="136" y="180"/>
                    <a:pt x="135" y="181"/>
                    <a:pt x="136" y="181"/>
                  </a:cubicBezTo>
                  <a:cubicBezTo>
                    <a:pt x="137" y="182"/>
                    <a:pt x="138" y="182"/>
                    <a:pt x="138" y="182"/>
                  </a:cubicBezTo>
                  <a:cubicBezTo>
                    <a:pt x="139" y="183"/>
                    <a:pt x="140" y="182"/>
                    <a:pt x="141" y="183"/>
                  </a:cubicBezTo>
                  <a:cubicBezTo>
                    <a:pt x="141" y="184"/>
                    <a:pt x="142" y="183"/>
                    <a:pt x="142" y="183"/>
                  </a:cubicBezTo>
                  <a:cubicBezTo>
                    <a:pt x="143" y="184"/>
                    <a:pt x="144" y="185"/>
                    <a:pt x="144" y="185"/>
                  </a:cubicBezTo>
                  <a:cubicBezTo>
                    <a:pt x="144" y="185"/>
                    <a:pt x="145" y="184"/>
                    <a:pt x="146" y="184"/>
                  </a:cubicBezTo>
                  <a:cubicBezTo>
                    <a:pt x="147" y="184"/>
                    <a:pt x="149" y="183"/>
                    <a:pt x="149" y="183"/>
                  </a:cubicBezTo>
                  <a:cubicBezTo>
                    <a:pt x="151" y="184"/>
                    <a:pt x="151" y="184"/>
                    <a:pt x="151" y="184"/>
                  </a:cubicBezTo>
                  <a:cubicBezTo>
                    <a:pt x="153" y="185"/>
                    <a:pt x="149" y="185"/>
                    <a:pt x="154" y="185"/>
                  </a:cubicBezTo>
                  <a:cubicBezTo>
                    <a:pt x="158" y="184"/>
                    <a:pt x="158" y="184"/>
                    <a:pt x="159" y="184"/>
                  </a:cubicBezTo>
                  <a:cubicBezTo>
                    <a:pt x="159" y="184"/>
                    <a:pt x="160" y="182"/>
                    <a:pt x="160" y="182"/>
                  </a:cubicBezTo>
                  <a:cubicBezTo>
                    <a:pt x="160" y="182"/>
                    <a:pt x="161" y="181"/>
                    <a:pt x="161" y="181"/>
                  </a:cubicBezTo>
                  <a:cubicBezTo>
                    <a:pt x="161" y="180"/>
                    <a:pt x="162" y="179"/>
                    <a:pt x="163" y="180"/>
                  </a:cubicBezTo>
                  <a:cubicBezTo>
                    <a:pt x="163" y="180"/>
                    <a:pt x="164" y="180"/>
                    <a:pt x="165" y="180"/>
                  </a:cubicBezTo>
                  <a:cubicBezTo>
                    <a:pt x="165" y="181"/>
                    <a:pt x="167" y="182"/>
                    <a:pt x="167" y="182"/>
                  </a:cubicBezTo>
                  <a:cubicBezTo>
                    <a:pt x="168" y="183"/>
                    <a:pt x="169" y="182"/>
                    <a:pt x="169" y="182"/>
                  </a:cubicBezTo>
                  <a:cubicBezTo>
                    <a:pt x="170" y="182"/>
                    <a:pt x="171" y="181"/>
                    <a:pt x="171" y="182"/>
                  </a:cubicBezTo>
                  <a:cubicBezTo>
                    <a:pt x="172" y="182"/>
                    <a:pt x="174" y="181"/>
                    <a:pt x="174" y="181"/>
                  </a:cubicBezTo>
                  <a:cubicBezTo>
                    <a:pt x="175" y="180"/>
                    <a:pt x="175" y="180"/>
                    <a:pt x="175" y="180"/>
                  </a:cubicBezTo>
                  <a:cubicBezTo>
                    <a:pt x="174" y="179"/>
                    <a:pt x="175" y="178"/>
                    <a:pt x="174" y="178"/>
                  </a:cubicBezTo>
                  <a:cubicBezTo>
                    <a:pt x="173" y="177"/>
                    <a:pt x="172" y="177"/>
                    <a:pt x="172" y="177"/>
                  </a:cubicBezTo>
                  <a:cubicBezTo>
                    <a:pt x="171" y="176"/>
                    <a:pt x="171" y="176"/>
                    <a:pt x="171" y="175"/>
                  </a:cubicBezTo>
                  <a:cubicBezTo>
                    <a:pt x="171" y="174"/>
                    <a:pt x="173" y="173"/>
                    <a:pt x="173" y="174"/>
                  </a:cubicBezTo>
                  <a:cubicBezTo>
                    <a:pt x="174" y="174"/>
                    <a:pt x="176" y="176"/>
                    <a:pt x="177" y="177"/>
                  </a:cubicBezTo>
                  <a:cubicBezTo>
                    <a:pt x="177" y="177"/>
                    <a:pt x="178" y="177"/>
                    <a:pt x="178" y="178"/>
                  </a:cubicBezTo>
                  <a:cubicBezTo>
                    <a:pt x="178" y="179"/>
                    <a:pt x="179" y="179"/>
                    <a:pt x="179" y="180"/>
                  </a:cubicBezTo>
                  <a:cubicBezTo>
                    <a:pt x="179" y="181"/>
                    <a:pt x="180" y="183"/>
                    <a:pt x="180" y="183"/>
                  </a:cubicBezTo>
                  <a:cubicBezTo>
                    <a:pt x="181" y="183"/>
                    <a:pt x="182" y="181"/>
                    <a:pt x="182" y="180"/>
                  </a:cubicBezTo>
                  <a:cubicBezTo>
                    <a:pt x="182" y="180"/>
                    <a:pt x="182" y="179"/>
                    <a:pt x="182" y="179"/>
                  </a:cubicBezTo>
                  <a:cubicBezTo>
                    <a:pt x="183" y="180"/>
                    <a:pt x="183" y="179"/>
                    <a:pt x="184" y="180"/>
                  </a:cubicBezTo>
                  <a:cubicBezTo>
                    <a:pt x="185" y="180"/>
                    <a:pt x="188" y="180"/>
                    <a:pt x="188" y="181"/>
                  </a:cubicBezTo>
                  <a:cubicBezTo>
                    <a:pt x="188" y="181"/>
                    <a:pt x="188" y="180"/>
                    <a:pt x="188" y="182"/>
                  </a:cubicBezTo>
                  <a:cubicBezTo>
                    <a:pt x="188" y="184"/>
                    <a:pt x="187" y="183"/>
                    <a:pt x="189" y="185"/>
                  </a:cubicBezTo>
                  <a:cubicBezTo>
                    <a:pt x="191" y="187"/>
                    <a:pt x="192" y="188"/>
                    <a:pt x="193" y="187"/>
                  </a:cubicBezTo>
                  <a:cubicBezTo>
                    <a:pt x="194" y="187"/>
                    <a:pt x="195" y="187"/>
                    <a:pt x="195" y="187"/>
                  </a:cubicBezTo>
                  <a:cubicBezTo>
                    <a:pt x="196" y="188"/>
                    <a:pt x="192" y="187"/>
                    <a:pt x="192" y="188"/>
                  </a:cubicBezTo>
                  <a:cubicBezTo>
                    <a:pt x="192" y="190"/>
                    <a:pt x="193" y="189"/>
                    <a:pt x="194" y="190"/>
                  </a:cubicBezTo>
                  <a:cubicBezTo>
                    <a:pt x="195" y="190"/>
                    <a:pt x="197" y="190"/>
                    <a:pt x="197" y="190"/>
                  </a:cubicBezTo>
                  <a:cubicBezTo>
                    <a:pt x="197" y="193"/>
                    <a:pt x="196" y="192"/>
                    <a:pt x="196" y="193"/>
                  </a:cubicBezTo>
                  <a:cubicBezTo>
                    <a:pt x="196" y="194"/>
                    <a:pt x="197" y="194"/>
                    <a:pt x="197" y="195"/>
                  </a:cubicBezTo>
                  <a:cubicBezTo>
                    <a:pt x="198" y="195"/>
                    <a:pt x="199" y="194"/>
                    <a:pt x="200" y="194"/>
                  </a:cubicBezTo>
                  <a:cubicBezTo>
                    <a:pt x="200" y="194"/>
                    <a:pt x="203" y="193"/>
                    <a:pt x="203" y="194"/>
                  </a:cubicBezTo>
                  <a:cubicBezTo>
                    <a:pt x="203" y="194"/>
                    <a:pt x="205" y="194"/>
                    <a:pt x="206" y="194"/>
                  </a:cubicBezTo>
                  <a:cubicBezTo>
                    <a:pt x="207" y="194"/>
                    <a:pt x="207" y="193"/>
                    <a:pt x="209" y="195"/>
                  </a:cubicBezTo>
                  <a:cubicBezTo>
                    <a:pt x="210" y="196"/>
                    <a:pt x="211" y="196"/>
                    <a:pt x="210" y="197"/>
                  </a:cubicBezTo>
                  <a:cubicBezTo>
                    <a:pt x="210" y="198"/>
                    <a:pt x="210" y="198"/>
                    <a:pt x="208" y="198"/>
                  </a:cubicBezTo>
                  <a:cubicBezTo>
                    <a:pt x="206" y="199"/>
                    <a:pt x="206" y="197"/>
                    <a:pt x="205" y="199"/>
                  </a:cubicBezTo>
                  <a:cubicBezTo>
                    <a:pt x="203" y="200"/>
                    <a:pt x="203" y="200"/>
                    <a:pt x="204" y="201"/>
                  </a:cubicBezTo>
                  <a:cubicBezTo>
                    <a:pt x="205" y="202"/>
                    <a:pt x="207" y="203"/>
                    <a:pt x="207" y="203"/>
                  </a:cubicBezTo>
                  <a:cubicBezTo>
                    <a:pt x="209" y="205"/>
                    <a:pt x="210" y="205"/>
                    <a:pt x="211" y="205"/>
                  </a:cubicBezTo>
                  <a:cubicBezTo>
                    <a:pt x="211" y="205"/>
                    <a:pt x="212" y="205"/>
                    <a:pt x="213" y="205"/>
                  </a:cubicBezTo>
                  <a:cubicBezTo>
                    <a:pt x="214" y="206"/>
                    <a:pt x="214" y="206"/>
                    <a:pt x="214" y="207"/>
                  </a:cubicBezTo>
                  <a:cubicBezTo>
                    <a:pt x="215" y="208"/>
                    <a:pt x="218" y="208"/>
                    <a:pt x="216" y="209"/>
                  </a:cubicBezTo>
                  <a:cubicBezTo>
                    <a:pt x="215" y="210"/>
                    <a:pt x="214" y="210"/>
                    <a:pt x="215" y="211"/>
                  </a:cubicBezTo>
                  <a:cubicBezTo>
                    <a:pt x="215" y="211"/>
                    <a:pt x="217" y="211"/>
                    <a:pt x="217" y="212"/>
                  </a:cubicBezTo>
                  <a:cubicBezTo>
                    <a:pt x="216" y="213"/>
                    <a:pt x="216" y="213"/>
                    <a:pt x="217" y="214"/>
                  </a:cubicBezTo>
                  <a:cubicBezTo>
                    <a:pt x="218" y="215"/>
                    <a:pt x="221" y="215"/>
                    <a:pt x="221" y="214"/>
                  </a:cubicBezTo>
                  <a:cubicBezTo>
                    <a:pt x="221" y="213"/>
                    <a:pt x="222" y="213"/>
                    <a:pt x="222" y="213"/>
                  </a:cubicBezTo>
                  <a:cubicBezTo>
                    <a:pt x="222" y="212"/>
                    <a:pt x="222" y="211"/>
                    <a:pt x="222" y="211"/>
                  </a:cubicBezTo>
                  <a:cubicBezTo>
                    <a:pt x="222" y="211"/>
                    <a:pt x="224" y="210"/>
                    <a:pt x="224" y="211"/>
                  </a:cubicBezTo>
                  <a:cubicBezTo>
                    <a:pt x="225" y="211"/>
                    <a:pt x="224" y="208"/>
                    <a:pt x="227" y="210"/>
                  </a:cubicBezTo>
                  <a:cubicBezTo>
                    <a:pt x="229" y="213"/>
                    <a:pt x="231" y="213"/>
                    <a:pt x="230" y="213"/>
                  </a:cubicBezTo>
                  <a:cubicBezTo>
                    <a:pt x="230" y="214"/>
                    <a:pt x="231" y="214"/>
                    <a:pt x="232" y="214"/>
                  </a:cubicBezTo>
                  <a:cubicBezTo>
                    <a:pt x="232" y="215"/>
                    <a:pt x="233" y="215"/>
                    <a:pt x="234" y="215"/>
                  </a:cubicBezTo>
                  <a:cubicBezTo>
                    <a:pt x="235" y="216"/>
                    <a:pt x="235" y="215"/>
                    <a:pt x="235" y="216"/>
                  </a:cubicBezTo>
                  <a:cubicBezTo>
                    <a:pt x="236" y="218"/>
                    <a:pt x="237" y="219"/>
                    <a:pt x="238" y="219"/>
                  </a:cubicBezTo>
                  <a:cubicBezTo>
                    <a:pt x="239" y="219"/>
                    <a:pt x="242" y="219"/>
                    <a:pt x="242" y="220"/>
                  </a:cubicBezTo>
                  <a:cubicBezTo>
                    <a:pt x="243" y="220"/>
                    <a:pt x="244" y="219"/>
                    <a:pt x="245" y="220"/>
                  </a:cubicBezTo>
                  <a:cubicBezTo>
                    <a:pt x="246" y="221"/>
                    <a:pt x="246" y="220"/>
                    <a:pt x="247" y="221"/>
                  </a:cubicBezTo>
                  <a:cubicBezTo>
                    <a:pt x="248" y="221"/>
                    <a:pt x="248" y="221"/>
                    <a:pt x="249" y="221"/>
                  </a:cubicBezTo>
                  <a:cubicBezTo>
                    <a:pt x="250" y="221"/>
                    <a:pt x="251" y="220"/>
                    <a:pt x="252" y="221"/>
                  </a:cubicBezTo>
                  <a:cubicBezTo>
                    <a:pt x="252" y="221"/>
                    <a:pt x="252" y="221"/>
                    <a:pt x="254" y="222"/>
                  </a:cubicBezTo>
                  <a:cubicBezTo>
                    <a:pt x="256" y="222"/>
                    <a:pt x="256" y="221"/>
                    <a:pt x="257" y="222"/>
                  </a:cubicBezTo>
                  <a:cubicBezTo>
                    <a:pt x="258" y="223"/>
                    <a:pt x="261" y="224"/>
                    <a:pt x="261" y="224"/>
                  </a:cubicBezTo>
                  <a:cubicBezTo>
                    <a:pt x="261" y="224"/>
                    <a:pt x="263" y="224"/>
                    <a:pt x="263" y="225"/>
                  </a:cubicBezTo>
                  <a:cubicBezTo>
                    <a:pt x="264" y="225"/>
                    <a:pt x="265" y="226"/>
                    <a:pt x="265" y="226"/>
                  </a:cubicBezTo>
                  <a:cubicBezTo>
                    <a:pt x="265" y="225"/>
                    <a:pt x="266" y="225"/>
                    <a:pt x="266" y="225"/>
                  </a:cubicBezTo>
                  <a:cubicBezTo>
                    <a:pt x="267" y="225"/>
                    <a:pt x="267" y="224"/>
                    <a:pt x="267" y="223"/>
                  </a:cubicBezTo>
                  <a:cubicBezTo>
                    <a:pt x="267" y="222"/>
                    <a:pt x="267" y="222"/>
                    <a:pt x="267" y="221"/>
                  </a:cubicBezTo>
                  <a:cubicBezTo>
                    <a:pt x="266" y="221"/>
                    <a:pt x="267" y="219"/>
                    <a:pt x="266" y="219"/>
                  </a:cubicBezTo>
                  <a:cubicBezTo>
                    <a:pt x="266" y="218"/>
                    <a:pt x="268" y="219"/>
                    <a:pt x="265" y="217"/>
                  </a:cubicBezTo>
                  <a:cubicBezTo>
                    <a:pt x="262" y="216"/>
                    <a:pt x="257" y="212"/>
                    <a:pt x="257" y="211"/>
                  </a:cubicBezTo>
                  <a:cubicBezTo>
                    <a:pt x="257" y="210"/>
                    <a:pt x="256" y="209"/>
                    <a:pt x="255" y="208"/>
                  </a:cubicBezTo>
                  <a:cubicBezTo>
                    <a:pt x="254" y="208"/>
                    <a:pt x="258" y="208"/>
                    <a:pt x="252" y="206"/>
                  </a:cubicBezTo>
                  <a:cubicBezTo>
                    <a:pt x="246" y="204"/>
                    <a:pt x="245" y="203"/>
                    <a:pt x="245" y="203"/>
                  </a:cubicBezTo>
                  <a:cubicBezTo>
                    <a:pt x="244" y="203"/>
                    <a:pt x="245" y="202"/>
                    <a:pt x="244" y="201"/>
                  </a:cubicBezTo>
                  <a:cubicBezTo>
                    <a:pt x="243" y="200"/>
                    <a:pt x="244" y="200"/>
                    <a:pt x="242" y="199"/>
                  </a:cubicBezTo>
                  <a:cubicBezTo>
                    <a:pt x="240" y="198"/>
                    <a:pt x="240" y="197"/>
                    <a:pt x="240" y="197"/>
                  </a:cubicBezTo>
                  <a:cubicBezTo>
                    <a:pt x="239" y="197"/>
                    <a:pt x="239" y="196"/>
                    <a:pt x="239" y="196"/>
                  </a:cubicBezTo>
                  <a:cubicBezTo>
                    <a:pt x="238" y="195"/>
                    <a:pt x="238" y="194"/>
                    <a:pt x="238" y="194"/>
                  </a:cubicBezTo>
                  <a:cubicBezTo>
                    <a:pt x="238" y="194"/>
                    <a:pt x="240" y="193"/>
                    <a:pt x="240" y="193"/>
                  </a:cubicBezTo>
                  <a:cubicBezTo>
                    <a:pt x="241" y="193"/>
                    <a:pt x="242" y="193"/>
                    <a:pt x="242" y="194"/>
                  </a:cubicBezTo>
                  <a:cubicBezTo>
                    <a:pt x="243" y="194"/>
                    <a:pt x="245" y="194"/>
                    <a:pt x="245" y="195"/>
                  </a:cubicBezTo>
                  <a:cubicBezTo>
                    <a:pt x="245" y="195"/>
                    <a:pt x="247" y="195"/>
                    <a:pt x="247" y="196"/>
                  </a:cubicBezTo>
                  <a:cubicBezTo>
                    <a:pt x="248" y="197"/>
                    <a:pt x="248" y="196"/>
                    <a:pt x="249" y="197"/>
                  </a:cubicBezTo>
                  <a:cubicBezTo>
                    <a:pt x="250" y="198"/>
                    <a:pt x="255" y="200"/>
                    <a:pt x="256" y="201"/>
                  </a:cubicBezTo>
                  <a:cubicBezTo>
                    <a:pt x="257" y="201"/>
                    <a:pt x="261" y="203"/>
                    <a:pt x="261" y="203"/>
                  </a:cubicBezTo>
                  <a:cubicBezTo>
                    <a:pt x="261" y="203"/>
                    <a:pt x="263" y="203"/>
                    <a:pt x="264" y="204"/>
                  </a:cubicBezTo>
                  <a:cubicBezTo>
                    <a:pt x="264" y="205"/>
                    <a:pt x="266" y="206"/>
                    <a:pt x="267" y="207"/>
                  </a:cubicBezTo>
                  <a:cubicBezTo>
                    <a:pt x="267" y="207"/>
                    <a:pt x="267" y="207"/>
                    <a:pt x="269" y="207"/>
                  </a:cubicBezTo>
                  <a:cubicBezTo>
                    <a:pt x="272" y="207"/>
                    <a:pt x="271" y="204"/>
                    <a:pt x="272" y="207"/>
                  </a:cubicBezTo>
                  <a:cubicBezTo>
                    <a:pt x="273" y="209"/>
                    <a:pt x="273" y="209"/>
                    <a:pt x="273" y="209"/>
                  </a:cubicBezTo>
                  <a:cubicBezTo>
                    <a:pt x="273" y="209"/>
                    <a:pt x="274" y="209"/>
                    <a:pt x="274" y="209"/>
                  </a:cubicBezTo>
                  <a:cubicBezTo>
                    <a:pt x="275" y="210"/>
                    <a:pt x="276" y="210"/>
                    <a:pt x="276" y="210"/>
                  </a:cubicBezTo>
                  <a:cubicBezTo>
                    <a:pt x="277" y="212"/>
                    <a:pt x="277" y="212"/>
                    <a:pt x="277" y="212"/>
                  </a:cubicBezTo>
                  <a:cubicBezTo>
                    <a:pt x="278" y="213"/>
                    <a:pt x="278" y="213"/>
                    <a:pt x="278" y="213"/>
                  </a:cubicBezTo>
                  <a:cubicBezTo>
                    <a:pt x="278" y="214"/>
                    <a:pt x="279" y="213"/>
                    <a:pt x="280" y="214"/>
                  </a:cubicBezTo>
                  <a:cubicBezTo>
                    <a:pt x="281" y="215"/>
                    <a:pt x="280" y="216"/>
                    <a:pt x="280" y="216"/>
                  </a:cubicBezTo>
                  <a:cubicBezTo>
                    <a:pt x="281" y="215"/>
                    <a:pt x="282" y="213"/>
                    <a:pt x="282" y="213"/>
                  </a:cubicBezTo>
                  <a:cubicBezTo>
                    <a:pt x="282" y="213"/>
                    <a:pt x="281" y="211"/>
                    <a:pt x="281" y="211"/>
                  </a:cubicBezTo>
                  <a:cubicBezTo>
                    <a:pt x="280" y="212"/>
                    <a:pt x="280" y="210"/>
                    <a:pt x="280" y="210"/>
                  </a:cubicBezTo>
                  <a:cubicBezTo>
                    <a:pt x="280" y="210"/>
                    <a:pt x="279" y="210"/>
                    <a:pt x="279" y="209"/>
                  </a:cubicBezTo>
                  <a:cubicBezTo>
                    <a:pt x="278" y="209"/>
                    <a:pt x="277" y="208"/>
                    <a:pt x="277" y="208"/>
                  </a:cubicBezTo>
                  <a:cubicBezTo>
                    <a:pt x="278" y="207"/>
                    <a:pt x="278" y="206"/>
                    <a:pt x="279" y="206"/>
                  </a:cubicBezTo>
                  <a:cubicBezTo>
                    <a:pt x="279" y="207"/>
                    <a:pt x="281" y="209"/>
                    <a:pt x="281" y="208"/>
                  </a:cubicBezTo>
                  <a:cubicBezTo>
                    <a:pt x="282" y="207"/>
                    <a:pt x="282" y="205"/>
                    <a:pt x="282" y="205"/>
                  </a:cubicBezTo>
                  <a:cubicBezTo>
                    <a:pt x="282" y="205"/>
                    <a:pt x="281" y="203"/>
                    <a:pt x="281" y="203"/>
                  </a:cubicBezTo>
                  <a:cubicBezTo>
                    <a:pt x="280" y="203"/>
                    <a:pt x="280" y="202"/>
                    <a:pt x="280" y="202"/>
                  </a:cubicBezTo>
                  <a:cubicBezTo>
                    <a:pt x="282" y="201"/>
                    <a:pt x="282" y="201"/>
                    <a:pt x="282" y="201"/>
                  </a:cubicBezTo>
                  <a:cubicBezTo>
                    <a:pt x="282" y="201"/>
                    <a:pt x="284" y="201"/>
                    <a:pt x="284" y="200"/>
                  </a:cubicBezTo>
                  <a:cubicBezTo>
                    <a:pt x="284" y="200"/>
                    <a:pt x="284" y="198"/>
                    <a:pt x="284" y="198"/>
                  </a:cubicBezTo>
                  <a:cubicBezTo>
                    <a:pt x="284" y="195"/>
                    <a:pt x="284" y="195"/>
                    <a:pt x="284" y="195"/>
                  </a:cubicBezTo>
                  <a:cubicBezTo>
                    <a:pt x="283" y="195"/>
                    <a:pt x="283" y="193"/>
                    <a:pt x="282" y="193"/>
                  </a:cubicBezTo>
                  <a:cubicBezTo>
                    <a:pt x="282" y="193"/>
                    <a:pt x="282" y="192"/>
                    <a:pt x="282" y="191"/>
                  </a:cubicBezTo>
                  <a:cubicBezTo>
                    <a:pt x="281" y="191"/>
                    <a:pt x="282" y="191"/>
                    <a:pt x="281" y="190"/>
                  </a:cubicBezTo>
                  <a:cubicBezTo>
                    <a:pt x="281" y="189"/>
                    <a:pt x="281" y="188"/>
                    <a:pt x="280" y="188"/>
                  </a:cubicBezTo>
                  <a:cubicBezTo>
                    <a:pt x="279" y="188"/>
                    <a:pt x="278" y="187"/>
                    <a:pt x="278" y="187"/>
                  </a:cubicBezTo>
                  <a:cubicBezTo>
                    <a:pt x="277" y="187"/>
                    <a:pt x="277" y="186"/>
                    <a:pt x="277" y="185"/>
                  </a:cubicBezTo>
                  <a:cubicBezTo>
                    <a:pt x="276" y="185"/>
                    <a:pt x="276" y="184"/>
                    <a:pt x="276" y="184"/>
                  </a:cubicBezTo>
                  <a:cubicBezTo>
                    <a:pt x="277" y="184"/>
                    <a:pt x="277" y="182"/>
                    <a:pt x="277" y="182"/>
                  </a:cubicBezTo>
                  <a:cubicBezTo>
                    <a:pt x="277" y="181"/>
                    <a:pt x="278" y="179"/>
                    <a:pt x="277" y="179"/>
                  </a:cubicBezTo>
                  <a:cubicBezTo>
                    <a:pt x="275" y="179"/>
                    <a:pt x="274" y="176"/>
                    <a:pt x="274" y="177"/>
                  </a:cubicBezTo>
                  <a:cubicBezTo>
                    <a:pt x="273" y="177"/>
                    <a:pt x="273" y="176"/>
                    <a:pt x="272" y="176"/>
                  </a:cubicBezTo>
                  <a:cubicBezTo>
                    <a:pt x="272" y="175"/>
                    <a:pt x="272" y="173"/>
                    <a:pt x="271" y="174"/>
                  </a:cubicBezTo>
                  <a:cubicBezTo>
                    <a:pt x="270" y="175"/>
                    <a:pt x="270" y="175"/>
                    <a:pt x="269" y="176"/>
                  </a:cubicBezTo>
                  <a:cubicBezTo>
                    <a:pt x="269" y="176"/>
                    <a:pt x="268" y="176"/>
                    <a:pt x="268" y="176"/>
                  </a:cubicBezTo>
                  <a:cubicBezTo>
                    <a:pt x="267" y="176"/>
                    <a:pt x="267" y="175"/>
                    <a:pt x="266" y="174"/>
                  </a:cubicBezTo>
                  <a:cubicBezTo>
                    <a:pt x="265" y="174"/>
                    <a:pt x="265" y="173"/>
                    <a:pt x="264" y="173"/>
                  </a:cubicBezTo>
                  <a:cubicBezTo>
                    <a:pt x="263" y="174"/>
                    <a:pt x="262" y="173"/>
                    <a:pt x="261" y="174"/>
                  </a:cubicBezTo>
                  <a:cubicBezTo>
                    <a:pt x="261" y="174"/>
                    <a:pt x="261" y="171"/>
                    <a:pt x="260" y="171"/>
                  </a:cubicBezTo>
                  <a:cubicBezTo>
                    <a:pt x="260" y="170"/>
                    <a:pt x="260" y="168"/>
                    <a:pt x="260" y="168"/>
                  </a:cubicBezTo>
                  <a:cubicBezTo>
                    <a:pt x="260" y="169"/>
                    <a:pt x="259" y="167"/>
                    <a:pt x="258" y="167"/>
                  </a:cubicBezTo>
                  <a:cubicBezTo>
                    <a:pt x="258" y="168"/>
                    <a:pt x="257" y="166"/>
                    <a:pt x="257" y="166"/>
                  </a:cubicBezTo>
                  <a:cubicBezTo>
                    <a:pt x="257" y="164"/>
                    <a:pt x="257" y="164"/>
                    <a:pt x="257" y="164"/>
                  </a:cubicBezTo>
                  <a:cubicBezTo>
                    <a:pt x="257" y="164"/>
                    <a:pt x="257" y="163"/>
                    <a:pt x="256" y="163"/>
                  </a:cubicBezTo>
                  <a:cubicBezTo>
                    <a:pt x="255" y="162"/>
                    <a:pt x="256" y="161"/>
                    <a:pt x="254" y="161"/>
                  </a:cubicBezTo>
                  <a:cubicBezTo>
                    <a:pt x="253" y="161"/>
                    <a:pt x="253" y="159"/>
                    <a:pt x="252" y="160"/>
                  </a:cubicBezTo>
                  <a:cubicBezTo>
                    <a:pt x="250" y="161"/>
                    <a:pt x="250" y="161"/>
                    <a:pt x="250" y="161"/>
                  </a:cubicBezTo>
                  <a:cubicBezTo>
                    <a:pt x="249" y="159"/>
                    <a:pt x="249" y="159"/>
                    <a:pt x="249" y="158"/>
                  </a:cubicBezTo>
                  <a:cubicBezTo>
                    <a:pt x="249" y="157"/>
                    <a:pt x="249" y="157"/>
                    <a:pt x="248" y="157"/>
                  </a:cubicBezTo>
                  <a:cubicBezTo>
                    <a:pt x="248" y="157"/>
                    <a:pt x="247" y="156"/>
                    <a:pt x="247" y="156"/>
                  </a:cubicBezTo>
                  <a:cubicBezTo>
                    <a:pt x="246" y="156"/>
                    <a:pt x="247" y="155"/>
                    <a:pt x="246" y="155"/>
                  </a:cubicBezTo>
                  <a:cubicBezTo>
                    <a:pt x="245" y="155"/>
                    <a:pt x="245" y="154"/>
                    <a:pt x="244" y="154"/>
                  </a:cubicBezTo>
                  <a:cubicBezTo>
                    <a:pt x="244" y="153"/>
                    <a:pt x="243" y="152"/>
                    <a:pt x="243" y="152"/>
                  </a:cubicBezTo>
                  <a:cubicBezTo>
                    <a:pt x="242" y="151"/>
                    <a:pt x="242" y="151"/>
                    <a:pt x="242" y="151"/>
                  </a:cubicBezTo>
                  <a:cubicBezTo>
                    <a:pt x="242" y="151"/>
                    <a:pt x="243" y="151"/>
                    <a:pt x="244" y="152"/>
                  </a:cubicBezTo>
                  <a:cubicBezTo>
                    <a:pt x="244" y="152"/>
                    <a:pt x="246" y="152"/>
                    <a:pt x="246" y="153"/>
                  </a:cubicBezTo>
                  <a:cubicBezTo>
                    <a:pt x="246" y="153"/>
                    <a:pt x="247" y="154"/>
                    <a:pt x="247" y="154"/>
                  </a:cubicBezTo>
                  <a:cubicBezTo>
                    <a:pt x="247" y="154"/>
                    <a:pt x="248" y="155"/>
                    <a:pt x="249" y="155"/>
                  </a:cubicBezTo>
                  <a:cubicBezTo>
                    <a:pt x="249" y="156"/>
                    <a:pt x="250" y="156"/>
                    <a:pt x="250" y="156"/>
                  </a:cubicBezTo>
                  <a:cubicBezTo>
                    <a:pt x="251" y="156"/>
                    <a:pt x="253" y="156"/>
                    <a:pt x="254" y="156"/>
                  </a:cubicBezTo>
                  <a:cubicBezTo>
                    <a:pt x="254" y="156"/>
                    <a:pt x="255" y="157"/>
                    <a:pt x="255" y="156"/>
                  </a:cubicBezTo>
                  <a:cubicBezTo>
                    <a:pt x="255" y="154"/>
                    <a:pt x="255" y="155"/>
                    <a:pt x="255" y="154"/>
                  </a:cubicBezTo>
                  <a:cubicBezTo>
                    <a:pt x="255" y="154"/>
                    <a:pt x="256" y="152"/>
                    <a:pt x="255" y="152"/>
                  </a:cubicBezTo>
                  <a:cubicBezTo>
                    <a:pt x="254" y="153"/>
                    <a:pt x="254" y="151"/>
                    <a:pt x="253" y="151"/>
                  </a:cubicBezTo>
                  <a:cubicBezTo>
                    <a:pt x="252" y="151"/>
                    <a:pt x="252" y="151"/>
                    <a:pt x="251" y="150"/>
                  </a:cubicBezTo>
                  <a:cubicBezTo>
                    <a:pt x="251" y="150"/>
                    <a:pt x="251" y="149"/>
                    <a:pt x="251" y="149"/>
                  </a:cubicBezTo>
                  <a:cubicBezTo>
                    <a:pt x="252" y="149"/>
                    <a:pt x="252" y="149"/>
                    <a:pt x="254" y="149"/>
                  </a:cubicBezTo>
                  <a:cubicBezTo>
                    <a:pt x="255" y="149"/>
                    <a:pt x="257" y="148"/>
                    <a:pt x="257" y="148"/>
                  </a:cubicBezTo>
                  <a:cubicBezTo>
                    <a:pt x="256" y="148"/>
                    <a:pt x="257" y="147"/>
                    <a:pt x="257" y="146"/>
                  </a:cubicBezTo>
                  <a:cubicBezTo>
                    <a:pt x="256" y="145"/>
                    <a:pt x="257" y="144"/>
                    <a:pt x="257" y="144"/>
                  </a:cubicBezTo>
                  <a:cubicBezTo>
                    <a:pt x="258" y="144"/>
                    <a:pt x="258" y="143"/>
                    <a:pt x="259" y="144"/>
                  </a:cubicBezTo>
                  <a:cubicBezTo>
                    <a:pt x="260" y="145"/>
                    <a:pt x="261" y="144"/>
                    <a:pt x="261" y="146"/>
                  </a:cubicBezTo>
                  <a:cubicBezTo>
                    <a:pt x="262" y="147"/>
                    <a:pt x="263" y="147"/>
                    <a:pt x="263" y="148"/>
                  </a:cubicBezTo>
                  <a:cubicBezTo>
                    <a:pt x="263" y="148"/>
                    <a:pt x="263" y="149"/>
                    <a:pt x="264" y="149"/>
                  </a:cubicBezTo>
                  <a:cubicBezTo>
                    <a:pt x="264" y="150"/>
                    <a:pt x="266" y="149"/>
                    <a:pt x="266" y="150"/>
                  </a:cubicBezTo>
                  <a:cubicBezTo>
                    <a:pt x="266" y="150"/>
                    <a:pt x="267" y="150"/>
                    <a:pt x="267" y="150"/>
                  </a:cubicBezTo>
                  <a:cubicBezTo>
                    <a:pt x="268" y="151"/>
                    <a:pt x="268" y="150"/>
                    <a:pt x="268" y="151"/>
                  </a:cubicBezTo>
                  <a:cubicBezTo>
                    <a:pt x="268" y="153"/>
                    <a:pt x="269" y="153"/>
                    <a:pt x="269" y="154"/>
                  </a:cubicBezTo>
                  <a:cubicBezTo>
                    <a:pt x="269" y="154"/>
                    <a:pt x="270" y="154"/>
                    <a:pt x="270" y="155"/>
                  </a:cubicBezTo>
                  <a:cubicBezTo>
                    <a:pt x="271" y="155"/>
                    <a:pt x="273" y="154"/>
                    <a:pt x="273" y="154"/>
                  </a:cubicBezTo>
                  <a:cubicBezTo>
                    <a:pt x="274" y="156"/>
                    <a:pt x="275" y="156"/>
                    <a:pt x="275" y="156"/>
                  </a:cubicBezTo>
                  <a:cubicBezTo>
                    <a:pt x="276" y="158"/>
                    <a:pt x="277" y="156"/>
                    <a:pt x="277" y="157"/>
                  </a:cubicBezTo>
                  <a:cubicBezTo>
                    <a:pt x="278" y="158"/>
                    <a:pt x="279" y="158"/>
                    <a:pt x="279" y="159"/>
                  </a:cubicBezTo>
                  <a:cubicBezTo>
                    <a:pt x="278" y="160"/>
                    <a:pt x="277" y="161"/>
                    <a:pt x="278" y="161"/>
                  </a:cubicBezTo>
                  <a:cubicBezTo>
                    <a:pt x="279" y="161"/>
                    <a:pt x="281" y="161"/>
                    <a:pt x="281" y="162"/>
                  </a:cubicBezTo>
                  <a:cubicBezTo>
                    <a:pt x="281" y="162"/>
                    <a:pt x="282" y="161"/>
                    <a:pt x="281" y="163"/>
                  </a:cubicBezTo>
                  <a:cubicBezTo>
                    <a:pt x="280" y="164"/>
                    <a:pt x="280" y="165"/>
                    <a:pt x="281" y="165"/>
                  </a:cubicBezTo>
                  <a:cubicBezTo>
                    <a:pt x="281" y="166"/>
                    <a:pt x="283" y="167"/>
                    <a:pt x="283" y="167"/>
                  </a:cubicBezTo>
                  <a:cubicBezTo>
                    <a:pt x="283" y="168"/>
                    <a:pt x="284" y="168"/>
                    <a:pt x="285" y="168"/>
                  </a:cubicBezTo>
                  <a:cubicBezTo>
                    <a:pt x="286" y="168"/>
                    <a:pt x="286" y="167"/>
                    <a:pt x="287" y="167"/>
                  </a:cubicBezTo>
                  <a:cubicBezTo>
                    <a:pt x="287" y="167"/>
                    <a:pt x="289" y="167"/>
                    <a:pt x="289" y="169"/>
                  </a:cubicBezTo>
                  <a:cubicBezTo>
                    <a:pt x="289" y="170"/>
                    <a:pt x="291" y="170"/>
                    <a:pt x="292" y="170"/>
                  </a:cubicBezTo>
                  <a:cubicBezTo>
                    <a:pt x="292" y="171"/>
                    <a:pt x="293" y="170"/>
                    <a:pt x="294" y="171"/>
                  </a:cubicBezTo>
                  <a:cubicBezTo>
                    <a:pt x="294" y="171"/>
                    <a:pt x="295" y="172"/>
                    <a:pt x="295" y="172"/>
                  </a:cubicBezTo>
                  <a:cubicBezTo>
                    <a:pt x="296" y="172"/>
                    <a:pt x="298" y="171"/>
                    <a:pt x="298" y="170"/>
                  </a:cubicBezTo>
                  <a:cubicBezTo>
                    <a:pt x="298" y="169"/>
                    <a:pt x="300" y="167"/>
                    <a:pt x="299" y="166"/>
                  </a:cubicBezTo>
                  <a:cubicBezTo>
                    <a:pt x="298" y="165"/>
                    <a:pt x="298" y="165"/>
                    <a:pt x="298" y="163"/>
                  </a:cubicBezTo>
                  <a:cubicBezTo>
                    <a:pt x="297" y="161"/>
                    <a:pt x="298" y="162"/>
                    <a:pt x="298" y="160"/>
                  </a:cubicBezTo>
                  <a:cubicBezTo>
                    <a:pt x="298" y="158"/>
                    <a:pt x="300" y="159"/>
                    <a:pt x="299" y="159"/>
                  </a:cubicBezTo>
                  <a:cubicBezTo>
                    <a:pt x="299" y="160"/>
                    <a:pt x="300" y="159"/>
                    <a:pt x="301" y="160"/>
                  </a:cubicBezTo>
                  <a:cubicBezTo>
                    <a:pt x="302" y="161"/>
                    <a:pt x="304" y="160"/>
                    <a:pt x="304" y="160"/>
                  </a:cubicBezTo>
                  <a:cubicBezTo>
                    <a:pt x="307" y="158"/>
                    <a:pt x="307" y="158"/>
                    <a:pt x="307" y="158"/>
                  </a:cubicBezTo>
                  <a:cubicBezTo>
                    <a:pt x="307" y="156"/>
                    <a:pt x="307" y="156"/>
                    <a:pt x="307" y="156"/>
                  </a:cubicBezTo>
                  <a:cubicBezTo>
                    <a:pt x="309" y="156"/>
                    <a:pt x="309" y="156"/>
                    <a:pt x="309" y="156"/>
                  </a:cubicBezTo>
                  <a:cubicBezTo>
                    <a:pt x="309" y="156"/>
                    <a:pt x="310" y="155"/>
                    <a:pt x="310" y="154"/>
                  </a:cubicBezTo>
                  <a:cubicBezTo>
                    <a:pt x="310" y="154"/>
                    <a:pt x="311" y="153"/>
                    <a:pt x="311" y="153"/>
                  </a:cubicBezTo>
                  <a:cubicBezTo>
                    <a:pt x="311" y="153"/>
                    <a:pt x="312" y="152"/>
                    <a:pt x="311" y="152"/>
                  </a:cubicBezTo>
                  <a:cubicBezTo>
                    <a:pt x="310" y="151"/>
                    <a:pt x="309" y="151"/>
                    <a:pt x="309" y="150"/>
                  </a:cubicBezTo>
                  <a:cubicBezTo>
                    <a:pt x="308" y="149"/>
                    <a:pt x="308" y="147"/>
                    <a:pt x="309" y="147"/>
                  </a:cubicBezTo>
                  <a:cubicBezTo>
                    <a:pt x="310" y="147"/>
                    <a:pt x="310" y="147"/>
                    <a:pt x="311" y="148"/>
                  </a:cubicBezTo>
                  <a:cubicBezTo>
                    <a:pt x="312" y="148"/>
                    <a:pt x="315" y="147"/>
                    <a:pt x="315" y="148"/>
                  </a:cubicBezTo>
                  <a:cubicBezTo>
                    <a:pt x="315" y="148"/>
                    <a:pt x="314" y="148"/>
                    <a:pt x="316" y="148"/>
                  </a:cubicBezTo>
                  <a:cubicBezTo>
                    <a:pt x="318" y="149"/>
                    <a:pt x="320" y="148"/>
                    <a:pt x="320" y="148"/>
                  </a:cubicBezTo>
                  <a:cubicBezTo>
                    <a:pt x="321" y="148"/>
                    <a:pt x="322" y="144"/>
                    <a:pt x="322" y="144"/>
                  </a:cubicBezTo>
                  <a:cubicBezTo>
                    <a:pt x="322" y="143"/>
                    <a:pt x="323" y="142"/>
                    <a:pt x="322" y="141"/>
                  </a:cubicBezTo>
                  <a:cubicBezTo>
                    <a:pt x="322" y="141"/>
                    <a:pt x="322" y="139"/>
                    <a:pt x="322" y="139"/>
                  </a:cubicBezTo>
                  <a:cubicBezTo>
                    <a:pt x="321" y="139"/>
                    <a:pt x="321" y="138"/>
                    <a:pt x="320" y="138"/>
                  </a:cubicBezTo>
                  <a:cubicBezTo>
                    <a:pt x="318" y="137"/>
                    <a:pt x="317" y="136"/>
                    <a:pt x="316" y="136"/>
                  </a:cubicBezTo>
                  <a:cubicBezTo>
                    <a:pt x="315" y="137"/>
                    <a:pt x="315" y="136"/>
                    <a:pt x="314" y="136"/>
                  </a:cubicBezTo>
                  <a:cubicBezTo>
                    <a:pt x="313" y="136"/>
                    <a:pt x="314" y="136"/>
                    <a:pt x="312" y="135"/>
                  </a:cubicBezTo>
                  <a:cubicBezTo>
                    <a:pt x="310" y="135"/>
                    <a:pt x="311" y="133"/>
                    <a:pt x="310" y="134"/>
                  </a:cubicBezTo>
                  <a:cubicBezTo>
                    <a:pt x="309" y="136"/>
                    <a:pt x="309" y="135"/>
                    <a:pt x="308" y="136"/>
                  </a:cubicBezTo>
                  <a:cubicBezTo>
                    <a:pt x="307" y="137"/>
                    <a:pt x="307" y="136"/>
                    <a:pt x="306" y="137"/>
                  </a:cubicBezTo>
                  <a:cubicBezTo>
                    <a:pt x="305" y="137"/>
                    <a:pt x="304" y="138"/>
                    <a:pt x="305" y="136"/>
                  </a:cubicBezTo>
                  <a:cubicBezTo>
                    <a:pt x="306" y="135"/>
                    <a:pt x="306" y="134"/>
                    <a:pt x="307" y="134"/>
                  </a:cubicBezTo>
                  <a:cubicBezTo>
                    <a:pt x="307" y="133"/>
                    <a:pt x="309" y="133"/>
                    <a:pt x="308" y="132"/>
                  </a:cubicBezTo>
                  <a:cubicBezTo>
                    <a:pt x="308" y="132"/>
                    <a:pt x="308" y="131"/>
                    <a:pt x="307" y="131"/>
                  </a:cubicBezTo>
                  <a:cubicBezTo>
                    <a:pt x="305" y="131"/>
                    <a:pt x="305" y="130"/>
                    <a:pt x="304" y="130"/>
                  </a:cubicBezTo>
                  <a:cubicBezTo>
                    <a:pt x="303" y="129"/>
                    <a:pt x="303" y="128"/>
                    <a:pt x="303" y="127"/>
                  </a:cubicBezTo>
                  <a:cubicBezTo>
                    <a:pt x="302" y="127"/>
                    <a:pt x="301" y="124"/>
                    <a:pt x="300" y="124"/>
                  </a:cubicBezTo>
                  <a:cubicBezTo>
                    <a:pt x="299" y="124"/>
                    <a:pt x="298" y="124"/>
                    <a:pt x="296" y="124"/>
                  </a:cubicBezTo>
                  <a:cubicBezTo>
                    <a:pt x="294" y="125"/>
                    <a:pt x="294" y="124"/>
                    <a:pt x="293" y="125"/>
                  </a:cubicBezTo>
                  <a:cubicBezTo>
                    <a:pt x="291" y="126"/>
                    <a:pt x="292" y="127"/>
                    <a:pt x="291" y="127"/>
                  </a:cubicBezTo>
                  <a:cubicBezTo>
                    <a:pt x="290" y="128"/>
                    <a:pt x="291" y="129"/>
                    <a:pt x="290" y="129"/>
                  </a:cubicBezTo>
                  <a:cubicBezTo>
                    <a:pt x="288" y="130"/>
                    <a:pt x="288" y="129"/>
                    <a:pt x="288" y="128"/>
                  </a:cubicBezTo>
                  <a:cubicBezTo>
                    <a:pt x="288" y="128"/>
                    <a:pt x="289" y="126"/>
                    <a:pt x="289" y="126"/>
                  </a:cubicBezTo>
                  <a:cubicBezTo>
                    <a:pt x="289" y="126"/>
                    <a:pt x="290" y="126"/>
                    <a:pt x="289" y="124"/>
                  </a:cubicBezTo>
                  <a:cubicBezTo>
                    <a:pt x="289" y="122"/>
                    <a:pt x="290" y="120"/>
                    <a:pt x="288" y="120"/>
                  </a:cubicBezTo>
                  <a:cubicBezTo>
                    <a:pt x="286" y="120"/>
                    <a:pt x="287" y="120"/>
                    <a:pt x="286" y="120"/>
                  </a:cubicBezTo>
                  <a:cubicBezTo>
                    <a:pt x="284" y="119"/>
                    <a:pt x="284" y="118"/>
                    <a:pt x="283" y="118"/>
                  </a:cubicBezTo>
                  <a:cubicBezTo>
                    <a:pt x="283" y="118"/>
                    <a:pt x="281" y="119"/>
                    <a:pt x="280" y="118"/>
                  </a:cubicBezTo>
                  <a:cubicBezTo>
                    <a:pt x="279" y="118"/>
                    <a:pt x="279" y="117"/>
                    <a:pt x="278" y="117"/>
                  </a:cubicBezTo>
                  <a:cubicBezTo>
                    <a:pt x="277" y="117"/>
                    <a:pt x="277" y="116"/>
                    <a:pt x="276" y="117"/>
                  </a:cubicBezTo>
                  <a:cubicBezTo>
                    <a:pt x="276" y="118"/>
                    <a:pt x="276" y="118"/>
                    <a:pt x="275" y="119"/>
                  </a:cubicBezTo>
                  <a:cubicBezTo>
                    <a:pt x="275" y="119"/>
                    <a:pt x="275" y="118"/>
                    <a:pt x="274" y="118"/>
                  </a:cubicBezTo>
                  <a:cubicBezTo>
                    <a:pt x="271" y="119"/>
                    <a:pt x="272" y="118"/>
                    <a:pt x="271" y="119"/>
                  </a:cubicBezTo>
                  <a:cubicBezTo>
                    <a:pt x="270" y="120"/>
                    <a:pt x="270" y="121"/>
                    <a:pt x="270" y="121"/>
                  </a:cubicBezTo>
                  <a:cubicBezTo>
                    <a:pt x="268" y="121"/>
                    <a:pt x="268" y="120"/>
                    <a:pt x="268" y="119"/>
                  </a:cubicBezTo>
                  <a:cubicBezTo>
                    <a:pt x="268" y="119"/>
                    <a:pt x="268" y="119"/>
                    <a:pt x="268" y="118"/>
                  </a:cubicBezTo>
                  <a:cubicBezTo>
                    <a:pt x="269" y="117"/>
                    <a:pt x="270" y="117"/>
                    <a:pt x="270" y="117"/>
                  </a:cubicBezTo>
                  <a:cubicBezTo>
                    <a:pt x="270" y="116"/>
                    <a:pt x="271" y="115"/>
                    <a:pt x="271" y="114"/>
                  </a:cubicBezTo>
                  <a:cubicBezTo>
                    <a:pt x="271" y="114"/>
                    <a:pt x="272" y="113"/>
                    <a:pt x="271" y="112"/>
                  </a:cubicBezTo>
                  <a:cubicBezTo>
                    <a:pt x="269" y="110"/>
                    <a:pt x="272" y="110"/>
                    <a:pt x="269" y="109"/>
                  </a:cubicBezTo>
                  <a:cubicBezTo>
                    <a:pt x="265" y="108"/>
                    <a:pt x="266" y="107"/>
                    <a:pt x="264" y="108"/>
                  </a:cubicBezTo>
                  <a:cubicBezTo>
                    <a:pt x="263" y="108"/>
                    <a:pt x="263" y="108"/>
                    <a:pt x="262" y="108"/>
                  </a:cubicBezTo>
                  <a:cubicBezTo>
                    <a:pt x="260" y="109"/>
                    <a:pt x="259" y="109"/>
                    <a:pt x="259" y="110"/>
                  </a:cubicBezTo>
                  <a:cubicBezTo>
                    <a:pt x="258" y="111"/>
                    <a:pt x="259" y="111"/>
                    <a:pt x="258" y="112"/>
                  </a:cubicBezTo>
                  <a:cubicBezTo>
                    <a:pt x="256" y="113"/>
                    <a:pt x="255" y="111"/>
                    <a:pt x="255" y="113"/>
                  </a:cubicBezTo>
                  <a:cubicBezTo>
                    <a:pt x="254" y="114"/>
                    <a:pt x="254" y="114"/>
                    <a:pt x="254" y="115"/>
                  </a:cubicBezTo>
                  <a:cubicBezTo>
                    <a:pt x="253" y="115"/>
                    <a:pt x="254" y="110"/>
                    <a:pt x="254" y="111"/>
                  </a:cubicBezTo>
                  <a:cubicBezTo>
                    <a:pt x="254" y="111"/>
                    <a:pt x="252" y="111"/>
                    <a:pt x="252" y="111"/>
                  </a:cubicBezTo>
                  <a:cubicBezTo>
                    <a:pt x="251" y="112"/>
                    <a:pt x="250" y="113"/>
                    <a:pt x="250" y="113"/>
                  </a:cubicBezTo>
                  <a:cubicBezTo>
                    <a:pt x="249" y="111"/>
                    <a:pt x="249" y="111"/>
                    <a:pt x="249" y="111"/>
                  </a:cubicBezTo>
                  <a:cubicBezTo>
                    <a:pt x="249" y="111"/>
                    <a:pt x="250" y="110"/>
                    <a:pt x="250" y="110"/>
                  </a:cubicBezTo>
                  <a:cubicBezTo>
                    <a:pt x="250" y="109"/>
                    <a:pt x="251" y="109"/>
                    <a:pt x="251" y="109"/>
                  </a:cubicBezTo>
                  <a:cubicBezTo>
                    <a:pt x="251" y="109"/>
                    <a:pt x="250" y="107"/>
                    <a:pt x="249" y="107"/>
                  </a:cubicBezTo>
                  <a:cubicBezTo>
                    <a:pt x="249" y="107"/>
                    <a:pt x="248" y="106"/>
                    <a:pt x="247" y="107"/>
                  </a:cubicBezTo>
                  <a:cubicBezTo>
                    <a:pt x="247" y="107"/>
                    <a:pt x="246" y="106"/>
                    <a:pt x="246" y="106"/>
                  </a:cubicBezTo>
                  <a:cubicBezTo>
                    <a:pt x="245" y="107"/>
                    <a:pt x="245" y="106"/>
                    <a:pt x="244" y="105"/>
                  </a:cubicBezTo>
                  <a:cubicBezTo>
                    <a:pt x="243" y="104"/>
                    <a:pt x="245" y="103"/>
                    <a:pt x="243" y="104"/>
                  </a:cubicBezTo>
                  <a:cubicBezTo>
                    <a:pt x="241" y="104"/>
                    <a:pt x="241" y="103"/>
                    <a:pt x="240" y="103"/>
                  </a:cubicBezTo>
                  <a:cubicBezTo>
                    <a:pt x="240" y="103"/>
                    <a:pt x="239" y="102"/>
                    <a:pt x="239" y="102"/>
                  </a:cubicBezTo>
                  <a:cubicBezTo>
                    <a:pt x="238" y="102"/>
                    <a:pt x="242" y="101"/>
                    <a:pt x="242" y="101"/>
                  </a:cubicBezTo>
                  <a:cubicBezTo>
                    <a:pt x="242" y="100"/>
                    <a:pt x="242" y="98"/>
                    <a:pt x="242" y="98"/>
                  </a:cubicBezTo>
                  <a:cubicBezTo>
                    <a:pt x="242" y="98"/>
                    <a:pt x="243" y="98"/>
                    <a:pt x="244" y="98"/>
                  </a:cubicBezTo>
                  <a:cubicBezTo>
                    <a:pt x="244" y="98"/>
                    <a:pt x="246" y="98"/>
                    <a:pt x="246" y="98"/>
                  </a:cubicBezTo>
                  <a:cubicBezTo>
                    <a:pt x="247" y="98"/>
                    <a:pt x="248" y="97"/>
                    <a:pt x="248" y="97"/>
                  </a:cubicBezTo>
                  <a:cubicBezTo>
                    <a:pt x="248" y="96"/>
                    <a:pt x="248" y="96"/>
                    <a:pt x="248" y="96"/>
                  </a:cubicBezTo>
                  <a:cubicBezTo>
                    <a:pt x="247" y="95"/>
                    <a:pt x="247" y="95"/>
                    <a:pt x="247" y="95"/>
                  </a:cubicBezTo>
                  <a:cubicBezTo>
                    <a:pt x="247" y="95"/>
                    <a:pt x="250" y="94"/>
                    <a:pt x="251" y="95"/>
                  </a:cubicBezTo>
                  <a:cubicBezTo>
                    <a:pt x="251" y="95"/>
                    <a:pt x="253" y="95"/>
                    <a:pt x="253" y="95"/>
                  </a:cubicBezTo>
                  <a:cubicBezTo>
                    <a:pt x="254" y="96"/>
                    <a:pt x="257" y="96"/>
                    <a:pt x="258" y="96"/>
                  </a:cubicBezTo>
                  <a:cubicBezTo>
                    <a:pt x="258" y="96"/>
                    <a:pt x="261" y="95"/>
                    <a:pt x="261" y="95"/>
                  </a:cubicBezTo>
                  <a:cubicBezTo>
                    <a:pt x="261" y="95"/>
                    <a:pt x="263" y="95"/>
                    <a:pt x="262" y="95"/>
                  </a:cubicBezTo>
                  <a:cubicBezTo>
                    <a:pt x="262" y="95"/>
                    <a:pt x="261" y="94"/>
                    <a:pt x="261" y="93"/>
                  </a:cubicBezTo>
                  <a:cubicBezTo>
                    <a:pt x="260" y="93"/>
                    <a:pt x="260" y="91"/>
                    <a:pt x="258" y="91"/>
                  </a:cubicBezTo>
                  <a:cubicBezTo>
                    <a:pt x="257" y="90"/>
                    <a:pt x="256" y="90"/>
                    <a:pt x="254" y="90"/>
                  </a:cubicBezTo>
                  <a:cubicBezTo>
                    <a:pt x="253" y="89"/>
                    <a:pt x="251" y="89"/>
                    <a:pt x="250" y="89"/>
                  </a:cubicBezTo>
                  <a:cubicBezTo>
                    <a:pt x="249" y="89"/>
                    <a:pt x="249" y="89"/>
                    <a:pt x="248" y="89"/>
                  </a:cubicBezTo>
                  <a:cubicBezTo>
                    <a:pt x="247" y="89"/>
                    <a:pt x="245" y="88"/>
                    <a:pt x="245" y="88"/>
                  </a:cubicBezTo>
                  <a:cubicBezTo>
                    <a:pt x="244" y="88"/>
                    <a:pt x="243" y="87"/>
                    <a:pt x="243" y="87"/>
                  </a:cubicBezTo>
                  <a:cubicBezTo>
                    <a:pt x="243" y="86"/>
                    <a:pt x="243" y="86"/>
                    <a:pt x="244" y="86"/>
                  </a:cubicBezTo>
                  <a:cubicBezTo>
                    <a:pt x="245" y="86"/>
                    <a:pt x="247" y="85"/>
                    <a:pt x="248" y="85"/>
                  </a:cubicBezTo>
                  <a:cubicBezTo>
                    <a:pt x="248" y="85"/>
                    <a:pt x="250" y="84"/>
                    <a:pt x="251" y="84"/>
                  </a:cubicBezTo>
                  <a:cubicBezTo>
                    <a:pt x="252" y="84"/>
                    <a:pt x="254" y="85"/>
                    <a:pt x="255" y="84"/>
                  </a:cubicBezTo>
                  <a:cubicBezTo>
                    <a:pt x="255" y="84"/>
                    <a:pt x="255" y="84"/>
                    <a:pt x="255" y="83"/>
                  </a:cubicBezTo>
                  <a:cubicBezTo>
                    <a:pt x="256" y="83"/>
                    <a:pt x="256" y="81"/>
                    <a:pt x="256" y="81"/>
                  </a:cubicBezTo>
                  <a:cubicBezTo>
                    <a:pt x="256" y="81"/>
                    <a:pt x="256" y="76"/>
                    <a:pt x="254" y="77"/>
                  </a:cubicBezTo>
                  <a:cubicBezTo>
                    <a:pt x="253" y="77"/>
                    <a:pt x="251" y="74"/>
                    <a:pt x="250" y="74"/>
                  </a:cubicBezTo>
                  <a:cubicBezTo>
                    <a:pt x="250" y="74"/>
                    <a:pt x="250" y="72"/>
                    <a:pt x="248" y="73"/>
                  </a:cubicBezTo>
                  <a:cubicBezTo>
                    <a:pt x="246" y="75"/>
                    <a:pt x="246" y="75"/>
                    <a:pt x="245" y="76"/>
                  </a:cubicBezTo>
                  <a:cubicBezTo>
                    <a:pt x="243" y="77"/>
                    <a:pt x="244" y="77"/>
                    <a:pt x="243" y="78"/>
                  </a:cubicBezTo>
                  <a:cubicBezTo>
                    <a:pt x="241" y="79"/>
                    <a:pt x="241" y="78"/>
                    <a:pt x="240" y="78"/>
                  </a:cubicBezTo>
                  <a:cubicBezTo>
                    <a:pt x="238" y="79"/>
                    <a:pt x="238" y="78"/>
                    <a:pt x="238" y="78"/>
                  </a:cubicBezTo>
                  <a:cubicBezTo>
                    <a:pt x="238" y="78"/>
                    <a:pt x="239" y="78"/>
                    <a:pt x="239" y="77"/>
                  </a:cubicBezTo>
                  <a:cubicBezTo>
                    <a:pt x="239" y="76"/>
                    <a:pt x="240" y="75"/>
                    <a:pt x="239" y="75"/>
                  </a:cubicBezTo>
                  <a:cubicBezTo>
                    <a:pt x="237" y="74"/>
                    <a:pt x="236" y="74"/>
                    <a:pt x="236" y="74"/>
                  </a:cubicBezTo>
                  <a:cubicBezTo>
                    <a:pt x="236" y="74"/>
                    <a:pt x="236" y="74"/>
                    <a:pt x="238" y="73"/>
                  </a:cubicBezTo>
                  <a:cubicBezTo>
                    <a:pt x="240" y="72"/>
                    <a:pt x="241" y="71"/>
                    <a:pt x="242" y="71"/>
                  </a:cubicBezTo>
                  <a:cubicBezTo>
                    <a:pt x="243" y="71"/>
                    <a:pt x="244" y="70"/>
                    <a:pt x="244" y="70"/>
                  </a:cubicBezTo>
                  <a:cubicBezTo>
                    <a:pt x="244" y="69"/>
                    <a:pt x="244" y="69"/>
                    <a:pt x="243" y="68"/>
                  </a:cubicBezTo>
                  <a:cubicBezTo>
                    <a:pt x="242" y="67"/>
                    <a:pt x="242" y="66"/>
                    <a:pt x="241" y="67"/>
                  </a:cubicBezTo>
                  <a:cubicBezTo>
                    <a:pt x="240" y="67"/>
                    <a:pt x="237" y="66"/>
                    <a:pt x="237" y="66"/>
                  </a:cubicBezTo>
                  <a:cubicBezTo>
                    <a:pt x="236" y="66"/>
                    <a:pt x="235" y="65"/>
                    <a:pt x="235" y="65"/>
                  </a:cubicBezTo>
                  <a:cubicBezTo>
                    <a:pt x="235" y="65"/>
                    <a:pt x="235" y="63"/>
                    <a:pt x="233" y="63"/>
                  </a:cubicBezTo>
                  <a:cubicBezTo>
                    <a:pt x="232" y="63"/>
                    <a:pt x="232" y="63"/>
                    <a:pt x="231" y="63"/>
                  </a:cubicBezTo>
                  <a:cubicBezTo>
                    <a:pt x="230" y="64"/>
                    <a:pt x="229" y="64"/>
                    <a:pt x="229" y="64"/>
                  </a:cubicBezTo>
                  <a:cubicBezTo>
                    <a:pt x="228" y="65"/>
                    <a:pt x="229" y="64"/>
                    <a:pt x="228" y="64"/>
                  </a:cubicBezTo>
                  <a:cubicBezTo>
                    <a:pt x="227" y="65"/>
                    <a:pt x="227" y="64"/>
                    <a:pt x="226" y="65"/>
                  </a:cubicBezTo>
                  <a:cubicBezTo>
                    <a:pt x="225" y="66"/>
                    <a:pt x="225" y="67"/>
                    <a:pt x="224" y="66"/>
                  </a:cubicBezTo>
                  <a:cubicBezTo>
                    <a:pt x="224" y="65"/>
                    <a:pt x="224" y="64"/>
                    <a:pt x="225" y="64"/>
                  </a:cubicBezTo>
                  <a:cubicBezTo>
                    <a:pt x="225" y="64"/>
                    <a:pt x="226" y="64"/>
                    <a:pt x="226" y="63"/>
                  </a:cubicBezTo>
                  <a:cubicBezTo>
                    <a:pt x="225" y="63"/>
                    <a:pt x="227" y="63"/>
                    <a:pt x="225" y="63"/>
                  </a:cubicBezTo>
                  <a:cubicBezTo>
                    <a:pt x="224" y="63"/>
                    <a:pt x="224" y="62"/>
                    <a:pt x="222" y="63"/>
                  </a:cubicBezTo>
                  <a:cubicBezTo>
                    <a:pt x="221" y="64"/>
                    <a:pt x="222" y="63"/>
                    <a:pt x="220" y="64"/>
                  </a:cubicBezTo>
                  <a:cubicBezTo>
                    <a:pt x="218" y="66"/>
                    <a:pt x="219" y="64"/>
                    <a:pt x="218" y="65"/>
                  </a:cubicBezTo>
                  <a:cubicBezTo>
                    <a:pt x="216" y="66"/>
                    <a:pt x="216" y="65"/>
                    <a:pt x="216" y="65"/>
                  </a:cubicBezTo>
                  <a:cubicBezTo>
                    <a:pt x="217" y="64"/>
                    <a:pt x="218" y="63"/>
                    <a:pt x="218" y="63"/>
                  </a:cubicBezTo>
                  <a:cubicBezTo>
                    <a:pt x="219" y="62"/>
                    <a:pt x="219" y="62"/>
                    <a:pt x="219" y="62"/>
                  </a:cubicBezTo>
                  <a:cubicBezTo>
                    <a:pt x="219" y="62"/>
                    <a:pt x="219" y="61"/>
                    <a:pt x="219" y="61"/>
                  </a:cubicBezTo>
                  <a:cubicBezTo>
                    <a:pt x="220" y="60"/>
                    <a:pt x="220" y="59"/>
                    <a:pt x="219" y="58"/>
                  </a:cubicBezTo>
                  <a:cubicBezTo>
                    <a:pt x="219" y="58"/>
                    <a:pt x="218" y="56"/>
                    <a:pt x="218" y="57"/>
                  </a:cubicBezTo>
                  <a:cubicBezTo>
                    <a:pt x="217" y="57"/>
                    <a:pt x="218" y="56"/>
                    <a:pt x="216" y="57"/>
                  </a:cubicBezTo>
                  <a:cubicBezTo>
                    <a:pt x="215" y="57"/>
                    <a:pt x="215" y="56"/>
                    <a:pt x="214" y="58"/>
                  </a:cubicBezTo>
                  <a:cubicBezTo>
                    <a:pt x="212" y="59"/>
                    <a:pt x="212" y="59"/>
                    <a:pt x="211" y="60"/>
                  </a:cubicBezTo>
                  <a:cubicBezTo>
                    <a:pt x="210" y="60"/>
                    <a:pt x="209" y="59"/>
                    <a:pt x="209" y="59"/>
                  </a:cubicBezTo>
                  <a:cubicBezTo>
                    <a:pt x="210" y="58"/>
                    <a:pt x="211" y="57"/>
                    <a:pt x="211" y="57"/>
                  </a:cubicBezTo>
                  <a:cubicBezTo>
                    <a:pt x="211" y="57"/>
                    <a:pt x="211" y="56"/>
                    <a:pt x="212" y="55"/>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399" name="islîḍe">
              <a:extLst>
                <a:ext uri="{FF2B5EF4-FFF2-40B4-BE49-F238E27FC236}">
                  <a16:creationId xmlns:a16="http://schemas.microsoft.com/office/drawing/2014/main" xmlns="" id="{B736931B-61FC-4775-AFDA-00E2EC9AE830}"/>
                </a:ext>
              </a:extLst>
            </p:cNvPr>
            <p:cNvSpPr/>
            <p:nvPr/>
          </p:nvSpPr>
          <p:spPr bwMode="auto">
            <a:xfrm>
              <a:off x="4632691" y="1696810"/>
              <a:ext cx="621029" cy="507831"/>
            </a:xfrm>
            <a:custGeom>
              <a:avLst/>
              <a:gdLst>
                <a:gd name="connsiteX0" fmla="*/ 487395 w 621029"/>
                <a:gd name="connsiteY0" fmla="*/ 493146 h 507831"/>
                <a:gd name="connsiteX1" fmla="*/ 490173 w 621029"/>
                <a:gd name="connsiteY1" fmla="*/ 495528 h 507831"/>
                <a:gd name="connsiteX2" fmla="*/ 490173 w 621029"/>
                <a:gd name="connsiteY2" fmla="*/ 501878 h 507831"/>
                <a:gd name="connsiteX3" fmla="*/ 483823 w 621029"/>
                <a:gd name="connsiteY3" fmla="*/ 506641 h 507831"/>
                <a:gd name="connsiteX4" fmla="*/ 477473 w 621029"/>
                <a:gd name="connsiteY4" fmla="*/ 506641 h 507831"/>
                <a:gd name="connsiteX5" fmla="*/ 477473 w 621029"/>
                <a:gd name="connsiteY5" fmla="*/ 503465 h 507831"/>
                <a:gd name="connsiteX6" fmla="*/ 482235 w 621029"/>
                <a:gd name="connsiteY6" fmla="*/ 495528 h 507831"/>
                <a:gd name="connsiteX7" fmla="*/ 487395 w 621029"/>
                <a:gd name="connsiteY7" fmla="*/ 493146 h 507831"/>
                <a:gd name="connsiteX8" fmla="*/ 448104 w 621029"/>
                <a:gd name="connsiteY8" fmla="*/ 487343 h 507831"/>
                <a:gd name="connsiteX9" fmla="*/ 447310 w 621029"/>
                <a:gd name="connsiteY9" fmla="*/ 489575 h 507831"/>
                <a:gd name="connsiteX10" fmla="*/ 445723 w 621029"/>
                <a:gd name="connsiteY10" fmla="*/ 494933 h 507831"/>
                <a:gd name="connsiteX11" fmla="*/ 440960 w 621029"/>
                <a:gd name="connsiteY11" fmla="*/ 498505 h 507831"/>
                <a:gd name="connsiteX12" fmla="*/ 436198 w 621029"/>
                <a:gd name="connsiteY12" fmla="*/ 498505 h 507831"/>
                <a:gd name="connsiteX13" fmla="*/ 431435 w 621029"/>
                <a:gd name="connsiteY13" fmla="*/ 496719 h 507831"/>
                <a:gd name="connsiteX14" fmla="*/ 423498 w 621029"/>
                <a:gd name="connsiteY14" fmla="*/ 493147 h 507831"/>
                <a:gd name="connsiteX15" fmla="*/ 423498 w 621029"/>
                <a:gd name="connsiteY15" fmla="*/ 487789 h 507831"/>
                <a:gd name="connsiteX16" fmla="*/ 444135 w 621029"/>
                <a:gd name="connsiteY16" fmla="*/ 487789 h 507831"/>
                <a:gd name="connsiteX17" fmla="*/ 448104 w 621029"/>
                <a:gd name="connsiteY17" fmla="*/ 487343 h 507831"/>
                <a:gd name="connsiteX18" fmla="*/ 476838 w 621029"/>
                <a:gd name="connsiteY18" fmla="*/ 478264 h 507831"/>
                <a:gd name="connsiteX19" fmla="*/ 480225 w 621029"/>
                <a:gd name="connsiteY19" fmla="*/ 479950 h 507831"/>
                <a:gd name="connsiteX20" fmla="*/ 483612 w 621029"/>
                <a:gd name="connsiteY20" fmla="*/ 486697 h 507831"/>
                <a:gd name="connsiteX21" fmla="*/ 471758 w 621029"/>
                <a:gd name="connsiteY21" fmla="*/ 500191 h 507831"/>
                <a:gd name="connsiteX22" fmla="*/ 466678 w 621029"/>
                <a:gd name="connsiteY22" fmla="*/ 500191 h 507831"/>
                <a:gd name="connsiteX23" fmla="*/ 461598 w 621029"/>
                <a:gd name="connsiteY23" fmla="*/ 496818 h 507831"/>
                <a:gd name="connsiteX24" fmla="*/ 461598 w 621029"/>
                <a:gd name="connsiteY24" fmla="*/ 495131 h 507831"/>
                <a:gd name="connsiteX25" fmla="*/ 473452 w 621029"/>
                <a:gd name="connsiteY25" fmla="*/ 481637 h 507831"/>
                <a:gd name="connsiteX26" fmla="*/ 476838 w 621029"/>
                <a:gd name="connsiteY26" fmla="*/ 478264 h 507831"/>
                <a:gd name="connsiteX27" fmla="*/ 415561 w 621029"/>
                <a:gd name="connsiteY27" fmla="*/ 476478 h 507831"/>
                <a:gd name="connsiteX28" fmla="*/ 417148 w 621029"/>
                <a:gd name="connsiteY28" fmla="*/ 481674 h 507831"/>
                <a:gd name="connsiteX29" fmla="*/ 418736 w 621029"/>
                <a:gd name="connsiteY29" fmla="*/ 485137 h 507831"/>
                <a:gd name="connsiteX30" fmla="*/ 420323 w 621029"/>
                <a:gd name="connsiteY30" fmla="*/ 492064 h 507831"/>
                <a:gd name="connsiteX31" fmla="*/ 413973 w 621029"/>
                <a:gd name="connsiteY31" fmla="*/ 488601 h 507831"/>
                <a:gd name="connsiteX32" fmla="*/ 410798 w 621029"/>
                <a:gd name="connsiteY32" fmla="*/ 483405 h 507831"/>
                <a:gd name="connsiteX33" fmla="*/ 415561 w 621029"/>
                <a:gd name="connsiteY33" fmla="*/ 476478 h 507831"/>
                <a:gd name="connsiteX34" fmla="*/ 415759 w 621029"/>
                <a:gd name="connsiteY34" fmla="*/ 409491 h 507831"/>
                <a:gd name="connsiteX35" fmla="*/ 423498 w 621029"/>
                <a:gd name="connsiteY35" fmla="*/ 409916 h 507831"/>
                <a:gd name="connsiteX36" fmla="*/ 433023 w 621029"/>
                <a:gd name="connsiteY36" fmla="*/ 411617 h 507831"/>
                <a:gd name="connsiteX37" fmla="*/ 442548 w 621029"/>
                <a:gd name="connsiteY37" fmla="*/ 415019 h 507831"/>
                <a:gd name="connsiteX38" fmla="*/ 456836 w 621029"/>
                <a:gd name="connsiteY38" fmla="*/ 423523 h 507831"/>
                <a:gd name="connsiteX39" fmla="*/ 456836 w 621029"/>
                <a:gd name="connsiteY39" fmla="*/ 428626 h 507831"/>
                <a:gd name="connsiteX40" fmla="*/ 453661 w 621029"/>
                <a:gd name="connsiteY40" fmla="*/ 432028 h 507831"/>
                <a:gd name="connsiteX41" fmla="*/ 444136 w 621029"/>
                <a:gd name="connsiteY41" fmla="*/ 430327 h 507831"/>
                <a:gd name="connsiteX42" fmla="*/ 434611 w 621029"/>
                <a:gd name="connsiteY42" fmla="*/ 426925 h 507831"/>
                <a:gd name="connsiteX43" fmla="*/ 428260 w 621029"/>
                <a:gd name="connsiteY43" fmla="*/ 421823 h 507831"/>
                <a:gd name="connsiteX44" fmla="*/ 417148 w 621029"/>
                <a:gd name="connsiteY44" fmla="*/ 416720 h 507831"/>
                <a:gd name="connsiteX45" fmla="*/ 409210 w 621029"/>
                <a:gd name="connsiteY45" fmla="*/ 411617 h 507831"/>
                <a:gd name="connsiteX46" fmla="*/ 415759 w 621029"/>
                <a:gd name="connsiteY46" fmla="*/ 409491 h 507831"/>
                <a:gd name="connsiteX47" fmla="*/ 569762 w 621029"/>
                <a:gd name="connsiteY47" fmla="*/ 371703 h 507831"/>
                <a:gd name="connsiteX48" fmla="*/ 568132 w 621029"/>
                <a:gd name="connsiteY48" fmla="*/ 378145 h 507831"/>
                <a:gd name="connsiteX49" fmla="*/ 561610 w 621029"/>
                <a:gd name="connsiteY49" fmla="*/ 379756 h 507831"/>
                <a:gd name="connsiteX50" fmla="*/ 564871 w 621029"/>
                <a:gd name="connsiteY50" fmla="*/ 386198 h 507831"/>
                <a:gd name="connsiteX51" fmla="*/ 555089 w 621029"/>
                <a:gd name="connsiteY51" fmla="*/ 395861 h 507831"/>
                <a:gd name="connsiteX52" fmla="*/ 550197 w 621029"/>
                <a:gd name="connsiteY52" fmla="*/ 402303 h 507831"/>
                <a:gd name="connsiteX53" fmla="*/ 550197 w 621029"/>
                <a:gd name="connsiteY53" fmla="*/ 408745 h 507831"/>
                <a:gd name="connsiteX54" fmla="*/ 546937 w 621029"/>
                <a:gd name="connsiteY54" fmla="*/ 411966 h 507831"/>
                <a:gd name="connsiteX55" fmla="*/ 545306 w 621029"/>
                <a:gd name="connsiteY55" fmla="*/ 418408 h 507831"/>
                <a:gd name="connsiteX56" fmla="*/ 553458 w 621029"/>
                <a:gd name="connsiteY56" fmla="*/ 410355 h 507831"/>
                <a:gd name="connsiteX57" fmla="*/ 556719 w 621029"/>
                <a:gd name="connsiteY57" fmla="*/ 407134 h 507831"/>
                <a:gd name="connsiteX58" fmla="*/ 561610 w 621029"/>
                <a:gd name="connsiteY58" fmla="*/ 408745 h 507831"/>
                <a:gd name="connsiteX59" fmla="*/ 568132 w 621029"/>
                <a:gd name="connsiteY59" fmla="*/ 408745 h 507831"/>
                <a:gd name="connsiteX60" fmla="*/ 566501 w 621029"/>
                <a:gd name="connsiteY60" fmla="*/ 411966 h 507831"/>
                <a:gd name="connsiteX61" fmla="*/ 563241 w 621029"/>
                <a:gd name="connsiteY61" fmla="*/ 415187 h 507831"/>
                <a:gd name="connsiteX62" fmla="*/ 561610 w 621029"/>
                <a:gd name="connsiteY62" fmla="*/ 420018 h 507831"/>
                <a:gd name="connsiteX63" fmla="*/ 564871 w 621029"/>
                <a:gd name="connsiteY63" fmla="*/ 421629 h 507831"/>
                <a:gd name="connsiteX64" fmla="*/ 571393 w 621029"/>
                <a:gd name="connsiteY64" fmla="*/ 421629 h 507831"/>
                <a:gd name="connsiteX65" fmla="*/ 574653 w 621029"/>
                <a:gd name="connsiteY65" fmla="*/ 429681 h 507831"/>
                <a:gd name="connsiteX66" fmla="*/ 577914 w 621029"/>
                <a:gd name="connsiteY66" fmla="*/ 428071 h 507831"/>
                <a:gd name="connsiteX67" fmla="*/ 581175 w 621029"/>
                <a:gd name="connsiteY67" fmla="*/ 423239 h 507831"/>
                <a:gd name="connsiteX68" fmla="*/ 586066 w 621029"/>
                <a:gd name="connsiteY68" fmla="*/ 420018 h 507831"/>
                <a:gd name="connsiteX69" fmla="*/ 589327 w 621029"/>
                <a:gd name="connsiteY69" fmla="*/ 416797 h 507831"/>
                <a:gd name="connsiteX70" fmla="*/ 595849 w 621029"/>
                <a:gd name="connsiteY70" fmla="*/ 421629 h 507831"/>
                <a:gd name="connsiteX71" fmla="*/ 599110 w 621029"/>
                <a:gd name="connsiteY71" fmla="*/ 423239 h 507831"/>
                <a:gd name="connsiteX72" fmla="*/ 607262 w 621029"/>
                <a:gd name="connsiteY72" fmla="*/ 426460 h 507831"/>
                <a:gd name="connsiteX73" fmla="*/ 604001 w 621029"/>
                <a:gd name="connsiteY73" fmla="*/ 431292 h 507831"/>
                <a:gd name="connsiteX74" fmla="*/ 599110 w 621029"/>
                <a:gd name="connsiteY74" fmla="*/ 432902 h 507831"/>
                <a:gd name="connsiteX75" fmla="*/ 599110 w 621029"/>
                <a:gd name="connsiteY75" fmla="*/ 439344 h 507831"/>
                <a:gd name="connsiteX76" fmla="*/ 599110 w 621029"/>
                <a:gd name="connsiteY76" fmla="*/ 442565 h 507831"/>
                <a:gd name="connsiteX77" fmla="*/ 599110 w 621029"/>
                <a:gd name="connsiteY77" fmla="*/ 444176 h 507831"/>
                <a:gd name="connsiteX78" fmla="*/ 605631 w 621029"/>
                <a:gd name="connsiteY78" fmla="*/ 445786 h 507831"/>
                <a:gd name="connsiteX79" fmla="*/ 610522 w 621029"/>
                <a:gd name="connsiteY79" fmla="*/ 442565 h 507831"/>
                <a:gd name="connsiteX80" fmla="*/ 615414 w 621029"/>
                <a:gd name="connsiteY80" fmla="*/ 440955 h 507831"/>
                <a:gd name="connsiteX81" fmla="*/ 612153 w 621029"/>
                <a:gd name="connsiteY81" fmla="*/ 445786 h 507831"/>
                <a:gd name="connsiteX82" fmla="*/ 604001 w 621029"/>
                <a:gd name="connsiteY82" fmla="*/ 450618 h 507831"/>
                <a:gd name="connsiteX83" fmla="*/ 599110 w 621029"/>
                <a:gd name="connsiteY83" fmla="*/ 458671 h 507831"/>
                <a:gd name="connsiteX84" fmla="*/ 604001 w 621029"/>
                <a:gd name="connsiteY84" fmla="*/ 461892 h 507831"/>
                <a:gd name="connsiteX85" fmla="*/ 608892 w 621029"/>
                <a:gd name="connsiteY85" fmla="*/ 453839 h 507831"/>
                <a:gd name="connsiteX86" fmla="*/ 613783 w 621029"/>
                <a:gd name="connsiteY86" fmla="*/ 452228 h 507831"/>
                <a:gd name="connsiteX87" fmla="*/ 613783 w 621029"/>
                <a:gd name="connsiteY87" fmla="*/ 460281 h 507831"/>
                <a:gd name="connsiteX88" fmla="*/ 612153 w 621029"/>
                <a:gd name="connsiteY88" fmla="*/ 463502 h 507831"/>
                <a:gd name="connsiteX89" fmla="*/ 620305 w 621029"/>
                <a:gd name="connsiteY89" fmla="*/ 461892 h 507831"/>
                <a:gd name="connsiteX90" fmla="*/ 620305 w 621029"/>
                <a:gd name="connsiteY90" fmla="*/ 466723 h 507831"/>
                <a:gd name="connsiteX91" fmla="*/ 618674 w 621029"/>
                <a:gd name="connsiteY91" fmla="*/ 471555 h 507831"/>
                <a:gd name="connsiteX92" fmla="*/ 617044 w 621029"/>
                <a:gd name="connsiteY92" fmla="*/ 476386 h 507831"/>
                <a:gd name="connsiteX93" fmla="*/ 615414 w 621029"/>
                <a:gd name="connsiteY93" fmla="*/ 479607 h 507831"/>
                <a:gd name="connsiteX94" fmla="*/ 608892 w 621029"/>
                <a:gd name="connsiteY94" fmla="*/ 482828 h 507831"/>
                <a:gd name="connsiteX95" fmla="*/ 604001 w 621029"/>
                <a:gd name="connsiteY95" fmla="*/ 474776 h 507831"/>
                <a:gd name="connsiteX96" fmla="*/ 595849 w 621029"/>
                <a:gd name="connsiteY96" fmla="*/ 477997 h 507831"/>
                <a:gd name="connsiteX97" fmla="*/ 595849 w 621029"/>
                <a:gd name="connsiteY97" fmla="*/ 468334 h 507831"/>
                <a:gd name="connsiteX98" fmla="*/ 595849 w 621029"/>
                <a:gd name="connsiteY98" fmla="*/ 466723 h 507831"/>
                <a:gd name="connsiteX99" fmla="*/ 587697 w 621029"/>
                <a:gd name="connsiteY99" fmla="*/ 465113 h 507831"/>
                <a:gd name="connsiteX100" fmla="*/ 581175 w 621029"/>
                <a:gd name="connsiteY100" fmla="*/ 469944 h 507831"/>
                <a:gd name="connsiteX101" fmla="*/ 576284 w 621029"/>
                <a:gd name="connsiteY101" fmla="*/ 474776 h 507831"/>
                <a:gd name="connsiteX102" fmla="*/ 569762 w 621029"/>
                <a:gd name="connsiteY102" fmla="*/ 477997 h 507831"/>
                <a:gd name="connsiteX103" fmla="*/ 564871 w 621029"/>
                <a:gd name="connsiteY103" fmla="*/ 477997 h 507831"/>
                <a:gd name="connsiteX104" fmla="*/ 561610 w 621029"/>
                <a:gd name="connsiteY104" fmla="*/ 476386 h 507831"/>
                <a:gd name="connsiteX105" fmla="*/ 564871 w 621029"/>
                <a:gd name="connsiteY105" fmla="*/ 473165 h 507831"/>
                <a:gd name="connsiteX106" fmla="*/ 569762 w 621029"/>
                <a:gd name="connsiteY106" fmla="*/ 471555 h 507831"/>
                <a:gd name="connsiteX107" fmla="*/ 566501 w 621029"/>
                <a:gd name="connsiteY107" fmla="*/ 466723 h 507831"/>
                <a:gd name="connsiteX108" fmla="*/ 564871 w 621029"/>
                <a:gd name="connsiteY108" fmla="*/ 463502 h 507831"/>
                <a:gd name="connsiteX109" fmla="*/ 563241 w 621029"/>
                <a:gd name="connsiteY109" fmla="*/ 458671 h 507831"/>
                <a:gd name="connsiteX110" fmla="*/ 556719 w 621029"/>
                <a:gd name="connsiteY110" fmla="*/ 460281 h 507831"/>
                <a:gd name="connsiteX111" fmla="*/ 548567 w 621029"/>
                <a:gd name="connsiteY111" fmla="*/ 463502 h 507831"/>
                <a:gd name="connsiteX112" fmla="*/ 542045 w 621029"/>
                <a:gd name="connsiteY112" fmla="*/ 463502 h 507831"/>
                <a:gd name="connsiteX113" fmla="*/ 535524 w 621029"/>
                <a:gd name="connsiteY113" fmla="*/ 463502 h 507831"/>
                <a:gd name="connsiteX114" fmla="*/ 520850 w 621029"/>
                <a:gd name="connsiteY114" fmla="*/ 463502 h 507831"/>
                <a:gd name="connsiteX115" fmla="*/ 509437 w 621029"/>
                <a:gd name="connsiteY115" fmla="*/ 461892 h 507831"/>
                <a:gd name="connsiteX116" fmla="*/ 502916 w 621029"/>
                <a:gd name="connsiteY116" fmla="*/ 461892 h 507831"/>
                <a:gd name="connsiteX117" fmla="*/ 504546 w 621029"/>
                <a:gd name="connsiteY117" fmla="*/ 455450 h 507831"/>
                <a:gd name="connsiteX118" fmla="*/ 507807 w 621029"/>
                <a:gd name="connsiteY118" fmla="*/ 450618 h 507831"/>
                <a:gd name="connsiteX119" fmla="*/ 512698 w 621029"/>
                <a:gd name="connsiteY119" fmla="*/ 447397 h 507831"/>
                <a:gd name="connsiteX120" fmla="*/ 512698 w 621029"/>
                <a:gd name="connsiteY120" fmla="*/ 444176 h 507831"/>
                <a:gd name="connsiteX121" fmla="*/ 507807 w 621029"/>
                <a:gd name="connsiteY121" fmla="*/ 442565 h 507831"/>
                <a:gd name="connsiteX122" fmla="*/ 511068 w 621029"/>
                <a:gd name="connsiteY122" fmla="*/ 439344 h 507831"/>
                <a:gd name="connsiteX123" fmla="*/ 515959 w 621029"/>
                <a:gd name="connsiteY123" fmla="*/ 434513 h 507831"/>
                <a:gd name="connsiteX124" fmla="*/ 517589 w 621029"/>
                <a:gd name="connsiteY124" fmla="*/ 429681 h 507831"/>
                <a:gd name="connsiteX125" fmla="*/ 519220 w 621029"/>
                <a:gd name="connsiteY125" fmla="*/ 426460 h 507831"/>
                <a:gd name="connsiteX126" fmla="*/ 522481 w 621029"/>
                <a:gd name="connsiteY126" fmla="*/ 421629 h 507831"/>
                <a:gd name="connsiteX127" fmla="*/ 527372 w 621029"/>
                <a:gd name="connsiteY127" fmla="*/ 416797 h 507831"/>
                <a:gd name="connsiteX128" fmla="*/ 527372 w 621029"/>
                <a:gd name="connsiteY128" fmla="*/ 411966 h 507831"/>
                <a:gd name="connsiteX129" fmla="*/ 529002 w 621029"/>
                <a:gd name="connsiteY129" fmla="*/ 407134 h 507831"/>
                <a:gd name="connsiteX130" fmla="*/ 535524 w 621029"/>
                <a:gd name="connsiteY130" fmla="*/ 397471 h 507831"/>
                <a:gd name="connsiteX131" fmla="*/ 540415 w 621029"/>
                <a:gd name="connsiteY131" fmla="*/ 392640 h 507831"/>
                <a:gd name="connsiteX132" fmla="*/ 546937 w 621029"/>
                <a:gd name="connsiteY132" fmla="*/ 386198 h 507831"/>
                <a:gd name="connsiteX133" fmla="*/ 551828 w 621029"/>
                <a:gd name="connsiteY133" fmla="*/ 376535 h 507831"/>
                <a:gd name="connsiteX134" fmla="*/ 558349 w 621029"/>
                <a:gd name="connsiteY134" fmla="*/ 373314 h 507831"/>
                <a:gd name="connsiteX135" fmla="*/ 564871 w 621029"/>
                <a:gd name="connsiteY135" fmla="*/ 373314 h 507831"/>
                <a:gd name="connsiteX136" fmla="*/ 569762 w 621029"/>
                <a:gd name="connsiteY136" fmla="*/ 371703 h 507831"/>
                <a:gd name="connsiteX137" fmla="*/ 142510 w 621029"/>
                <a:gd name="connsiteY137" fmla="*/ 98653 h 507831"/>
                <a:gd name="connsiteX138" fmla="*/ 140923 w 621029"/>
                <a:gd name="connsiteY138" fmla="*/ 108178 h 507831"/>
                <a:gd name="connsiteX139" fmla="*/ 136160 w 621029"/>
                <a:gd name="connsiteY139" fmla="*/ 119290 h 507831"/>
                <a:gd name="connsiteX140" fmla="*/ 129810 w 621029"/>
                <a:gd name="connsiteY140" fmla="*/ 116115 h 507831"/>
                <a:gd name="connsiteX141" fmla="*/ 126635 w 621029"/>
                <a:gd name="connsiteY141" fmla="*/ 108178 h 507831"/>
                <a:gd name="connsiteX142" fmla="*/ 129810 w 621029"/>
                <a:gd name="connsiteY142" fmla="*/ 100240 h 507831"/>
                <a:gd name="connsiteX143" fmla="*/ 142510 w 621029"/>
                <a:gd name="connsiteY143" fmla="*/ 98653 h 507831"/>
                <a:gd name="connsiteX144" fmla="*/ 93100 w 621029"/>
                <a:gd name="connsiteY144" fmla="*/ 82579 h 507831"/>
                <a:gd name="connsiteX145" fmla="*/ 96473 w 621029"/>
                <a:gd name="connsiteY145" fmla="*/ 85953 h 507831"/>
                <a:gd name="connsiteX146" fmla="*/ 88536 w 621029"/>
                <a:gd name="connsiteY146" fmla="*/ 93890 h 507831"/>
                <a:gd name="connsiteX147" fmla="*/ 79010 w 621029"/>
                <a:gd name="connsiteY147" fmla="*/ 101828 h 507831"/>
                <a:gd name="connsiteX148" fmla="*/ 67898 w 621029"/>
                <a:gd name="connsiteY148" fmla="*/ 101828 h 507831"/>
                <a:gd name="connsiteX149" fmla="*/ 61548 w 621029"/>
                <a:gd name="connsiteY149" fmla="*/ 97065 h 507831"/>
                <a:gd name="connsiteX150" fmla="*/ 67898 w 621029"/>
                <a:gd name="connsiteY150" fmla="*/ 87540 h 507831"/>
                <a:gd name="connsiteX151" fmla="*/ 75835 w 621029"/>
                <a:gd name="connsiteY151" fmla="*/ 85953 h 507831"/>
                <a:gd name="connsiteX152" fmla="*/ 88536 w 621029"/>
                <a:gd name="connsiteY152" fmla="*/ 82778 h 507831"/>
                <a:gd name="connsiteX153" fmla="*/ 93100 w 621029"/>
                <a:gd name="connsiteY153" fmla="*/ 82579 h 507831"/>
                <a:gd name="connsiteX154" fmla="*/ 166322 w 621029"/>
                <a:gd name="connsiteY154" fmla="*/ 66903 h 507831"/>
                <a:gd name="connsiteX155" fmla="*/ 172672 w 621029"/>
                <a:gd name="connsiteY155" fmla="*/ 70078 h 507831"/>
                <a:gd name="connsiteX156" fmla="*/ 172672 w 621029"/>
                <a:gd name="connsiteY156" fmla="*/ 76428 h 507831"/>
                <a:gd name="connsiteX157" fmla="*/ 169497 w 621029"/>
                <a:gd name="connsiteY157" fmla="*/ 78016 h 507831"/>
                <a:gd name="connsiteX158" fmla="*/ 161560 w 621029"/>
                <a:gd name="connsiteY158" fmla="*/ 74841 h 507831"/>
                <a:gd name="connsiteX159" fmla="*/ 159972 w 621029"/>
                <a:gd name="connsiteY159" fmla="*/ 70078 h 507831"/>
                <a:gd name="connsiteX160" fmla="*/ 166322 w 621029"/>
                <a:gd name="connsiteY160" fmla="*/ 66903 h 507831"/>
                <a:gd name="connsiteX161" fmla="*/ 182776 w 621029"/>
                <a:gd name="connsiteY161" fmla="*/ 62140 h 507831"/>
                <a:gd name="connsiteX162" fmla="*/ 191435 w 621029"/>
                <a:gd name="connsiteY162" fmla="*/ 66903 h 507831"/>
                <a:gd name="connsiteX163" fmla="*/ 187971 w 621029"/>
                <a:gd name="connsiteY163" fmla="*/ 71665 h 507831"/>
                <a:gd name="connsiteX164" fmla="*/ 177580 w 621029"/>
                <a:gd name="connsiteY164" fmla="*/ 65315 h 507831"/>
                <a:gd name="connsiteX165" fmla="*/ 182776 w 621029"/>
                <a:gd name="connsiteY165" fmla="*/ 62140 h 507831"/>
                <a:gd name="connsiteX166" fmla="*/ 30631 w 621029"/>
                <a:gd name="connsiteY166" fmla="*/ 259 h 507831"/>
                <a:gd name="connsiteX167" fmla="*/ 38767 w 621029"/>
                <a:gd name="connsiteY167" fmla="*/ 5117 h 507831"/>
                <a:gd name="connsiteX168" fmla="*/ 40394 w 621029"/>
                <a:gd name="connsiteY168" fmla="*/ 11594 h 507831"/>
                <a:gd name="connsiteX169" fmla="*/ 42021 w 621029"/>
                <a:gd name="connsiteY169" fmla="*/ 14833 h 507831"/>
                <a:gd name="connsiteX170" fmla="*/ 48530 w 621029"/>
                <a:gd name="connsiteY170" fmla="*/ 13213 h 507831"/>
                <a:gd name="connsiteX171" fmla="*/ 55039 w 621029"/>
                <a:gd name="connsiteY171" fmla="*/ 19690 h 507831"/>
                <a:gd name="connsiteX172" fmla="*/ 61547 w 621029"/>
                <a:gd name="connsiteY172" fmla="*/ 21310 h 507831"/>
                <a:gd name="connsiteX173" fmla="*/ 72938 w 621029"/>
                <a:gd name="connsiteY173" fmla="*/ 26167 h 507831"/>
                <a:gd name="connsiteX174" fmla="*/ 84328 w 621029"/>
                <a:gd name="connsiteY174" fmla="*/ 35883 h 507831"/>
                <a:gd name="connsiteX175" fmla="*/ 90837 w 621029"/>
                <a:gd name="connsiteY175" fmla="*/ 35883 h 507831"/>
                <a:gd name="connsiteX176" fmla="*/ 95718 w 621029"/>
                <a:gd name="connsiteY176" fmla="*/ 39121 h 507831"/>
                <a:gd name="connsiteX177" fmla="*/ 103854 w 621029"/>
                <a:gd name="connsiteY177" fmla="*/ 52076 h 507831"/>
                <a:gd name="connsiteX178" fmla="*/ 118499 w 621029"/>
                <a:gd name="connsiteY178" fmla="*/ 52076 h 507831"/>
                <a:gd name="connsiteX179" fmla="*/ 125008 w 621029"/>
                <a:gd name="connsiteY179" fmla="*/ 58553 h 507831"/>
                <a:gd name="connsiteX180" fmla="*/ 121753 w 621029"/>
                <a:gd name="connsiteY180" fmla="*/ 66649 h 507831"/>
                <a:gd name="connsiteX181" fmla="*/ 110363 w 621029"/>
                <a:gd name="connsiteY181" fmla="*/ 69888 h 507831"/>
                <a:gd name="connsiteX182" fmla="*/ 100600 w 621029"/>
                <a:gd name="connsiteY182" fmla="*/ 66649 h 507831"/>
                <a:gd name="connsiteX183" fmla="*/ 84328 w 621029"/>
                <a:gd name="connsiteY183" fmla="*/ 60172 h 507831"/>
                <a:gd name="connsiteX184" fmla="*/ 74565 w 621029"/>
                <a:gd name="connsiteY184" fmla="*/ 52076 h 507831"/>
                <a:gd name="connsiteX185" fmla="*/ 68056 w 621029"/>
                <a:gd name="connsiteY185" fmla="*/ 52076 h 507831"/>
                <a:gd name="connsiteX186" fmla="*/ 59920 w 621029"/>
                <a:gd name="connsiteY186" fmla="*/ 61791 h 507831"/>
                <a:gd name="connsiteX187" fmla="*/ 53411 w 621029"/>
                <a:gd name="connsiteY187" fmla="*/ 68268 h 507831"/>
                <a:gd name="connsiteX188" fmla="*/ 45275 w 621029"/>
                <a:gd name="connsiteY188" fmla="*/ 76365 h 507831"/>
                <a:gd name="connsiteX189" fmla="*/ 30631 w 621029"/>
                <a:gd name="connsiteY189" fmla="*/ 73126 h 507831"/>
                <a:gd name="connsiteX190" fmla="*/ 30631 w 621029"/>
                <a:gd name="connsiteY190" fmla="*/ 61791 h 507831"/>
                <a:gd name="connsiteX191" fmla="*/ 15986 w 621029"/>
                <a:gd name="connsiteY191" fmla="*/ 63410 h 507831"/>
                <a:gd name="connsiteX192" fmla="*/ 1341 w 621029"/>
                <a:gd name="connsiteY192" fmla="*/ 61791 h 507831"/>
                <a:gd name="connsiteX193" fmla="*/ 9477 w 621029"/>
                <a:gd name="connsiteY193" fmla="*/ 56933 h 507831"/>
                <a:gd name="connsiteX194" fmla="*/ 19240 w 621029"/>
                <a:gd name="connsiteY194" fmla="*/ 50456 h 507831"/>
                <a:gd name="connsiteX195" fmla="*/ 15986 w 621029"/>
                <a:gd name="connsiteY195" fmla="*/ 42360 h 507831"/>
                <a:gd name="connsiteX196" fmla="*/ 20868 w 621029"/>
                <a:gd name="connsiteY196" fmla="*/ 29406 h 507831"/>
                <a:gd name="connsiteX197" fmla="*/ 19240 w 621029"/>
                <a:gd name="connsiteY197" fmla="*/ 11594 h 507831"/>
                <a:gd name="connsiteX198" fmla="*/ 30631 w 621029"/>
                <a:gd name="connsiteY198" fmla="*/ 259 h 5078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Lst>
              <a:rect l="l" t="t" r="r" b="b"/>
              <a:pathLst>
                <a:path w="621029" h="507831">
                  <a:moveTo>
                    <a:pt x="487395" y="493146"/>
                  </a:moveTo>
                  <a:cubicBezTo>
                    <a:pt x="488586" y="492750"/>
                    <a:pt x="489379" y="493147"/>
                    <a:pt x="490173" y="495528"/>
                  </a:cubicBezTo>
                  <a:cubicBezTo>
                    <a:pt x="491761" y="500290"/>
                    <a:pt x="493348" y="500290"/>
                    <a:pt x="490173" y="501878"/>
                  </a:cubicBezTo>
                  <a:cubicBezTo>
                    <a:pt x="486998" y="505053"/>
                    <a:pt x="485411" y="505053"/>
                    <a:pt x="483823" y="506641"/>
                  </a:cubicBezTo>
                  <a:cubicBezTo>
                    <a:pt x="480648" y="508228"/>
                    <a:pt x="477473" y="508228"/>
                    <a:pt x="477473" y="506641"/>
                  </a:cubicBezTo>
                  <a:cubicBezTo>
                    <a:pt x="477473" y="505053"/>
                    <a:pt x="475885" y="505053"/>
                    <a:pt x="477473" y="503465"/>
                  </a:cubicBezTo>
                  <a:cubicBezTo>
                    <a:pt x="479060" y="501878"/>
                    <a:pt x="477473" y="497115"/>
                    <a:pt x="482235" y="495528"/>
                  </a:cubicBezTo>
                  <a:cubicBezTo>
                    <a:pt x="484617" y="494734"/>
                    <a:pt x="486204" y="493543"/>
                    <a:pt x="487395" y="493146"/>
                  </a:cubicBezTo>
                  <a:close/>
                  <a:moveTo>
                    <a:pt x="448104" y="487343"/>
                  </a:moveTo>
                  <a:cubicBezTo>
                    <a:pt x="448104" y="487789"/>
                    <a:pt x="447310" y="488682"/>
                    <a:pt x="447310" y="489575"/>
                  </a:cubicBezTo>
                  <a:cubicBezTo>
                    <a:pt x="448898" y="491361"/>
                    <a:pt x="447310" y="491361"/>
                    <a:pt x="445723" y="494933"/>
                  </a:cubicBezTo>
                  <a:cubicBezTo>
                    <a:pt x="442548" y="498505"/>
                    <a:pt x="442548" y="498505"/>
                    <a:pt x="440960" y="498505"/>
                  </a:cubicBezTo>
                  <a:cubicBezTo>
                    <a:pt x="439373" y="500291"/>
                    <a:pt x="437785" y="500291"/>
                    <a:pt x="436198" y="498505"/>
                  </a:cubicBezTo>
                  <a:cubicBezTo>
                    <a:pt x="434610" y="496719"/>
                    <a:pt x="431435" y="496719"/>
                    <a:pt x="431435" y="496719"/>
                  </a:cubicBezTo>
                  <a:cubicBezTo>
                    <a:pt x="429848" y="496719"/>
                    <a:pt x="425085" y="496719"/>
                    <a:pt x="423498" y="493147"/>
                  </a:cubicBezTo>
                  <a:cubicBezTo>
                    <a:pt x="421910" y="491361"/>
                    <a:pt x="421910" y="487789"/>
                    <a:pt x="423498" y="487789"/>
                  </a:cubicBezTo>
                  <a:cubicBezTo>
                    <a:pt x="425085" y="486003"/>
                    <a:pt x="437785" y="489575"/>
                    <a:pt x="444135" y="487789"/>
                  </a:cubicBezTo>
                  <a:cubicBezTo>
                    <a:pt x="447310" y="486896"/>
                    <a:pt x="448104" y="486896"/>
                    <a:pt x="448104" y="487343"/>
                  </a:cubicBezTo>
                  <a:close/>
                  <a:moveTo>
                    <a:pt x="476838" y="478264"/>
                  </a:moveTo>
                  <a:cubicBezTo>
                    <a:pt x="477685" y="477420"/>
                    <a:pt x="478532" y="477420"/>
                    <a:pt x="480225" y="479950"/>
                  </a:cubicBezTo>
                  <a:cubicBezTo>
                    <a:pt x="483612" y="485011"/>
                    <a:pt x="486998" y="481637"/>
                    <a:pt x="483612" y="486697"/>
                  </a:cubicBezTo>
                  <a:cubicBezTo>
                    <a:pt x="480225" y="493444"/>
                    <a:pt x="476838" y="498505"/>
                    <a:pt x="471758" y="500191"/>
                  </a:cubicBezTo>
                  <a:cubicBezTo>
                    <a:pt x="468372" y="500191"/>
                    <a:pt x="470065" y="501878"/>
                    <a:pt x="466678" y="500191"/>
                  </a:cubicBezTo>
                  <a:cubicBezTo>
                    <a:pt x="463292" y="500191"/>
                    <a:pt x="461598" y="498505"/>
                    <a:pt x="461598" y="496818"/>
                  </a:cubicBezTo>
                  <a:cubicBezTo>
                    <a:pt x="461598" y="496818"/>
                    <a:pt x="461598" y="496818"/>
                    <a:pt x="461598" y="495131"/>
                  </a:cubicBezTo>
                  <a:cubicBezTo>
                    <a:pt x="463292" y="493444"/>
                    <a:pt x="470065" y="483324"/>
                    <a:pt x="473452" y="481637"/>
                  </a:cubicBezTo>
                  <a:cubicBezTo>
                    <a:pt x="475145" y="480794"/>
                    <a:pt x="475992" y="479107"/>
                    <a:pt x="476838" y="478264"/>
                  </a:cubicBezTo>
                  <a:close/>
                  <a:moveTo>
                    <a:pt x="415561" y="476478"/>
                  </a:moveTo>
                  <a:cubicBezTo>
                    <a:pt x="415561" y="476478"/>
                    <a:pt x="417148" y="479942"/>
                    <a:pt x="417148" y="481674"/>
                  </a:cubicBezTo>
                  <a:cubicBezTo>
                    <a:pt x="415561" y="483405"/>
                    <a:pt x="417148" y="483405"/>
                    <a:pt x="418736" y="485137"/>
                  </a:cubicBezTo>
                  <a:cubicBezTo>
                    <a:pt x="418736" y="486869"/>
                    <a:pt x="420323" y="490333"/>
                    <a:pt x="420323" y="492064"/>
                  </a:cubicBezTo>
                  <a:cubicBezTo>
                    <a:pt x="420323" y="495528"/>
                    <a:pt x="417148" y="490333"/>
                    <a:pt x="413973" y="488601"/>
                  </a:cubicBezTo>
                  <a:cubicBezTo>
                    <a:pt x="410798" y="486869"/>
                    <a:pt x="410798" y="485137"/>
                    <a:pt x="410798" y="483405"/>
                  </a:cubicBezTo>
                  <a:cubicBezTo>
                    <a:pt x="409210" y="481674"/>
                    <a:pt x="412385" y="478210"/>
                    <a:pt x="415561" y="476478"/>
                  </a:cubicBezTo>
                  <a:close/>
                  <a:moveTo>
                    <a:pt x="415759" y="409491"/>
                  </a:moveTo>
                  <a:cubicBezTo>
                    <a:pt x="418735" y="409491"/>
                    <a:pt x="421910" y="409916"/>
                    <a:pt x="423498" y="409916"/>
                  </a:cubicBezTo>
                  <a:cubicBezTo>
                    <a:pt x="428260" y="411617"/>
                    <a:pt x="429848" y="411617"/>
                    <a:pt x="433023" y="411617"/>
                  </a:cubicBezTo>
                  <a:cubicBezTo>
                    <a:pt x="434611" y="411617"/>
                    <a:pt x="439373" y="413318"/>
                    <a:pt x="442548" y="415019"/>
                  </a:cubicBezTo>
                  <a:cubicBezTo>
                    <a:pt x="444136" y="415019"/>
                    <a:pt x="453661" y="423523"/>
                    <a:pt x="456836" y="423523"/>
                  </a:cubicBezTo>
                  <a:cubicBezTo>
                    <a:pt x="458423" y="425224"/>
                    <a:pt x="456836" y="428626"/>
                    <a:pt x="456836" y="428626"/>
                  </a:cubicBezTo>
                  <a:cubicBezTo>
                    <a:pt x="456836" y="428626"/>
                    <a:pt x="455248" y="432028"/>
                    <a:pt x="453661" y="432028"/>
                  </a:cubicBezTo>
                  <a:cubicBezTo>
                    <a:pt x="450486" y="432028"/>
                    <a:pt x="447311" y="430327"/>
                    <a:pt x="444136" y="430327"/>
                  </a:cubicBezTo>
                  <a:cubicBezTo>
                    <a:pt x="440961" y="430327"/>
                    <a:pt x="436198" y="428626"/>
                    <a:pt x="434611" y="426925"/>
                  </a:cubicBezTo>
                  <a:cubicBezTo>
                    <a:pt x="433023" y="426925"/>
                    <a:pt x="429848" y="423523"/>
                    <a:pt x="428260" y="421823"/>
                  </a:cubicBezTo>
                  <a:cubicBezTo>
                    <a:pt x="426673" y="421823"/>
                    <a:pt x="421910" y="418421"/>
                    <a:pt x="417148" y="416720"/>
                  </a:cubicBezTo>
                  <a:cubicBezTo>
                    <a:pt x="412385" y="416720"/>
                    <a:pt x="409210" y="411617"/>
                    <a:pt x="409210" y="411617"/>
                  </a:cubicBezTo>
                  <a:cubicBezTo>
                    <a:pt x="410004" y="409916"/>
                    <a:pt x="412782" y="409491"/>
                    <a:pt x="415759" y="409491"/>
                  </a:cubicBezTo>
                  <a:close/>
                  <a:moveTo>
                    <a:pt x="569762" y="371703"/>
                  </a:moveTo>
                  <a:cubicBezTo>
                    <a:pt x="571393" y="376535"/>
                    <a:pt x="571393" y="376535"/>
                    <a:pt x="568132" y="378145"/>
                  </a:cubicBezTo>
                  <a:cubicBezTo>
                    <a:pt x="563241" y="379756"/>
                    <a:pt x="561610" y="376535"/>
                    <a:pt x="561610" y="379756"/>
                  </a:cubicBezTo>
                  <a:cubicBezTo>
                    <a:pt x="563241" y="382977"/>
                    <a:pt x="566501" y="381366"/>
                    <a:pt x="564871" y="386198"/>
                  </a:cubicBezTo>
                  <a:cubicBezTo>
                    <a:pt x="563241" y="391029"/>
                    <a:pt x="558349" y="394250"/>
                    <a:pt x="555089" y="395861"/>
                  </a:cubicBezTo>
                  <a:cubicBezTo>
                    <a:pt x="551828" y="399082"/>
                    <a:pt x="550197" y="400692"/>
                    <a:pt x="550197" y="402303"/>
                  </a:cubicBezTo>
                  <a:cubicBezTo>
                    <a:pt x="550197" y="405524"/>
                    <a:pt x="550197" y="407134"/>
                    <a:pt x="550197" y="408745"/>
                  </a:cubicBezTo>
                  <a:cubicBezTo>
                    <a:pt x="550197" y="410355"/>
                    <a:pt x="550197" y="408745"/>
                    <a:pt x="546937" y="411966"/>
                  </a:cubicBezTo>
                  <a:cubicBezTo>
                    <a:pt x="545306" y="416797"/>
                    <a:pt x="545306" y="418408"/>
                    <a:pt x="545306" y="418408"/>
                  </a:cubicBezTo>
                  <a:cubicBezTo>
                    <a:pt x="545306" y="418408"/>
                    <a:pt x="548567" y="415187"/>
                    <a:pt x="553458" y="410355"/>
                  </a:cubicBezTo>
                  <a:cubicBezTo>
                    <a:pt x="556719" y="407134"/>
                    <a:pt x="555089" y="407134"/>
                    <a:pt x="556719" y="407134"/>
                  </a:cubicBezTo>
                  <a:cubicBezTo>
                    <a:pt x="559980" y="407134"/>
                    <a:pt x="559980" y="408745"/>
                    <a:pt x="561610" y="408745"/>
                  </a:cubicBezTo>
                  <a:cubicBezTo>
                    <a:pt x="564871" y="408745"/>
                    <a:pt x="566501" y="408745"/>
                    <a:pt x="568132" y="408745"/>
                  </a:cubicBezTo>
                  <a:cubicBezTo>
                    <a:pt x="568132" y="408745"/>
                    <a:pt x="569762" y="410355"/>
                    <a:pt x="566501" y="411966"/>
                  </a:cubicBezTo>
                  <a:cubicBezTo>
                    <a:pt x="563241" y="415187"/>
                    <a:pt x="563241" y="413576"/>
                    <a:pt x="563241" y="415187"/>
                  </a:cubicBezTo>
                  <a:cubicBezTo>
                    <a:pt x="561610" y="416797"/>
                    <a:pt x="561610" y="418408"/>
                    <a:pt x="561610" y="420018"/>
                  </a:cubicBezTo>
                  <a:cubicBezTo>
                    <a:pt x="559980" y="421629"/>
                    <a:pt x="561610" y="421629"/>
                    <a:pt x="564871" y="421629"/>
                  </a:cubicBezTo>
                  <a:cubicBezTo>
                    <a:pt x="568132" y="421629"/>
                    <a:pt x="571393" y="420018"/>
                    <a:pt x="571393" y="421629"/>
                  </a:cubicBezTo>
                  <a:cubicBezTo>
                    <a:pt x="574653" y="424850"/>
                    <a:pt x="574653" y="429681"/>
                    <a:pt x="574653" y="429681"/>
                  </a:cubicBezTo>
                  <a:cubicBezTo>
                    <a:pt x="574653" y="429681"/>
                    <a:pt x="576284" y="429681"/>
                    <a:pt x="577914" y="428071"/>
                  </a:cubicBezTo>
                  <a:cubicBezTo>
                    <a:pt x="579545" y="428071"/>
                    <a:pt x="579545" y="424850"/>
                    <a:pt x="581175" y="423239"/>
                  </a:cubicBezTo>
                  <a:cubicBezTo>
                    <a:pt x="582806" y="423239"/>
                    <a:pt x="586066" y="420018"/>
                    <a:pt x="586066" y="420018"/>
                  </a:cubicBezTo>
                  <a:cubicBezTo>
                    <a:pt x="586066" y="420018"/>
                    <a:pt x="589327" y="415187"/>
                    <a:pt x="589327" y="416797"/>
                  </a:cubicBezTo>
                  <a:cubicBezTo>
                    <a:pt x="589327" y="421629"/>
                    <a:pt x="594218" y="423239"/>
                    <a:pt x="595849" y="421629"/>
                  </a:cubicBezTo>
                  <a:cubicBezTo>
                    <a:pt x="597479" y="421629"/>
                    <a:pt x="597479" y="423239"/>
                    <a:pt x="599110" y="423239"/>
                  </a:cubicBezTo>
                  <a:cubicBezTo>
                    <a:pt x="600740" y="423239"/>
                    <a:pt x="607262" y="424850"/>
                    <a:pt x="607262" y="426460"/>
                  </a:cubicBezTo>
                  <a:cubicBezTo>
                    <a:pt x="607262" y="428071"/>
                    <a:pt x="604001" y="429681"/>
                    <a:pt x="604001" y="431292"/>
                  </a:cubicBezTo>
                  <a:cubicBezTo>
                    <a:pt x="602370" y="432902"/>
                    <a:pt x="600740" y="431292"/>
                    <a:pt x="599110" y="432902"/>
                  </a:cubicBezTo>
                  <a:cubicBezTo>
                    <a:pt x="595849" y="437734"/>
                    <a:pt x="599110" y="437734"/>
                    <a:pt x="599110" y="439344"/>
                  </a:cubicBezTo>
                  <a:cubicBezTo>
                    <a:pt x="599110" y="442565"/>
                    <a:pt x="604001" y="439344"/>
                    <a:pt x="599110" y="442565"/>
                  </a:cubicBezTo>
                  <a:cubicBezTo>
                    <a:pt x="595849" y="445786"/>
                    <a:pt x="599110" y="444176"/>
                    <a:pt x="599110" y="444176"/>
                  </a:cubicBezTo>
                  <a:cubicBezTo>
                    <a:pt x="599110" y="444176"/>
                    <a:pt x="602370" y="447397"/>
                    <a:pt x="605631" y="445786"/>
                  </a:cubicBezTo>
                  <a:cubicBezTo>
                    <a:pt x="607262" y="445786"/>
                    <a:pt x="608892" y="442565"/>
                    <a:pt x="610522" y="442565"/>
                  </a:cubicBezTo>
                  <a:cubicBezTo>
                    <a:pt x="612153" y="442565"/>
                    <a:pt x="615414" y="439344"/>
                    <a:pt x="615414" y="440955"/>
                  </a:cubicBezTo>
                  <a:cubicBezTo>
                    <a:pt x="615414" y="442565"/>
                    <a:pt x="615414" y="442565"/>
                    <a:pt x="612153" y="445786"/>
                  </a:cubicBezTo>
                  <a:cubicBezTo>
                    <a:pt x="607262" y="449007"/>
                    <a:pt x="605631" y="447397"/>
                    <a:pt x="604001" y="450618"/>
                  </a:cubicBezTo>
                  <a:cubicBezTo>
                    <a:pt x="599110" y="457060"/>
                    <a:pt x="597479" y="457060"/>
                    <a:pt x="599110" y="458671"/>
                  </a:cubicBezTo>
                  <a:cubicBezTo>
                    <a:pt x="599110" y="458671"/>
                    <a:pt x="602370" y="463502"/>
                    <a:pt x="604001" y="461892"/>
                  </a:cubicBezTo>
                  <a:cubicBezTo>
                    <a:pt x="607262" y="460281"/>
                    <a:pt x="607262" y="455450"/>
                    <a:pt x="608892" y="453839"/>
                  </a:cubicBezTo>
                  <a:cubicBezTo>
                    <a:pt x="610522" y="452228"/>
                    <a:pt x="613783" y="452228"/>
                    <a:pt x="613783" y="452228"/>
                  </a:cubicBezTo>
                  <a:cubicBezTo>
                    <a:pt x="615414" y="457060"/>
                    <a:pt x="615414" y="458671"/>
                    <a:pt x="613783" y="460281"/>
                  </a:cubicBezTo>
                  <a:cubicBezTo>
                    <a:pt x="612153" y="461892"/>
                    <a:pt x="612153" y="463502"/>
                    <a:pt x="612153" y="463502"/>
                  </a:cubicBezTo>
                  <a:cubicBezTo>
                    <a:pt x="612153" y="463502"/>
                    <a:pt x="612153" y="463502"/>
                    <a:pt x="620305" y="461892"/>
                  </a:cubicBezTo>
                  <a:cubicBezTo>
                    <a:pt x="620305" y="461892"/>
                    <a:pt x="621935" y="465113"/>
                    <a:pt x="620305" y="466723"/>
                  </a:cubicBezTo>
                  <a:cubicBezTo>
                    <a:pt x="620305" y="469944"/>
                    <a:pt x="618674" y="468334"/>
                    <a:pt x="618674" y="471555"/>
                  </a:cubicBezTo>
                  <a:cubicBezTo>
                    <a:pt x="617044" y="473165"/>
                    <a:pt x="617044" y="474776"/>
                    <a:pt x="617044" y="476386"/>
                  </a:cubicBezTo>
                  <a:cubicBezTo>
                    <a:pt x="615414" y="477997"/>
                    <a:pt x="618674" y="476386"/>
                    <a:pt x="615414" y="479607"/>
                  </a:cubicBezTo>
                  <a:cubicBezTo>
                    <a:pt x="612153" y="482828"/>
                    <a:pt x="608892" y="482828"/>
                    <a:pt x="608892" y="482828"/>
                  </a:cubicBezTo>
                  <a:cubicBezTo>
                    <a:pt x="608892" y="482828"/>
                    <a:pt x="608892" y="482828"/>
                    <a:pt x="604001" y="474776"/>
                  </a:cubicBezTo>
                  <a:cubicBezTo>
                    <a:pt x="604001" y="474776"/>
                    <a:pt x="604001" y="474776"/>
                    <a:pt x="595849" y="477997"/>
                  </a:cubicBezTo>
                  <a:cubicBezTo>
                    <a:pt x="594218" y="471555"/>
                    <a:pt x="595849" y="471555"/>
                    <a:pt x="595849" y="468334"/>
                  </a:cubicBezTo>
                  <a:cubicBezTo>
                    <a:pt x="595849" y="466723"/>
                    <a:pt x="595849" y="466723"/>
                    <a:pt x="595849" y="466723"/>
                  </a:cubicBezTo>
                  <a:cubicBezTo>
                    <a:pt x="589327" y="465113"/>
                    <a:pt x="586066" y="463502"/>
                    <a:pt x="587697" y="465113"/>
                  </a:cubicBezTo>
                  <a:cubicBezTo>
                    <a:pt x="587697" y="466723"/>
                    <a:pt x="584436" y="468334"/>
                    <a:pt x="581175" y="469944"/>
                  </a:cubicBezTo>
                  <a:cubicBezTo>
                    <a:pt x="579545" y="471555"/>
                    <a:pt x="576284" y="473165"/>
                    <a:pt x="576284" y="474776"/>
                  </a:cubicBezTo>
                  <a:cubicBezTo>
                    <a:pt x="574653" y="476386"/>
                    <a:pt x="573023" y="477997"/>
                    <a:pt x="569762" y="477997"/>
                  </a:cubicBezTo>
                  <a:cubicBezTo>
                    <a:pt x="568132" y="479607"/>
                    <a:pt x="566501" y="479607"/>
                    <a:pt x="564871" y="477997"/>
                  </a:cubicBezTo>
                  <a:cubicBezTo>
                    <a:pt x="563241" y="477997"/>
                    <a:pt x="561610" y="477997"/>
                    <a:pt x="561610" y="476386"/>
                  </a:cubicBezTo>
                  <a:cubicBezTo>
                    <a:pt x="561610" y="474776"/>
                    <a:pt x="563241" y="474776"/>
                    <a:pt x="564871" y="473165"/>
                  </a:cubicBezTo>
                  <a:cubicBezTo>
                    <a:pt x="568132" y="473165"/>
                    <a:pt x="568132" y="471555"/>
                    <a:pt x="569762" y="471555"/>
                  </a:cubicBezTo>
                  <a:cubicBezTo>
                    <a:pt x="569762" y="471555"/>
                    <a:pt x="568132" y="466723"/>
                    <a:pt x="566501" y="466723"/>
                  </a:cubicBezTo>
                  <a:cubicBezTo>
                    <a:pt x="564871" y="465113"/>
                    <a:pt x="564871" y="465113"/>
                    <a:pt x="564871" y="463502"/>
                  </a:cubicBezTo>
                  <a:cubicBezTo>
                    <a:pt x="564871" y="460281"/>
                    <a:pt x="566501" y="458671"/>
                    <a:pt x="563241" y="458671"/>
                  </a:cubicBezTo>
                  <a:cubicBezTo>
                    <a:pt x="561610" y="458671"/>
                    <a:pt x="561610" y="458671"/>
                    <a:pt x="556719" y="460281"/>
                  </a:cubicBezTo>
                  <a:cubicBezTo>
                    <a:pt x="551828" y="461892"/>
                    <a:pt x="550197" y="463502"/>
                    <a:pt x="548567" y="463502"/>
                  </a:cubicBezTo>
                  <a:cubicBezTo>
                    <a:pt x="548567" y="463502"/>
                    <a:pt x="546937" y="463502"/>
                    <a:pt x="542045" y="463502"/>
                  </a:cubicBezTo>
                  <a:cubicBezTo>
                    <a:pt x="537154" y="463502"/>
                    <a:pt x="540415" y="461892"/>
                    <a:pt x="535524" y="463502"/>
                  </a:cubicBezTo>
                  <a:cubicBezTo>
                    <a:pt x="529002" y="463502"/>
                    <a:pt x="522481" y="463502"/>
                    <a:pt x="520850" y="463502"/>
                  </a:cubicBezTo>
                  <a:cubicBezTo>
                    <a:pt x="517589" y="463502"/>
                    <a:pt x="514328" y="461892"/>
                    <a:pt x="509437" y="461892"/>
                  </a:cubicBezTo>
                  <a:cubicBezTo>
                    <a:pt x="506176" y="463502"/>
                    <a:pt x="502916" y="461892"/>
                    <a:pt x="502916" y="461892"/>
                  </a:cubicBezTo>
                  <a:cubicBezTo>
                    <a:pt x="502916" y="461892"/>
                    <a:pt x="501285" y="457060"/>
                    <a:pt x="504546" y="455450"/>
                  </a:cubicBezTo>
                  <a:cubicBezTo>
                    <a:pt x="506176" y="452228"/>
                    <a:pt x="506176" y="452228"/>
                    <a:pt x="507807" y="450618"/>
                  </a:cubicBezTo>
                  <a:cubicBezTo>
                    <a:pt x="509437" y="449007"/>
                    <a:pt x="512698" y="447397"/>
                    <a:pt x="512698" y="447397"/>
                  </a:cubicBezTo>
                  <a:cubicBezTo>
                    <a:pt x="512698" y="447397"/>
                    <a:pt x="515959" y="444176"/>
                    <a:pt x="512698" y="444176"/>
                  </a:cubicBezTo>
                  <a:cubicBezTo>
                    <a:pt x="509437" y="444176"/>
                    <a:pt x="507807" y="442565"/>
                    <a:pt x="507807" y="442565"/>
                  </a:cubicBezTo>
                  <a:cubicBezTo>
                    <a:pt x="507807" y="442565"/>
                    <a:pt x="509437" y="440955"/>
                    <a:pt x="511068" y="439344"/>
                  </a:cubicBezTo>
                  <a:cubicBezTo>
                    <a:pt x="512698" y="437734"/>
                    <a:pt x="514328" y="437734"/>
                    <a:pt x="515959" y="434513"/>
                  </a:cubicBezTo>
                  <a:cubicBezTo>
                    <a:pt x="515959" y="432902"/>
                    <a:pt x="517589" y="432902"/>
                    <a:pt x="517589" y="429681"/>
                  </a:cubicBezTo>
                  <a:cubicBezTo>
                    <a:pt x="517589" y="428071"/>
                    <a:pt x="517589" y="426460"/>
                    <a:pt x="519220" y="426460"/>
                  </a:cubicBezTo>
                  <a:cubicBezTo>
                    <a:pt x="519220" y="426460"/>
                    <a:pt x="519220" y="426460"/>
                    <a:pt x="522481" y="421629"/>
                  </a:cubicBezTo>
                  <a:cubicBezTo>
                    <a:pt x="522481" y="421629"/>
                    <a:pt x="522481" y="421629"/>
                    <a:pt x="527372" y="416797"/>
                  </a:cubicBezTo>
                  <a:cubicBezTo>
                    <a:pt x="527372" y="416797"/>
                    <a:pt x="529002" y="413576"/>
                    <a:pt x="527372" y="411966"/>
                  </a:cubicBezTo>
                  <a:cubicBezTo>
                    <a:pt x="527372" y="410355"/>
                    <a:pt x="527372" y="408745"/>
                    <a:pt x="529002" y="407134"/>
                  </a:cubicBezTo>
                  <a:cubicBezTo>
                    <a:pt x="532263" y="403913"/>
                    <a:pt x="532263" y="400692"/>
                    <a:pt x="535524" y="397471"/>
                  </a:cubicBezTo>
                  <a:cubicBezTo>
                    <a:pt x="537154" y="394250"/>
                    <a:pt x="538785" y="394250"/>
                    <a:pt x="540415" y="392640"/>
                  </a:cubicBezTo>
                  <a:cubicBezTo>
                    <a:pt x="540415" y="389419"/>
                    <a:pt x="546937" y="387808"/>
                    <a:pt x="546937" y="386198"/>
                  </a:cubicBezTo>
                  <a:cubicBezTo>
                    <a:pt x="548567" y="382977"/>
                    <a:pt x="548567" y="378145"/>
                    <a:pt x="551828" y="376535"/>
                  </a:cubicBezTo>
                  <a:cubicBezTo>
                    <a:pt x="555089" y="374924"/>
                    <a:pt x="555089" y="373314"/>
                    <a:pt x="558349" y="373314"/>
                  </a:cubicBezTo>
                  <a:cubicBezTo>
                    <a:pt x="561610" y="373314"/>
                    <a:pt x="559980" y="373314"/>
                    <a:pt x="564871" y="373314"/>
                  </a:cubicBezTo>
                  <a:cubicBezTo>
                    <a:pt x="569762" y="371703"/>
                    <a:pt x="566501" y="371703"/>
                    <a:pt x="569762" y="371703"/>
                  </a:cubicBezTo>
                  <a:close/>
                  <a:moveTo>
                    <a:pt x="142510" y="98653"/>
                  </a:moveTo>
                  <a:cubicBezTo>
                    <a:pt x="144098" y="100240"/>
                    <a:pt x="142510" y="103415"/>
                    <a:pt x="140923" y="108178"/>
                  </a:cubicBezTo>
                  <a:cubicBezTo>
                    <a:pt x="139335" y="111353"/>
                    <a:pt x="137748" y="114528"/>
                    <a:pt x="136160" y="119290"/>
                  </a:cubicBezTo>
                  <a:cubicBezTo>
                    <a:pt x="132985" y="124053"/>
                    <a:pt x="132985" y="120878"/>
                    <a:pt x="129810" y="116115"/>
                  </a:cubicBezTo>
                  <a:cubicBezTo>
                    <a:pt x="126635" y="112940"/>
                    <a:pt x="126635" y="112940"/>
                    <a:pt x="126635" y="108178"/>
                  </a:cubicBezTo>
                  <a:cubicBezTo>
                    <a:pt x="126635" y="103415"/>
                    <a:pt x="126635" y="101828"/>
                    <a:pt x="129810" y="100240"/>
                  </a:cubicBezTo>
                  <a:cubicBezTo>
                    <a:pt x="136160" y="97065"/>
                    <a:pt x="139335" y="97065"/>
                    <a:pt x="142510" y="98653"/>
                  </a:cubicBezTo>
                  <a:close/>
                  <a:moveTo>
                    <a:pt x="93100" y="82579"/>
                  </a:moveTo>
                  <a:cubicBezTo>
                    <a:pt x="93695" y="83174"/>
                    <a:pt x="94092" y="84365"/>
                    <a:pt x="96473" y="85953"/>
                  </a:cubicBezTo>
                  <a:cubicBezTo>
                    <a:pt x="101236" y="90715"/>
                    <a:pt x="91711" y="89128"/>
                    <a:pt x="88536" y="93890"/>
                  </a:cubicBezTo>
                  <a:cubicBezTo>
                    <a:pt x="85361" y="97065"/>
                    <a:pt x="83773" y="100240"/>
                    <a:pt x="79010" y="101828"/>
                  </a:cubicBezTo>
                  <a:cubicBezTo>
                    <a:pt x="72660" y="105003"/>
                    <a:pt x="74248" y="105003"/>
                    <a:pt x="67898" y="101828"/>
                  </a:cubicBezTo>
                  <a:cubicBezTo>
                    <a:pt x="61548" y="98653"/>
                    <a:pt x="61548" y="100240"/>
                    <a:pt x="61548" y="97065"/>
                  </a:cubicBezTo>
                  <a:cubicBezTo>
                    <a:pt x="61548" y="92303"/>
                    <a:pt x="66310" y="90715"/>
                    <a:pt x="67898" y="87540"/>
                  </a:cubicBezTo>
                  <a:cubicBezTo>
                    <a:pt x="71073" y="84365"/>
                    <a:pt x="74248" y="87540"/>
                    <a:pt x="75835" y="85953"/>
                  </a:cubicBezTo>
                  <a:cubicBezTo>
                    <a:pt x="75835" y="84365"/>
                    <a:pt x="83773" y="84365"/>
                    <a:pt x="88536" y="82778"/>
                  </a:cubicBezTo>
                  <a:cubicBezTo>
                    <a:pt x="91711" y="81984"/>
                    <a:pt x="92505" y="81984"/>
                    <a:pt x="93100" y="82579"/>
                  </a:cubicBezTo>
                  <a:close/>
                  <a:moveTo>
                    <a:pt x="166322" y="66903"/>
                  </a:moveTo>
                  <a:cubicBezTo>
                    <a:pt x="169497" y="66903"/>
                    <a:pt x="169497" y="68491"/>
                    <a:pt x="172672" y="70078"/>
                  </a:cubicBezTo>
                  <a:cubicBezTo>
                    <a:pt x="174260" y="71666"/>
                    <a:pt x="174260" y="73253"/>
                    <a:pt x="172672" y="76428"/>
                  </a:cubicBezTo>
                  <a:cubicBezTo>
                    <a:pt x="172672" y="81191"/>
                    <a:pt x="171085" y="78016"/>
                    <a:pt x="169497" y="78016"/>
                  </a:cubicBezTo>
                  <a:cubicBezTo>
                    <a:pt x="166322" y="76428"/>
                    <a:pt x="166322" y="76428"/>
                    <a:pt x="161560" y="74841"/>
                  </a:cubicBezTo>
                  <a:cubicBezTo>
                    <a:pt x="155210" y="74841"/>
                    <a:pt x="156797" y="71666"/>
                    <a:pt x="159972" y="70078"/>
                  </a:cubicBezTo>
                  <a:cubicBezTo>
                    <a:pt x="161560" y="68491"/>
                    <a:pt x="164735" y="68491"/>
                    <a:pt x="166322" y="66903"/>
                  </a:cubicBezTo>
                  <a:close/>
                  <a:moveTo>
                    <a:pt x="182776" y="62140"/>
                  </a:moveTo>
                  <a:cubicBezTo>
                    <a:pt x="186239" y="62140"/>
                    <a:pt x="187971" y="63728"/>
                    <a:pt x="191435" y="66903"/>
                  </a:cubicBezTo>
                  <a:cubicBezTo>
                    <a:pt x="194898" y="70078"/>
                    <a:pt x="189703" y="70078"/>
                    <a:pt x="187971" y="71665"/>
                  </a:cubicBezTo>
                  <a:cubicBezTo>
                    <a:pt x="184507" y="73253"/>
                    <a:pt x="175848" y="68490"/>
                    <a:pt x="177580" y="65315"/>
                  </a:cubicBezTo>
                  <a:cubicBezTo>
                    <a:pt x="177580" y="63728"/>
                    <a:pt x="181044" y="62140"/>
                    <a:pt x="182776" y="62140"/>
                  </a:cubicBezTo>
                  <a:close/>
                  <a:moveTo>
                    <a:pt x="30631" y="259"/>
                  </a:moveTo>
                  <a:cubicBezTo>
                    <a:pt x="37139" y="-1360"/>
                    <a:pt x="38767" y="5117"/>
                    <a:pt x="38767" y="5117"/>
                  </a:cubicBezTo>
                  <a:cubicBezTo>
                    <a:pt x="38767" y="5117"/>
                    <a:pt x="38767" y="5117"/>
                    <a:pt x="40394" y="11594"/>
                  </a:cubicBezTo>
                  <a:cubicBezTo>
                    <a:pt x="40394" y="18071"/>
                    <a:pt x="40394" y="11594"/>
                    <a:pt x="42021" y="14833"/>
                  </a:cubicBezTo>
                  <a:cubicBezTo>
                    <a:pt x="43648" y="18071"/>
                    <a:pt x="48530" y="13213"/>
                    <a:pt x="48530" y="13213"/>
                  </a:cubicBezTo>
                  <a:cubicBezTo>
                    <a:pt x="48530" y="13213"/>
                    <a:pt x="51784" y="13213"/>
                    <a:pt x="55039" y="19690"/>
                  </a:cubicBezTo>
                  <a:cubicBezTo>
                    <a:pt x="56666" y="27787"/>
                    <a:pt x="59920" y="22929"/>
                    <a:pt x="61547" y="21310"/>
                  </a:cubicBezTo>
                  <a:cubicBezTo>
                    <a:pt x="63174" y="19690"/>
                    <a:pt x="66429" y="21310"/>
                    <a:pt x="72938" y="26167"/>
                  </a:cubicBezTo>
                  <a:cubicBezTo>
                    <a:pt x="74565" y="26167"/>
                    <a:pt x="77819" y="29406"/>
                    <a:pt x="84328" y="35883"/>
                  </a:cubicBezTo>
                  <a:cubicBezTo>
                    <a:pt x="85955" y="35883"/>
                    <a:pt x="89209" y="35883"/>
                    <a:pt x="90837" y="35883"/>
                  </a:cubicBezTo>
                  <a:cubicBezTo>
                    <a:pt x="94091" y="35883"/>
                    <a:pt x="95718" y="39121"/>
                    <a:pt x="95718" y="39121"/>
                  </a:cubicBezTo>
                  <a:cubicBezTo>
                    <a:pt x="95718" y="39121"/>
                    <a:pt x="98973" y="45598"/>
                    <a:pt x="103854" y="52076"/>
                  </a:cubicBezTo>
                  <a:cubicBezTo>
                    <a:pt x="105481" y="53695"/>
                    <a:pt x="115244" y="52076"/>
                    <a:pt x="118499" y="52076"/>
                  </a:cubicBezTo>
                  <a:cubicBezTo>
                    <a:pt x="121753" y="52076"/>
                    <a:pt x="121753" y="53695"/>
                    <a:pt x="125008" y="58553"/>
                  </a:cubicBezTo>
                  <a:cubicBezTo>
                    <a:pt x="126635" y="65030"/>
                    <a:pt x="126635" y="63410"/>
                    <a:pt x="121753" y="66649"/>
                  </a:cubicBezTo>
                  <a:cubicBezTo>
                    <a:pt x="118499" y="69888"/>
                    <a:pt x="118499" y="71507"/>
                    <a:pt x="110363" y="69888"/>
                  </a:cubicBezTo>
                  <a:cubicBezTo>
                    <a:pt x="110363" y="69888"/>
                    <a:pt x="102227" y="68268"/>
                    <a:pt x="100600" y="66649"/>
                  </a:cubicBezTo>
                  <a:cubicBezTo>
                    <a:pt x="98973" y="65030"/>
                    <a:pt x="95718" y="65030"/>
                    <a:pt x="84328" y="60172"/>
                  </a:cubicBezTo>
                  <a:cubicBezTo>
                    <a:pt x="81074" y="58553"/>
                    <a:pt x="77819" y="53695"/>
                    <a:pt x="74565" y="52076"/>
                  </a:cubicBezTo>
                  <a:cubicBezTo>
                    <a:pt x="69683" y="48837"/>
                    <a:pt x="68056" y="52076"/>
                    <a:pt x="68056" y="52076"/>
                  </a:cubicBezTo>
                  <a:cubicBezTo>
                    <a:pt x="68056" y="52076"/>
                    <a:pt x="66429" y="56933"/>
                    <a:pt x="59920" y="61791"/>
                  </a:cubicBezTo>
                  <a:cubicBezTo>
                    <a:pt x="58293" y="65030"/>
                    <a:pt x="56666" y="66649"/>
                    <a:pt x="53411" y="68268"/>
                  </a:cubicBezTo>
                  <a:cubicBezTo>
                    <a:pt x="51784" y="69888"/>
                    <a:pt x="50157" y="73126"/>
                    <a:pt x="45275" y="76365"/>
                  </a:cubicBezTo>
                  <a:cubicBezTo>
                    <a:pt x="40394" y="79603"/>
                    <a:pt x="42021" y="77984"/>
                    <a:pt x="30631" y="73126"/>
                  </a:cubicBezTo>
                  <a:cubicBezTo>
                    <a:pt x="27376" y="71507"/>
                    <a:pt x="32258" y="65030"/>
                    <a:pt x="30631" y="61791"/>
                  </a:cubicBezTo>
                  <a:cubicBezTo>
                    <a:pt x="29004" y="58553"/>
                    <a:pt x="22495" y="61791"/>
                    <a:pt x="15986" y="63410"/>
                  </a:cubicBezTo>
                  <a:cubicBezTo>
                    <a:pt x="9477" y="65030"/>
                    <a:pt x="6223" y="65030"/>
                    <a:pt x="1341" y="61791"/>
                  </a:cubicBezTo>
                  <a:cubicBezTo>
                    <a:pt x="-3540" y="58553"/>
                    <a:pt x="6223" y="58553"/>
                    <a:pt x="9477" y="56933"/>
                  </a:cubicBezTo>
                  <a:cubicBezTo>
                    <a:pt x="11104" y="55314"/>
                    <a:pt x="17613" y="55314"/>
                    <a:pt x="19240" y="50456"/>
                  </a:cubicBezTo>
                  <a:cubicBezTo>
                    <a:pt x="20868" y="43979"/>
                    <a:pt x="19240" y="47218"/>
                    <a:pt x="15986" y="42360"/>
                  </a:cubicBezTo>
                  <a:cubicBezTo>
                    <a:pt x="12732" y="37502"/>
                    <a:pt x="15986" y="39121"/>
                    <a:pt x="20868" y="29406"/>
                  </a:cubicBezTo>
                  <a:cubicBezTo>
                    <a:pt x="24122" y="21310"/>
                    <a:pt x="22495" y="19690"/>
                    <a:pt x="19240" y="11594"/>
                  </a:cubicBezTo>
                  <a:cubicBezTo>
                    <a:pt x="15986" y="3498"/>
                    <a:pt x="25749" y="1878"/>
                    <a:pt x="30631" y="259"/>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0" name="îşḷíḍè">
              <a:extLst>
                <a:ext uri="{FF2B5EF4-FFF2-40B4-BE49-F238E27FC236}">
                  <a16:creationId xmlns:a16="http://schemas.microsoft.com/office/drawing/2014/main" xmlns="" id="{B22DEEB0-4441-420E-A527-D373BE4C57BA}"/>
                </a:ext>
              </a:extLst>
            </p:cNvPr>
            <p:cNvSpPr/>
            <p:nvPr/>
          </p:nvSpPr>
          <p:spPr bwMode="auto">
            <a:xfrm>
              <a:off x="3940175" y="1058177"/>
              <a:ext cx="2044700" cy="800786"/>
            </a:xfrm>
            <a:custGeom>
              <a:avLst/>
              <a:gdLst>
                <a:gd name="connsiteX0" fmla="*/ 923925 w 2044700"/>
                <a:gd name="connsiteY0" fmla="*/ 572186 h 800786"/>
                <a:gd name="connsiteX1" fmla="*/ 927100 w 2044700"/>
                <a:gd name="connsiteY1" fmla="*/ 573774 h 800786"/>
                <a:gd name="connsiteX2" fmla="*/ 939800 w 2044700"/>
                <a:gd name="connsiteY2" fmla="*/ 576949 h 800786"/>
                <a:gd name="connsiteX3" fmla="*/ 941387 w 2044700"/>
                <a:gd name="connsiteY3" fmla="*/ 583299 h 800786"/>
                <a:gd name="connsiteX4" fmla="*/ 935037 w 2044700"/>
                <a:gd name="connsiteY4" fmla="*/ 583299 h 800786"/>
                <a:gd name="connsiteX5" fmla="*/ 923925 w 2044700"/>
                <a:gd name="connsiteY5" fmla="*/ 583299 h 800786"/>
                <a:gd name="connsiteX6" fmla="*/ 919162 w 2044700"/>
                <a:gd name="connsiteY6" fmla="*/ 576949 h 800786"/>
                <a:gd name="connsiteX7" fmla="*/ 919162 w 2044700"/>
                <a:gd name="connsiteY7" fmla="*/ 573774 h 800786"/>
                <a:gd name="connsiteX8" fmla="*/ 923925 w 2044700"/>
                <a:gd name="connsiteY8" fmla="*/ 572186 h 800786"/>
                <a:gd name="connsiteX9" fmla="*/ 705446 w 2044700"/>
                <a:gd name="connsiteY9" fmla="*/ 567225 h 800786"/>
                <a:gd name="connsiteX10" fmla="*/ 708025 w 2044700"/>
                <a:gd name="connsiteY10" fmla="*/ 570598 h 800786"/>
                <a:gd name="connsiteX11" fmla="*/ 706438 w 2044700"/>
                <a:gd name="connsiteY11" fmla="*/ 578536 h 800786"/>
                <a:gd name="connsiteX12" fmla="*/ 701675 w 2044700"/>
                <a:gd name="connsiteY12" fmla="*/ 581711 h 800786"/>
                <a:gd name="connsiteX13" fmla="*/ 696912 w 2044700"/>
                <a:gd name="connsiteY13" fmla="*/ 578536 h 800786"/>
                <a:gd name="connsiteX14" fmla="*/ 701675 w 2044700"/>
                <a:gd name="connsiteY14" fmla="*/ 567423 h 800786"/>
                <a:gd name="connsiteX15" fmla="*/ 705446 w 2044700"/>
                <a:gd name="connsiteY15" fmla="*/ 567225 h 800786"/>
                <a:gd name="connsiteX16" fmla="*/ 898429 w 2044700"/>
                <a:gd name="connsiteY16" fmla="*/ 567027 h 800786"/>
                <a:gd name="connsiteX17" fmla="*/ 906272 w 2044700"/>
                <a:gd name="connsiteY17" fmla="*/ 569011 h 800786"/>
                <a:gd name="connsiteX18" fmla="*/ 909574 w 2044700"/>
                <a:gd name="connsiteY18" fmla="*/ 575361 h 800786"/>
                <a:gd name="connsiteX19" fmla="*/ 907923 w 2044700"/>
                <a:gd name="connsiteY19" fmla="*/ 588061 h 800786"/>
                <a:gd name="connsiteX20" fmla="*/ 896366 w 2044700"/>
                <a:gd name="connsiteY20" fmla="*/ 597586 h 800786"/>
                <a:gd name="connsiteX21" fmla="*/ 876554 w 2044700"/>
                <a:gd name="connsiteY21" fmla="*/ 594411 h 800786"/>
                <a:gd name="connsiteX22" fmla="*/ 871601 w 2044700"/>
                <a:gd name="connsiteY22" fmla="*/ 586474 h 800786"/>
                <a:gd name="connsiteX23" fmla="*/ 876554 w 2044700"/>
                <a:gd name="connsiteY23" fmla="*/ 572186 h 800786"/>
                <a:gd name="connsiteX24" fmla="*/ 888111 w 2044700"/>
                <a:gd name="connsiteY24" fmla="*/ 567424 h 800786"/>
                <a:gd name="connsiteX25" fmla="*/ 898429 w 2044700"/>
                <a:gd name="connsiteY25" fmla="*/ 567027 h 800786"/>
                <a:gd name="connsiteX26" fmla="*/ 911226 w 2044700"/>
                <a:gd name="connsiteY26" fmla="*/ 554723 h 800786"/>
                <a:gd name="connsiteX27" fmla="*/ 909638 w 2044700"/>
                <a:gd name="connsiteY27" fmla="*/ 561073 h 800786"/>
                <a:gd name="connsiteX28" fmla="*/ 906463 w 2044700"/>
                <a:gd name="connsiteY28" fmla="*/ 557898 h 800786"/>
                <a:gd name="connsiteX29" fmla="*/ 911226 w 2044700"/>
                <a:gd name="connsiteY29" fmla="*/ 554723 h 800786"/>
                <a:gd name="connsiteX30" fmla="*/ 1327156 w 2044700"/>
                <a:gd name="connsiteY30" fmla="*/ 552144 h 800786"/>
                <a:gd name="connsiteX31" fmla="*/ 1331446 w 2044700"/>
                <a:gd name="connsiteY31" fmla="*/ 554724 h 800786"/>
                <a:gd name="connsiteX32" fmla="*/ 1337983 w 2044700"/>
                <a:gd name="connsiteY32" fmla="*/ 556311 h 800786"/>
                <a:gd name="connsiteX33" fmla="*/ 1341251 w 2044700"/>
                <a:gd name="connsiteY33" fmla="*/ 562661 h 800786"/>
                <a:gd name="connsiteX34" fmla="*/ 1337983 w 2044700"/>
                <a:gd name="connsiteY34" fmla="*/ 565836 h 800786"/>
                <a:gd name="connsiteX35" fmla="*/ 1324909 w 2044700"/>
                <a:gd name="connsiteY35" fmla="*/ 569011 h 800786"/>
                <a:gd name="connsiteX36" fmla="*/ 1336349 w 2044700"/>
                <a:gd name="connsiteY36" fmla="*/ 570599 h 800786"/>
                <a:gd name="connsiteX37" fmla="*/ 1344520 w 2044700"/>
                <a:gd name="connsiteY37" fmla="*/ 572186 h 800786"/>
                <a:gd name="connsiteX38" fmla="*/ 1346154 w 2044700"/>
                <a:gd name="connsiteY38" fmla="*/ 576949 h 800786"/>
                <a:gd name="connsiteX39" fmla="*/ 1337983 w 2044700"/>
                <a:gd name="connsiteY39" fmla="*/ 580124 h 800786"/>
                <a:gd name="connsiteX40" fmla="*/ 1331446 w 2044700"/>
                <a:gd name="connsiteY40" fmla="*/ 576949 h 800786"/>
                <a:gd name="connsiteX41" fmla="*/ 1324909 w 2044700"/>
                <a:gd name="connsiteY41" fmla="*/ 580124 h 800786"/>
                <a:gd name="connsiteX42" fmla="*/ 1318372 w 2044700"/>
                <a:gd name="connsiteY42" fmla="*/ 578536 h 800786"/>
                <a:gd name="connsiteX43" fmla="*/ 1311835 w 2044700"/>
                <a:gd name="connsiteY43" fmla="*/ 580124 h 800786"/>
                <a:gd name="connsiteX44" fmla="*/ 1297127 w 2044700"/>
                <a:gd name="connsiteY44" fmla="*/ 584886 h 800786"/>
                <a:gd name="connsiteX45" fmla="*/ 1298762 w 2044700"/>
                <a:gd name="connsiteY45" fmla="*/ 578536 h 800786"/>
                <a:gd name="connsiteX46" fmla="*/ 1305298 w 2044700"/>
                <a:gd name="connsiteY46" fmla="*/ 575361 h 800786"/>
                <a:gd name="connsiteX47" fmla="*/ 1315104 w 2044700"/>
                <a:gd name="connsiteY47" fmla="*/ 570599 h 800786"/>
                <a:gd name="connsiteX48" fmla="*/ 1318372 w 2044700"/>
                <a:gd name="connsiteY48" fmla="*/ 567424 h 800786"/>
                <a:gd name="connsiteX49" fmla="*/ 1308567 w 2044700"/>
                <a:gd name="connsiteY49" fmla="*/ 564249 h 800786"/>
                <a:gd name="connsiteX50" fmla="*/ 1316738 w 2044700"/>
                <a:gd name="connsiteY50" fmla="*/ 561074 h 800786"/>
                <a:gd name="connsiteX51" fmla="*/ 1320006 w 2044700"/>
                <a:gd name="connsiteY51" fmla="*/ 556311 h 800786"/>
                <a:gd name="connsiteX52" fmla="*/ 1316738 w 2044700"/>
                <a:gd name="connsiteY52" fmla="*/ 553136 h 800786"/>
                <a:gd name="connsiteX53" fmla="*/ 1327156 w 2044700"/>
                <a:gd name="connsiteY53" fmla="*/ 552144 h 800786"/>
                <a:gd name="connsiteX54" fmla="*/ 850107 w 2044700"/>
                <a:gd name="connsiteY54" fmla="*/ 533061 h 800786"/>
                <a:gd name="connsiteX55" fmla="*/ 854076 w 2044700"/>
                <a:gd name="connsiteY55" fmla="*/ 534351 h 800786"/>
                <a:gd name="connsiteX56" fmla="*/ 852488 w 2044700"/>
                <a:gd name="connsiteY56" fmla="*/ 539510 h 800786"/>
                <a:gd name="connsiteX57" fmla="*/ 842963 w 2044700"/>
                <a:gd name="connsiteY57" fmla="*/ 548109 h 800786"/>
                <a:gd name="connsiteX58" fmla="*/ 836613 w 2044700"/>
                <a:gd name="connsiteY58" fmla="*/ 551549 h 800786"/>
                <a:gd name="connsiteX59" fmla="*/ 835025 w 2044700"/>
                <a:gd name="connsiteY59" fmla="*/ 546390 h 800786"/>
                <a:gd name="connsiteX60" fmla="*/ 846138 w 2044700"/>
                <a:gd name="connsiteY60" fmla="*/ 534351 h 800786"/>
                <a:gd name="connsiteX61" fmla="*/ 850107 w 2044700"/>
                <a:gd name="connsiteY61" fmla="*/ 533061 h 800786"/>
                <a:gd name="connsiteX62" fmla="*/ 871970 w 2044700"/>
                <a:gd name="connsiteY62" fmla="*/ 530911 h 800786"/>
                <a:gd name="connsiteX63" fmla="*/ 882361 w 2044700"/>
                <a:gd name="connsiteY63" fmla="*/ 535673 h 800786"/>
                <a:gd name="connsiteX64" fmla="*/ 877166 w 2044700"/>
                <a:gd name="connsiteY64" fmla="*/ 540436 h 800786"/>
                <a:gd name="connsiteX65" fmla="*/ 868507 w 2044700"/>
                <a:gd name="connsiteY65" fmla="*/ 538848 h 800786"/>
                <a:gd name="connsiteX66" fmla="*/ 871970 w 2044700"/>
                <a:gd name="connsiteY66" fmla="*/ 530911 h 800786"/>
                <a:gd name="connsiteX67" fmla="*/ 854075 w 2044700"/>
                <a:gd name="connsiteY67" fmla="*/ 519799 h 800786"/>
                <a:gd name="connsiteX68" fmla="*/ 858838 w 2044700"/>
                <a:gd name="connsiteY68" fmla="*/ 524561 h 800786"/>
                <a:gd name="connsiteX69" fmla="*/ 852488 w 2044700"/>
                <a:gd name="connsiteY69" fmla="*/ 529324 h 800786"/>
                <a:gd name="connsiteX70" fmla="*/ 846138 w 2044700"/>
                <a:gd name="connsiteY70" fmla="*/ 527736 h 800786"/>
                <a:gd name="connsiteX71" fmla="*/ 854075 w 2044700"/>
                <a:gd name="connsiteY71" fmla="*/ 519799 h 800786"/>
                <a:gd name="connsiteX72" fmla="*/ 499038 w 2044700"/>
                <a:gd name="connsiteY72" fmla="*/ 518211 h 800786"/>
                <a:gd name="connsiteX73" fmla="*/ 503899 w 2044700"/>
                <a:gd name="connsiteY73" fmla="*/ 518211 h 800786"/>
                <a:gd name="connsiteX74" fmla="*/ 508761 w 2044700"/>
                <a:gd name="connsiteY74" fmla="*/ 519857 h 800786"/>
                <a:gd name="connsiteX75" fmla="*/ 515244 w 2044700"/>
                <a:gd name="connsiteY75" fmla="*/ 523150 h 800786"/>
                <a:gd name="connsiteX76" fmla="*/ 518485 w 2044700"/>
                <a:gd name="connsiteY76" fmla="*/ 526443 h 800786"/>
                <a:gd name="connsiteX77" fmla="*/ 523346 w 2044700"/>
                <a:gd name="connsiteY77" fmla="*/ 528089 h 800786"/>
                <a:gd name="connsiteX78" fmla="*/ 524967 w 2044700"/>
                <a:gd name="connsiteY78" fmla="*/ 528089 h 800786"/>
                <a:gd name="connsiteX79" fmla="*/ 526588 w 2044700"/>
                <a:gd name="connsiteY79" fmla="*/ 528089 h 800786"/>
                <a:gd name="connsiteX80" fmla="*/ 531449 w 2044700"/>
                <a:gd name="connsiteY80" fmla="*/ 526443 h 800786"/>
                <a:gd name="connsiteX81" fmla="*/ 537932 w 2044700"/>
                <a:gd name="connsiteY81" fmla="*/ 526443 h 800786"/>
                <a:gd name="connsiteX82" fmla="*/ 542793 w 2044700"/>
                <a:gd name="connsiteY82" fmla="*/ 526443 h 800786"/>
                <a:gd name="connsiteX83" fmla="*/ 547655 w 2044700"/>
                <a:gd name="connsiteY83" fmla="*/ 528089 h 800786"/>
                <a:gd name="connsiteX84" fmla="*/ 547655 w 2044700"/>
                <a:gd name="connsiteY84" fmla="*/ 531381 h 800786"/>
                <a:gd name="connsiteX85" fmla="*/ 546035 w 2044700"/>
                <a:gd name="connsiteY85" fmla="*/ 534674 h 800786"/>
                <a:gd name="connsiteX86" fmla="*/ 541173 w 2044700"/>
                <a:gd name="connsiteY86" fmla="*/ 537967 h 800786"/>
                <a:gd name="connsiteX87" fmla="*/ 537932 w 2044700"/>
                <a:gd name="connsiteY87" fmla="*/ 533028 h 800786"/>
                <a:gd name="connsiteX88" fmla="*/ 534691 w 2044700"/>
                <a:gd name="connsiteY88" fmla="*/ 533028 h 800786"/>
                <a:gd name="connsiteX89" fmla="*/ 533070 w 2044700"/>
                <a:gd name="connsiteY89" fmla="*/ 539613 h 800786"/>
                <a:gd name="connsiteX90" fmla="*/ 536311 w 2044700"/>
                <a:gd name="connsiteY90" fmla="*/ 542906 h 800786"/>
                <a:gd name="connsiteX91" fmla="*/ 541173 w 2044700"/>
                <a:gd name="connsiteY91" fmla="*/ 544552 h 800786"/>
                <a:gd name="connsiteX92" fmla="*/ 542793 w 2044700"/>
                <a:gd name="connsiteY92" fmla="*/ 547844 h 800786"/>
                <a:gd name="connsiteX93" fmla="*/ 547655 w 2044700"/>
                <a:gd name="connsiteY93" fmla="*/ 547844 h 800786"/>
                <a:gd name="connsiteX94" fmla="*/ 549276 w 2044700"/>
                <a:gd name="connsiteY94" fmla="*/ 552783 h 800786"/>
                <a:gd name="connsiteX95" fmla="*/ 547655 w 2044700"/>
                <a:gd name="connsiteY95" fmla="*/ 554430 h 800786"/>
                <a:gd name="connsiteX96" fmla="*/ 544414 w 2044700"/>
                <a:gd name="connsiteY96" fmla="*/ 554430 h 800786"/>
                <a:gd name="connsiteX97" fmla="*/ 536311 w 2044700"/>
                <a:gd name="connsiteY97" fmla="*/ 557722 h 800786"/>
                <a:gd name="connsiteX98" fmla="*/ 534691 w 2044700"/>
                <a:gd name="connsiteY98" fmla="*/ 561015 h 800786"/>
                <a:gd name="connsiteX99" fmla="*/ 529829 w 2044700"/>
                <a:gd name="connsiteY99" fmla="*/ 562661 h 800786"/>
                <a:gd name="connsiteX100" fmla="*/ 524967 w 2044700"/>
                <a:gd name="connsiteY100" fmla="*/ 561015 h 800786"/>
                <a:gd name="connsiteX101" fmla="*/ 521726 w 2044700"/>
                <a:gd name="connsiteY101" fmla="*/ 561015 h 800786"/>
                <a:gd name="connsiteX102" fmla="*/ 516864 w 2044700"/>
                <a:gd name="connsiteY102" fmla="*/ 557722 h 800786"/>
                <a:gd name="connsiteX103" fmla="*/ 510382 w 2044700"/>
                <a:gd name="connsiteY103" fmla="*/ 557722 h 800786"/>
                <a:gd name="connsiteX104" fmla="*/ 507141 w 2044700"/>
                <a:gd name="connsiteY104" fmla="*/ 556076 h 800786"/>
                <a:gd name="connsiteX105" fmla="*/ 502279 w 2044700"/>
                <a:gd name="connsiteY105" fmla="*/ 554430 h 800786"/>
                <a:gd name="connsiteX106" fmla="*/ 499038 w 2044700"/>
                <a:gd name="connsiteY106" fmla="*/ 554430 h 800786"/>
                <a:gd name="connsiteX107" fmla="*/ 490935 w 2044700"/>
                <a:gd name="connsiteY107" fmla="*/ 554430 h 800786"/>
                <a:gd name="connsiteX108" fmla="*/ 490935 w 2044700"/>
                <a:gd name="connsiteY108" fmla="*/ 549491 h 800786"/>
                <a:gd name="connsiteX109" fmla="*/ 484452 w 2044700"/>
                <a:gd name="connsiteY109" fmla="*/ 549491 h 800786"/>
                <a:gd name="connsiteX110" fmla="*/ 476350 w 2044700"/>
                <a:gd name="connsiteY110" fmla="*/ 549491 h 800786"/>
                <a:gd name="connsiteX111" fmla="*/ 473108 w 2044700"/>
                <a:gd name="connsiteY111" fmla="*/ 547844 h 800786"/>
                <a:gd name="connsiteX112" fmla="*/ 474729 w 2044700"/>
                <a:gd name="connsiteY112" fmla="*/ 542906 h 800786"/>
                <a:gd name="connsiteX113" fmla="*/ 476350 w 2044700"/>
                <a:gd name="connsiteY113" fmla="*/ 539613 h 800786"/>
                <a:gd name="connsiteX114" fmla="*/ 481211 w 2044700"/>
                <a:gd name="connsiteY114" fmla="*/ 541259 h 800786"/>
                <a:gd name="connsiteX115" fmla="*/ 486073 w 2044700"/>
                <a:gd name="connsiteY115" fmla="*/ 541259 h 800786"/>
                <a:gd name="connsiteX116" fmla="*/ 487694 w 2044700"/>
                <a:gd name="connsiteY116" fmla="*/ 537967 h 800786"/>
                <a:gd name="connsiteX117" fmla="*/ 490935 w 2044700"/>
                <a:gd name="connsiteY117" fmla="*/ 536320 h 800786"/>
                <a:gd name="connsiteX118" fmla="*/ 492555 w 2044700"/>
                <a:gd name="connsiteY118" fmla="*/ 533028 h 800786"/>
                <a:gd name="connsiteX119" fmla="*/ 492555 w 2044700"/>
                <a:gd name="connsiteY119" fmla="*/ 531381 h 800786"/>
                <a:gd name="connsiteX120" fmla="*/ 494176 w 2044700"/>
                <a:gd name="connsiteY120" fmla="*/ 526443 h 800786"/>
                <a:gd name="connsiteX121" fmla="*/ 495797 w 2044700"/>
                <a:gd name="connsiteY121" fmla="*/ 521504 h 800786"/>
                <a:gd name="connsiteX122" fmla="*/ 499038 w 2044700"/>
                <a:gd name="connsiteY122" fmla="*/ 518211 h 800786"/>
                <a:gd name="connsiteX123" fmla="*/ 822325 w 2044700"/>
                <a:gd name="connsiteY123" fmla="*/ 518211 h 800786"/>
                <a:gd name="connsiteX124" fmla="*/ 831850 w 2044700"/>
                <a:gd name="connsiteY124" fmla="*/ 521386 h 800786"/>
                <a:gd name="connsiteX125" fmla="*/ 831850 w 2044700"/>
                <a:gd name="connsiteY125" fmla="*/ 524561 h 800786"/>
                <a:gd name="connsiteX126" fmla="*/ 822325 w 2044700"/>
                <a:gd name="connsiteY126" fmla="*/ 529323 h 800786"/>
                <a:gd name="connsiteX127" fmla="*/ 814387 w 2044700"/>
                <a:gd name="connsiteY127" fmla="*/ 524561 h 800786"/>
                <a:gd name="connsiteX128" fmla="*/ 815975 w 2044700"/>
                <a:gd name="connsiteY128" fmla="*/ 521386 h 800786"/>
                <a:gd name="connsiteX129" fmla="*/ 822325 w 2044700"/>
                <a:gd name="connsiteY129" fmla="*/ 518211 h 800786"/>
                <a:gd name="connsiteX130" fmla="*/ 696913 w 2044700"/>
                <a:gd name="connsiteY130" fmla="*/ 508686 h 800786"/>
                <a:gd name="connsiteX131" fmla="*/ 708025 w 2044700"/>
                <a:gd name="connsiteY131" fmla="*/ 513449 h 800786"/>
                <a:gd name="connsiteX132" fmla="*/ 701675 w 2044700"/>
                <a:gd name="connsiteY132" fmla="*/ 513449 h 800786"/>
                <a:gd name="connsiteX133" fmla="*/ 693738 w 2044700"/>
                <a:gd name="connsiteY133" fmla="*/ 511861 h 800786"/>
                <a:gd name="connsiteX134" fmla="*/ 696913 w 2044700"/>
                <a:gd name="connsiteY134" fmla="*/ 508686 h 800786"/>
                <a:gd name="connsiteX135" fmla="*/ 1300806 w 2044700"/>
                <a:gd name="connsiteY135" fmla="*/ 502336 h 800786"/>
                <a:gd name="connsiteX136" fmla="*/ 1310588 w 2044700"/>
                <a:gd name="connsiteY136" fmla="*/ 505511 h 800786"/>
                <a:gd name="connsiteX137" fmla="*/ 1317110 w 2044700"/>
                <a:gd name="connsiteY137" fmla="*/ 513448 h 800786"/>
                <a:gd name="connsiteX138" fmla="*/ 1333414 w 2044700"/>
                <a:gd name="connsiteY138" fmla="*/ 518211 h 800786"/>
                <a:gd name="connsiteX139" fmla="*/ 1330154 w 2044700"/>
                <a:gd name="connsiteY139" fmla="*/ 527736 h 800786"/>
                <a:gd name="connsiteX140" fmla="*/ 1323632 w 2044700"/>
                <a:gd name="connsiteY140" fmla="*/ 530911 h 800786"/>
                <a:gd name="connsiteX141" fmla="*/ 1304067 w 2044700"/>
                <a:gd name="connsiteY141" fmla="*/ 534086 h 800786"/>
                <a:gd name="connsiteX142" fmla="*/ 1292654 w 2044700"/>
                <a:gd name="connsiteY142" fmla="*/ 530911 h 800786"/>
                <a:gd name="connsiteX143" fmla="*/ 1297545 w 2044700"/>
                <a:gd name="connsiteY143" fmla="*/ 526148 h 800786"/>
                <a:gd name="connsiteX144" fmla="*/ 1284502 w 2044700"/>
                <a:gd name="connsiteY144" fmla="*/ 526148 h 800786"/>
                <a:gd name="connsiteX145" fmla="*/ 1279611 w 2044700"/>
                <a:gd name="connsiteY145" fmla="*/ 518211 h 800786"/>
                <a:gd name="connsiteX146" fmla="*/ 1287763 w 2044700"/>
                <a:gd name="connsiteY146" fmla="*/ 515036 h 800786"/>
                <a:gd name="connsiteX147" fmla="*/ 1281241 w 2044700"/>
                <a:gd name="connsiteY147" fmla="*/ 513448 h 800786"/>
                <a:gd name="connsiteX148" fmla="*/ 1279611 w 2044700"/>
                <a:gd name="connsiteY148" fmla="*/ 503923 h 800786"/>
                <a:gd name="connsiteX149" fmla="*/ 1300806 w 2044700"/>
                <a:gd name="connsiteY149" fmla="*/ 502336 h 800786"/>
                <a:gd name="connsiteX150" fmla="*/ 1335088 w 2044700"/>
                <a:gd name="connsiteY150" fmla="*/ 478523 h 800786"/>
                <a:gd name="connsiteX151" fmla="*/ 1341438 w 2044700"/>
                <a:gd name="connsiteY151" fmla="*/ 483286 h 800786"/>
                <a:gd name="connsiteX152" fmla="*/ 1335088 w 2044700"/>
                <a:gd name="connsiteY152" fmla="*/ 484873 h 800786"/>
                <a:gd name="connsiteX153" fmla="*/ 1330326 w 2044700"/>
                <a:gd name="connsiteY153" fmla="*/ 481698 h 800786"/>
                <a:gd name="connsiteX154" fmla="*/ 1335088 w 2044700"/>
                <a:gd name="connsiteY154" fmla="*/ 478523 h 800786"/>
                <a:gd name="connsiteX155" fmla="*/ 1301750 w 2044700"/>
                <a:gd name="connsiteY155" fmla="*/ 469452 h 800786"/>
                <a:gd name="connsiteX156" fmla="*/ 1304727 w 2044700"/>
                <a:gd name="connsiteY156" fmla="*/ 469452 h 800786"/>
                <a:gd name="connsiteX157" fmla="*/ 1306513 w 2044700"/>
                <a:gd name="connsiteY157" fmla="*/ 474894 h 800786"/>
                <a:gd name="connsiteX158" fmla="*/ 1301750 w 2044700"/>
                <a:gd name="connsiteY158" fmla="*/ 478523 h 800786"/>
                <a:gd name="connsiteX159" fmla="*/ 1298575 w 2044700"/>
                <a:gd name="connsiteY159" fmla="*/ 474894 h 800786"/>
                <a:gd name="connsiteX160" fmla="*/ 1301750 w 2044700"/>
                <a:gd name="connsiteY160" fmla="*/ 469452 h 800786"/>
                <a:gd name="connsiteX161" fmla="*/ 1316038 w 2044700"/>
                <a:gd name="connsiteY161" fmla="*/ 466088 h 800786"/>
                <a:gd name="connsiteX162" fmla="*/ 1319213 w 2044700"/>
                <a:gd name="connsiteY162" fmla="*/ 467940 h 800786"/>
                <a:gd name="connsiteX163" fmla="*/ 1317625 w 2044700"/>
                <a:gd name="connsiteY163" fmla="*/ 473497 h 800786"/>
                <a:gd name="connsiteX164" fmla="*/ 1311275 w 2044700"/>
                <a:gd name="connsiteY164" fmla="*/ 473497 h 800786"/>
                <a:gd name="connsiteX165" fmla="*/ 1311275 w 2044700"/>
                <a:gd name="connsiteY165" fmla="*/ 467940 h 800786"/>
                <a:gd name="connsiteX166" fmla="*/ 1316038 w 2044700"/>
                <a:gd name="connsiteY166" fmla="*/ 466088 h 800786"/>
                <a:gd name="connsiteX167" fmla="*/ 1319212 w 2044700"/>
                <a:gd name="connsiteY167" fmla="*/ 462648 h 800786"/>
                <a:gd name="connsiteX168" fmla="*/ 1327150 w 2044700"/>
                <a:gd name="connsiteY168" fmla="*/ 466352 h 800786"/>
                <a:gd name="connsiteX169" fmla="*/ 1328738 w 2044700"/>
                <a:gd name="connsiteY169" fmla="*/ 468204 h 800786"/>
                <a:gd name="connsiteX170" fmla="*/ 1325563 w 2044700"/>
                <a:gd name="connsiteY170" fmla="*/ 471909 h 800786"/>
                <a:gd name="connsiteX171" fmla="*/ 1322387 w 2044700"/>
                <a:gd name="connsiteY171" fmla="*/ 466352 h 800786"/>
                <a:gd name="connsiteX172" fmla="*/ 1319212 w 2044700"/>
                <a:gd name="connsiteY172" fmla="*/ 462648 h 800786"/>
                <a:gd name="connsiteX173" fmla="*/ 1308100 w 2044700"/>
                <a:gd name="connsiteY173" fmla="*/ 456298 h 800786"/>
                <a:gd name="connsiteX174" fmla="*/ 1309687 w 2044700"/>
                <a:gd name="connsiteY174" fmla="*/ 461061 h 800786"/>
                <a:gd name="connsiteX175" fmla="*/ 1304925 w 2044700"/>
                <a:gd name="connsiteY175" fmla="*/ 457886 h 800786"/>
                <a:gd name="connsiteX176" fmla="*/ 1308100 w 2044700"/>
                <a:gd name="connsiteY176" fmla="*/ 456298 h 800786"/>
                <a:gd name="connsiteX177" fmla="*/ 1279526 w 2044700"/>
                <a:gd name="connsiteY177" fmla="*/ 429310 h 800786"/>
                <a:gd name="connsiteX178" fmla="*/ 1279526 w 2044700"/>
                <a:gd name="connsiteY178" fmla="*/ 434073 h 800786"/>
                <a:gd name="connsiteX179" fmla="*/ 1276351 w 2044700"/>
                <a:gd name="connsiteY179" fmla="*/ 442011 h 800786"/>
                <a:gd name="connsiteX180" fmla="*/ 1273176 w 2044700"/>
                <a:gd name="connsiteY180" fmla="*/ 442011 h 800786"/>
                <a:gd name="connsiteX181" fmla="*/ 1266825 w 2044700"/>
                <a:gd name="connsiteY181" fmla="*/ 442011 h 800786"/>
                <a:gd name="connsiteX182" fmla="*/ 1265238 w 2044700"/>
                <a:gd name="connsiteY182" fmla="*/ 437248 h 800786"/>
                <a:gd name="connsiteX183" fmla="*/ 1273176 w 2044700"/>
                <a:gd name="connsiteY183" fmla="*/ 435661 h 800786"/>
                <a:gd name="connsiteX184" fmla="*/ 1268413 w 2044700"/>
                <a:gd name="connsiteY184" fmla="*/ 434073 h 800786"/>
                <a:gd name="connsiteX185" fmla="*/ 1270000 w 2044700"/>
                <a:gd name="connsiteY185" fmla="*/ 430898 h 800786"/>
                <a:gd name="connsiteX186" fmla="*/ 1279526 w 2044700"/>
                <a:gd name="connsiteY186" fmla="*/ 429310 h 800786"/>
                <a:gd name="connsiteX187" fmla="*/ 1833944 w 2044700"/>
                <a:gd name="connsiteY187" fmla="*/ 419786 h 800786"/>
                <a:gd name="connsiteX188" fmla="*/ 1838897 w 2044700"/>
                <a:gd name="connsiteY188" fmla="*/ 421373 h 800786"/>
                <a:gd name="connsiteX189" fmla="*/ 1847152 w 2044700"/>
                <a:gd name="connsiteY189" fmla="*/ 424548 h 800786"/>
                <a:gd name="connsiteX190" fmla="*/ 1853756 w 2044700"/>
                <a:gd name="connsiteY190" fmla="*/ 426136 h 800786"/>
                <a:gd name="connsiteX191" fmla="*/ 1860360 w 2044700"/>
                <a:gd name="connsiteY191" fmla="*/ 427723 h 800786"/>
                <a:gd name="connsiteX192" fmla="*/ 1863662 w 2044700"/>
                <a:gd name="connsiteY192" fmla="*/ 432486 h 800786"/>
                <a:gd name="connsiteX193" fmla="*/ 1862011 w 2044700"/>
                <a:gd name="connsiteY193" fmla="*/ 435661 h 800786"/>
                <a:gd name="connsiteX194" fmla="*/ 1865313 w 2044700"/>
                <a:gd name="connsiteY194" fmla="*/ 442011 h 800786"/>
                <a:gd name="connsiteX195" fmla="*/ 1855407 w 2044700"/>
                <a:gd name="connsiteY195" fmla="*/ 442011 h 800786"/>
                <a:gd name="connsiteX196" fmla="*/ 1847152 w 2044700"/>
                <a:gd name="connsiteY196" fmla="*/ 437248 h 800786"/>
                <a:gd name="connsiteX197" fmla="*/ 1840548 w 2044700"/>
                <a:gd name="connsiteY197" fmla="*/ 432486 h 800786"/>
                <a:gd name="connsiteX198" fmla="*/ 1835595 w 2044700"/>
                <a:gd name="connsiteY198" fmla="*/ 432486 h 800786"/>
                <a:gd name="connsiteX199" fmla="*/ 1827340 w 2044700"/>
                <a:gd name="connsiteY199" fmla="*/ 426136 h 800786"/>
                <a:gd name="connsiteX200" fmla="*/ 1828991 w 2044700"/>
                <a:gd name="connsiteY200" fmla="*/ 421373 h 800786"/>
                <a:gd name="connsiteX201" fmla="*/ 1833944 w 2044700"/>
                <a:gd name="connsiteY201" fmla="*/ 419786 h 800786"/>
                <a:gd name="connsiteX202" fmla="*/ 1263650 w 2044700"/>
                <a:gd name="connsiteY202" fmla="*/ 419786 h 800786"/>
                <a:gd name="connsiteX203" fmla="*/ 1274763 w 2044700"/>
                <a:gd name="connsiteY203" fmla="*/ 422961 h 800786"/>
                <a:gd name="connsiteX204" fmla="*/ 1266825 w 2044700"/>
                <a:gd name="connsiteY204" fmla="*/ 424548 h 800786"/>
                <a:gd name="connsiteX205" fmla="*/ 1257300 w 2044700"/>
                <a:gd name="connsiteY205" fmla="*/ 422961 h 800786"/>
                <a:gd name="connsiteX206" fmla="*/ 1263650 w 2044700"/>
                <a:gd name="connsiteY206" fmla="*/ 419786 h 800786"/>
                <a:gd name="connsiteX207" fmla="*/ 1830541 w 2044700"/>
                <a:gd name="connsiteY207" fmla="*/ 410261 h 800786"/>
                <a:gd name="connsiteX208" fmla="*/ 1835458 w 2044700"/>
                <a:gd name="connsiteY208" fmla="*/ 410261 h 800786"/>
                <a:gd name="connsiteX209" fmla="*/ 1845290 w 2044700"/>
                <a:gd name="connsiteY209" fmla="*/ 410261 h 800786"/>
                <a:gd name="connsiteX210" fmla="*/ 1851845 w 2044700"/>
                <a:gd name="connsiteY210" fmla="*/ 413436 h 800786"/>
                <a:gd name="connsiteX211" fmla="*/ 1871509 w 2044700"/>
                <a:gd name="connsiteY211" fmla="*/ 419786 h 800786"/>
                <a:gd name="connsiteX212" fmla="*/ 1869870 w 2044700"/>
                <a:gd name="connsiteY212" fmla="*/ 424548 h 800786"/>
                <a:gd name="connsiteX213" fmla="*/ 1858399 w 2044700"/>
                <a:gd name="connsiteY213" fmla="*/ 424548 h 800786"/>
                <a:gd name="connsiteX214" fmla="*/ 1850206 w 2044700"/>
                <a:gd name="connsiteY214" fmla="*/ 424548 h 800786"/>
                <a:gd name="connsiteX215" fmla="*/ 1843651 w 2044700"/>
                <a:gd name="connsiteY215" fmla="*/ 422961 h 800786"/>
                <a:gd name="connsiteX216" fmla="*/ 1835458 w 2044700"/>
                <a:gd name="connsiteY216" fmla="*/ 418198 h 800786"/>
                <a:gd name="connsiteX217" fmla="*/ 1828903 w 2044700"/>
                <a:gd name="connsiteY217" fmla="*/ 415023 h 800786"/>
                <a:gd name="connsiteX218" fmla="*/ 1830541 w 2044700"/>
                <a:gd name="connsiteY218" fmla="*/ 410261 h 800786"/>
                <a:gd name="connsiteX219" fmla="*/ 817990 w 2044700"/>
                <a:gd name="connsiteY219" fmla="*/ 389692 h 800786"/>
                <a:gd name="connsiteX220" fmla="*/ 821287 w 2044700"/>
                <a:gd name="connsiteY220" fmla="*/ 393006 h 800786"/>
                <a:gd name="connsiteX221" fmla="*/ 824584 w 2044700"/>
                <a:gd name="connsiteY221" fmla="*/ 391349 h 800786"/>
                <a:gd name="connsiteX222" fmla="*/ 827881 w 2044700"/>
                <a:gd name="connsiteY222" fmla="*/ 391349 h 800786"/>
                <a:gd name="connsiteX223" fmla="*/ 832827 w 2044700"/>
                <a:gd name="connsiteY223" fmla="*/ 394662 h 800786"/>
                <a:gd name="connsiteX224" fmla="*/ 839421 w 2044700"/>
                <a:gd name="connsiteY224" fmla="*/ 393006 h 800786"/>
                <a:gd name="connsiteX225" fmla="*/ 842718 w 2044700"/>
                <a:gd name="connsiteY225" fmla="*/ 393006 h 800786"/>
                <a:gd name="connsiteX226" fmla="*/ 847664 w 2044700"/>
                <a:gd name="connsiteY226" fmla="*/ 391349 h 800786"/>
                <a:gd name="connsiteX227" fmla="*/ 854258 w 2044700"/>
                <a:gd name="connsiteY227" fmla="*/ 394662 h 800786"/>
                <a:gd name="connsiteX228" fmla="*/ 859204 w 2044700"/>
                <a:gd name="connsiteY228" fmla="*/ 394662 h 800786"/>
                <a:gd name="connsiteX229" fmla="*/ 864149 w 2044700"/>
                <a:gd name="connsiteY229" fmla="*/ 394662 h 800786"/>
                <a:gd name="connsiteX230" fmla="*/ 869095 w 2044700"/>
                <a:gd name="connsiteY230" fmla="*/ 397975 h 800786"/>
                <a:gd name="connsiteX231" fmla="*/ 874041 w 2044700"/>
                <a:gd name="connsiteY231" fmla="*/ 399632 h 800786"/>
                <a:gd name="connsiteX232" fmla="*/ 878986 w 2044700"/>
                <a:gd name="connsiteY232" fmla="*/ 402945 h 800786"/>
                <a:gd name="connsiteX233" fmla="*/ 882283 w 2044700"/>
                <a:gd name="connsiteY233" fmla="*/ 404601 h 800786"/>
                <a:gd name="connsiteX234" fmla="*/ 885581 w 2044700"/>
                <a:gd name="connsiteY234" fmla="*/ 407914 h 800786"/>
                <a:gd name="connsiteX235" fmla="*/ 887229 w 2044700"/>
                <a:gd name="connsiteY235" fmla="*/ 414540 h 800786"/>
                <a:gd name="connsiteX236" fmla="*/ 892175 w 2044700"/>
                <a:gd name="connsiteY236" fmla="*/ 421166 h 800786"/>
                <a:gd name="connsiteX237" fmla="*/ 887229 w 2044700"/>
                <a:gd name="connsiteY237" fmla="*/ 422823 h 800786"/>
                <a:gd name="connsiteX238" fmla="*/ 874041 w 2044700"/>
                <a:gd name="connsiteY238" fmla="*/ 419510 h 800786"/>
                <a:gd name="connsiteX239" fmla="*/ 867446 w 2044700"/>
                <a:gd name="connsiteY239" fmla="*/ 419510 h 800786"/>
                <a:gd name="connsiteX240" fmla="*/ 864149 w 2044700"/>
                <a:gd name="connsiteY240" fmla="*/ 417853 h 800786"/>
                <a:gd name="connsiteX241" fmla="*/ 857555 w 2044700"/>
                <a:gd name="connsiteY241" fmla="*/ 417853 h 800786"/>
                <a:gd name="connsiteX242" fmla="*/ 854258 w 2044700"/>
                <a:gd name="connsiteY242" fmla="*/ 417853 h 800786"/>
                <a:gd name="connsiteX243" fmla="*/ 846015 w 2044700"/>
                <a:gd name="connsiteY243" fmla="*/ 422823 h 800786"/>
                <a:gd name="connsiteX244" fmla="*/ 839421 w 2044700"/>
                <a:gd name="connsiteY244" fmla="*/ 424479 h 800786"/>
                <a:gd name="connsiteX245" fmla="*/ 832827 w 2044700"/>
                <a:gd name="connsiteY245" fmla="*/ 424479 h 800786"/>
                <a:gd name="connsiteX246" fmla="*/ 829530 w 2044700"/>
                <a:gd name="connsiteY246" fmla="*/ 424479 h 800786"/>
                <a:gd name="connsiteX247" fmla="*/ 826232 w 2044700"/>
                <a:gd name="connsiteY247" fmla="*/ 421166 h 800786"/>
                <a:gd name="connsiteX248" fmla="*/ 821287 w 2044700"/>
                <a:gd name="connsiteY248" fmla="*/ 417853 h 800786"/>
                <a:gd name="connsiteX249" fmla="*/ 819638 w 2044700"/>
                <a:gd name="connsiteY249" fmla="*/ 414540 h 800786"/>
                <a:gd name="connsiteX250" fmla="*/ 819638 w 2044700"/>
                <a:gd name="connsiteY250" fmla="*/ 409571 h 800786"/>
                <a:gd name="connsiteX251" fmla="*/ 816341 w 2044700"/>
                <a:gd name="connsiteY251" fmla="*/ 406258 h 800786"/>
                <a:gd name="connsiteX252" fmla="*/ 813044 w 2044700"/>
                <a:gd name="connsiteY252" fmla="*/ 404601 h 800786"/>
                <a:gd name="connsiteX253" fmla="*/ 809747 w 2044700"/>
                <a:gd name="connsiteY253" fmla="*/ 404601 h 800786"/>
                <a:gd name="connsiteX254" fmla="*/ 808098 w 2044700"/>
                <a:gd name="connsiteY254" fmla="*/ 401288 h 800786"/>
                <a:gd name="connsiteX255" fmla="*/ 806450 w 2044700"/>
                <a:gd name="connsiteY255" fmla="*/ 396319 h 800786"/>
                <a:gd name="connsiteX256" fmla="*/ 808098 w 2044700"/>
                <a:gd name="connsiteY256" fmla="*/ 391349 h 800786"/>
                <a:gd name="connsiteX257" fmla="*/ 817990 w 2044700"/>
                <a:gd name="connsiteY257" fmla="*/ 389692 h 800786"/>
                <a:gd name="connsiteX258" fmla="*/ 371195 w 2044700"/>
                <a:gd name="connsiteY258" fmla="*/ 388036 h 800786"/>
                <a:gd name="connsiteX259" fmla="*/ 379327 w 2044700"/>
                <a:gd name="connsiteY259" fmla="*/ 391300 h 800786"/>
                <a:gd name="connsiteX260" fmla="*/ 380953 w 2044700"/>
                <a:gd name="connsiteY260" fmla="*/ 392932 h 800786"/>
                <a:gd name="connsiteX261" fmla="*/ 382580 w 2044700"/>
                <a:gd name="connsiteY261" fmla="*/ 401092 h 800786"/>
                <a:gd name="connsiteX262" fmla="*/ 382580 w 2044700"/>
                <a:gd name="connsiteY262" fmla="*/ 404356 h 800786"/>
                <a:gd name="connsiteX263" fmla="*/ 377701 w 2044700"/>
                <a:gd name="connsiteY263" fmla="*/ 409252 h 800786"/>
                <a:gd name="connsiteX264" fmla="*/ 374448 w 2044700"/>
                <a:gd name="connsiteY264" fmla="*/ 415780 h 800786"/>
                <a:gd name="connsiteX265" fmla="*/ 371195 w 2044700"/>
                <a:gd name="connsiteY265" fmla="*/ 419044 h 800786"/>
                <a:gd name="connsiteX266" fmla="*/ 364689 w 2044700"/>
                <a:gd name="connsiteY266" fmla="*/ 419044 h 800786"/>
                <a:gd name="connsiteX267" fmla="*/ 366316 w 2044700"/>
                <a:gd name="connsiteY267" fmla="*/ 420676 h 800786"/>
                <a:gd name="connsiteX268" fmla="*/ 367942 w 2044700"/>
                <a:gd name="connsiteY268" fmla="*/ 425572 h 800786"/>
                <a:gd name="connsiteX269" fmla="*/ 369569 w 2044700"/>
                <a:gd name="connsiteY269" fmla="*/ 433732 h 800786"/>
                <a:gd name="connsiteX270" fmla="*/ 374448 w 2044700"/>
                <a:gd name="connsiteY270" fmla="*/ 440260 h 800786"/>
                <a:gd name="connsiteX271" fmla="*/ 376074 w 2044700"/>
                <a:gd name="connsiteY271" fmla="*/ 445156 h 800786"/>
                <a:gd name="connsiteX272" fmla="*/ 382580 w 2044700"/>
                <a:gd name="connsiteY272" fmla="*/ 453316 h 800786"/>
                <a:gd name="connsiteX273" fmla="*/ 387459 w 2044700"/>
                <a:gd name="connsiteY273" fmla="*/ 459844 h 800786"/>
                <a:gd name="connsiteX274" fmla="*/ 387459 w 2044700"/>
                <a:gd name="connsiteY274" fmla="*/ 468004 h 800786"/>
                <a:gd name="connsiteX275" fmla="*/ 384206 w 2044700"/>
                <a:gd name="connsiteY275" fmla="*/ 471268 h 800786"/>
                <a:gd name="connsiteX276" fmla="*/ 382580 w 2044700"/>
                <a:gd name="connsiteY276" fmla="*/ 477796 h 800786"/>
                <a:gd name="connsiteX277" fmla="*/ 390712 w 2044700"/>
                <a:gd name="connsiteY277" fmla="*/ 481061 h 800786"/>
                <a:gd name="connsiteX278" fmla="*/ 395591 w 2044700"/>
                <a:gd name="connsiteY278" fmla="*/ 487589 h 800786"/>
                <a:gd name="connsiteX279" fmla="*/ 400470 w 2044700"/>
                <a:gd name="connsiteY279" fmla="*/ 494117 h 800786"/>
                <a:gd name="connsiteX280" fmla="*/ 408602 w 2044700"/>
                <a:gd name="connsiteY280" fmla="*/ 490853 h 800786"/>
                <a:gd name="connsiteX281" fmla="*/ 411855 w 2044700"/>
                <a:gd name="connsiteY281" fmla="*/ 492485 h 800786"/>
                <a:gd name="connsiteX282" fmla="*/ 416735 w 2044700"/>
                <a:gd name="connsiteY282" fmla="*/ 495749 h 800786"/>
                <a:gd name="connsiteX283" fmla="*/ 421614 w 2044700"/>
                <a:gd name="connsiteY283" fmla="*/ 500645 h 800786"/>
                <a:gd name="connsiteX284" fmla="*/ 423240 w 2044700"/>
                <a:gd name="connsiteY284" fmla="*/ 503909 h 800786"/>
                <a:gd name="connsiteX285" fmla="*/ 431372 w 2044700"/>
                <a:gd name="connsiteY285" fmla="*/ 502277 h 800786"/>
                <a:gd name="connsiteX286" fmla="*/ 434625 w 2044700"/>
                <a:gd name="connsiteY286" fmla="*/ 505541 h 800786"/>
                <a:gd name="connsiteX287" fmla="*/ 436251 w 2044700"/>
                <a:gd name="connsiteY287" fmla="*/ 508805 h 800786"/>
                <a:gd name="connsiteX288" fmla="*/ 442757 w 2044700"/>
                <a:gd name="connsiteY288" fmla="*/ 508805 h 800786"/>
                <a:gd name="connsiteX289" fmla="*/ 447636 w 2044700"/>
                <a:gd name="connsiteY289" fmla="*/ 512069 h 800786"/>
                <a:gd name="connsiteX290" fmla="*/ 449263 w 2044700"/>
                <a:gd name="connsiteY290" fmla="*/ 518597 h 800786"/>
                <a:gd name="connsiteX291" fmla="*/ 447636 w 2044700"/>
                <a:gd name="connsiteY291" fmla="*/ 523493 h 800786"/>
                <a:gd name="connsiteX292" fmla="*/ 444384 w 2044700"/>
                <a:gd name="connsiteY292" fmla="*/ 523493 h 800786"/>
                <a:gd name="connsiteX293" fmla="*/ 436251 w 2044700"/>
                <a:gd name="connsiteY293" fmla="*/ 523493 h 800786"/>
                <a:gd name="connsiteX294" fmla="*/ 431372 w 2044700"/>
                <a:gd name="connsiteY294" fmla="*/ 523493 h 800786"/>
                <a:gd name="connsiteX295" fmla="*/ 429746 w 2044700"/>
                <a:gd name="connsiteY295" fmla="*/ 520229 h 800786"/>
                <a:gd name="connsiteX296" fmla="*/ 424867 w 2044700"/>
                <a:gd name="connsiteY296" fmla="*/ 520229 h 800786"/>
                <a:gd name="connsiteX297" fmla="*/ 418361 w 2044700"/>
                <a:gd name="connsiteY297" fmla="*/ 520229 h 800786"/>
                <a:gd name="connsiteX298" fmla="*/ 416735 w 2044700"/>
                <a:gd name="connsiteY298" fmla="*/ 526757 h 800786"/>
                <a:gd name="connsiteX299" fmla="*/ 416735 w 2044700"/>
                <a:gd name="connsiteY299" fmla="*/ 528389 h 800786"/>
                <a:gd name="connsiteX300" fmla="*/ 411855 w 2044700"/>
                <a:gd name="connsiteY300" fmla="*/ 528389 h 800786"/>
                <a:gd name="connsiteX301" fmla="*/ 408602 w 2044700"/>
                <a:gd name="connsiteY301" fmla="*/ 530021 h 800786"/>
                <a:gd name="connsiteX302" fmla="*/ 413482 w 2044700"/>
                <a:gd name="connsiteY302" fmla="*/ 530021 h 800786"/>
                <a:gd name="connsiteX303" fmla="*/ 411855 w 2044700"/>
                <a:gd name="connsiteY303" fmla="*/ 533285 h 800786"/>
                <a:gd name="connsiteX304" fmla="*/ 413482 w 2044700"/>
                <a:gd name="connsiteY304" fmla="*/ 536549 h 800786"/>
                <a:gd name="connsiteX305" fmla="*/ 416735 w 2044700"/>
                <a:gd name="connsiteY305" fmla="*/ 533285 h 800786"/>
                <a:gd name="connsiteX306" fmla="*/ 419987 w 2044700"/>
                <a:gd name="connsiteY306" fmla="*/ 531653 h 800786"/>
                <a:gd name="connsiteX307" fmla="*/ 426493 w 2044700"/>
                <a:gd name="connsiteY307" fmla="*/ 533285 h 800786"/>
                <a:gd name="connsiteX308" fmla="*/ 428119 w 2044700"/>
                <a:gd name="connsiteY308" fmla="*/ 536549 h 800786"/>
                <a:gd name="connsiteX309" fmla="*/ 434625 w 2044700"/>
                <a:gd name="connsiteY309" fmla="*/ 541445 h 800786"/>
                <a:gd name="connsiteX310" fmla="*/ 432999 w 2044700"/>
                <a:gd name="connsiteY310" fmla="*/ 543077 h 800786"/>
                <a:gd name="connsiteX311" fmla="*/ 429746 w 2044700"/>
                <a:gd name="connsiteY311" fmla="*/ 544709 h 800786"/>
                <a:gd name="connsiteX312" fmla="*/ 426493 w 2044700"/>
                <a:gd name="connsiteY312" fmla="*/ 546341 h 800786"/>
                <a:gd name="connsiteX313" fmla="*/ 421614 w 2044700"/>
                <a:gd name="connsiteY313" fmla="*/ 549605 h 800786"/>
                <a:gd name="connsiteX314" fmla="*/ 416735 w 2044700"/>
                <a:gd name="connsiteY314" fmla="*/ 549605 h 800786"/>
                <a:gd name="connsiteX315" fmla="*/ 410229 w 2044700"/>
                <a:gd name="connsiteY315" fmla="*/ 551237 h 800786"/>
                <a:gd name="connsiteX316" fmla="*/ 393965 w 2044700"/>
                <a:gd name="connsiteY316" fmla="*/ 551237 h 800786"/>
                <a:gd name="connsiteX317" fmla="*/ 389086 w 2044700"/>
                <a:gd name="connsiteY317" fmla="*/ 549605 h 800786"/>
                <a:gd name="connsiteX318" fmla="*/ 384206 w 2044700"/>
                <a:gd name="connsiteY318" fmla="*/ 549605 h 800786"/>
                <a:gd name="connsiteX319" fmla="*/ 380953 w 2044700"/>
                <a:gd name="connsiteY319" fmla="*/ 551237 h 800786"/>
                <a:gd name="connsiteX320" fmla="*/ 377701 w 2044700"/>
                <a:gd name="connsiteY320" fmla="*/ 549605 h 800786"/>
                <a:gd name="connsiteX321" fmla="*/ 371195 w 2044700"/>
                <a:gd name="connsiteY321" fmla="*/ 544709 h 800786"/>
                <a:gd name="connsiteX322" fmla="*/ 366316 w 2044700"/>
                <a:gd name="connsiteY322" fmla="*/ 541445 h 800786"/>
                <a:gd name="connsiteX323" fmla="*/ 358184 w 2044700"/>
                <a:gd name="connsiteY323" fmla="*/ 541445 h 800786"/>
                <a:gd name="connsiteX324" fmla="*/ 351678 w 2044700"/>
                <a:gd name="connsiteY324" fmla="*/ 541445 h 800786"/>
                <a:gd name="connsiteX325" fmla="*/ 351678 w 2044700"/>
                <a:gd name="connsiteY325" fmla="*/ 536549 h 800786"/>
                <a:gd name="connsiteX326" fmla="*/ 346799 w 2044700"/>
                <a:gd name="connsiteY326" fmla="*/ 533285 h 800786"/>
                <a:gd name="connsiteX327" fmla="*/ 341920 w 2044700"/>
                <a:gd name="connsiteY327" fmla="*/ 536549 h 800786"/>
                <a:gd name="connsiteX328" fmla="*/ 340293 w 2044700"/>
                <a:gd name="connsiteY328" fmla="*/ 541445 h 800786"/>
                <a:gd name="connsiteX329" fmla="*/ 335414 w 2044700"/>
                <a:gd name="connsiteY329" fmla="*/ 544709 h 800786"/>
                <a:gd name="connsiteX330" fmla="*/ 328908 w 2044700"/>
                <a:gd name="connsiteY330" fmla="*/ 546341 h 800786"/>
                <a:gd name="connsiteX331" fmla="*/ 322403 w 2044700"/>
                <a:gd name="connsiteY331" fmla="*/ 547973 h 800786"/>
                <a:gd name="connsiteX332" fmla="*/ 312644 w 2044700"/>
                <a:gd name="connsiteY332" fmla="*/ 549605 h 800786"/>
                <a:gd name="connsiteX333" fmla="*/ 307765 w 2044700"/>
                <a:gd name="connsiteY333" fmla="*/ 552869 h 800786"/>
                <a:gd name="connsiteX334" fmla="*/ 299633 w 2044700"/>
                <a:gd name="connsiteY334" fmla="*/ 556133 h 800786"/>
                <a:gd name="connsiteX335" fmla="*/ 288248 w 2044700"/>
                <a:gd name="connsiteY335" fmla="*/ 556133 h 800786"/>
                <a:gd name="connsiteX336" fmla="*/ 267105 w 2044700"/>
                <a:gd name="connsiteY336" fmla="*/ 557765 h 800786"/>
                <a:gd name="connsiteX337" fmla="*/ 258973 w 2044700"/>
                <a:gd name="connsiteY337" fmla="*/ 559397 h 800786"/>
                <a:gd name="connsiteX338" fmla="*/ 255720 w 2044700"/>
                <a:gd name="connsiteY338" fmla="*/ 561029 h 800786"/>
                <a:gd name="connsiteX339" fmla="*/ 245961 w 2044700"/>
                <a:gd name="connsiteY339" fmla="*/ 561029 h 800786"/>
                <a:gd name="connsiteX340" fmla="*/ 241082 w 2044700"/>
                <a:gd name="connsiteY340" fmla="*/ 561029 h 800786"/>
                <a:gd name="connsiteX341" fmla="*/ 232950 w 2044700"/>
                <a:gd name="connsiteY341" fmla="*/ 561029 h 800786"/>
                <a:gd name="connsiteX342" fmla="*/ 228071 w 2044700"/>
                <a:gd name="connsiteY342" fmla="*/ 559397 h 800786"/>
                <a:gd name="connsiteX343" fmla="*/ 223192 w 2044700"/>
                <a:gd name="connsiteY343" fmla="*/ 556133 h 800786"/>
                <a:gd name="connsiteX344" fmla="*/ 219939 w 2044700"/>
                <a:gd name="connsiteY344" fmla="*/ 554501 h 800786"/>
                <a:gd name="connsiteX345" fmla="*/ 219939 w 2044700"/>
                <a:gd name="connsiteY345" fmla="*/ 552869 h 800786"/>
                <a:gd name="connsiteX346" fmla="*/ 219939 w 2044700"/>
                <a:gd name="connsiteY346" fmla="*/ 547973 h 800786"/>
                <a:gd name="connsiteX347" fmla="*/ 219939 w 2044700"/>
                <a:gd name="connsiteY347" fmla="*/ 541445 h 800786"/>
                <a:gd name="connsiteX348" fmla="*/ 215060 w 2044700"/>
                <a:gd name="connsiteY348" fmla="*/ 539813 h 800786"/>
                <a:gd name="connsiteX349" fmla="*/ 210180 w 2044700"/>
                <a:gd name="connsiteY349" fmla="*/ 539813 h 800786"/>
                <a:gd name="connsiteX350" fmla="*/ 203675 w 2044700"/>
                <a:gd name="connsiteY350" fmla="*/ 539813 h 800786"/>
                <a:gd name="connsiteX351" fmla="*/ 200422 w 2044700"/>
                <a:gd name="connsiteY351" fmla="*/ 541445 h 800786"/>
                <a:gd name="connsiteX352" fmla="*/ 190663 w 2044700"/>
                <a:gd name="connsiteY352" fmla="*/ 538181 h 800786"/>
                <a:gd name="connsiteX353" fmla="*/ 179279 w 2044700"/>
                <a:gd name="connsiteY353" fmla="*/ 538181 h 800786"/>
                <a:gd name="connsiteX354" fmla="*/ 174399 w 2044700"/>
                <a:gd name="connsiteY354" fmla="*/ 534917 h 800786"/>
                <a:gd name="connsiteX355" fmla="*/ 171146 w 2044700"/>
                <a:gd name="connsiteY355" fmla="*/ 533285 h 800786"/>
                <a:gd name="connsiteX356" fmla="*/ 158135 w 2044700"/>
                <a:gd name="connsiteY356" fmla="*/ 525125 h 800786"/>
                <a:gd name="connsiteX357" fmla="*/ 154882 w 2044700"/>
                <a:gd name="connsiteY357" fmla="*/ 516965 h 800786"/>
                <a:gd name="connsiteX358" fmla="*/ 153256 w 2044700"/>
                <a:gd name="connsiteY358" fmla="*/ 510437 h 800786"/>
                <a:gd name="connsiteX359" fmla="*/ 156509 w 2044700"/>
                <a:gd name="connsiteY359" fmla="*/ 508805 h 800786"/>
                <a:gd name="connsiteX360" fmla="*/ 164641 w 2044700"/>
                <a:gd name="connsiteY360" fmla="*/ 507173 h 800786"/>
                <a:gd name="connsiteX361" fmla="*/ 172773 w 2044700"/>
                <a:gd name="connsiteY361" fmla="*/ 507173 h 800786"/>
                <a:gd name="connsiteX362" fmla="*/ 185784 w 2044700"/>
                <a:gd name="connsiteY362" fmla="*/ 505541 h 800786"/>
                <a:gd name="connsiteX363" fmla="*/ 193916 w 2044700"/>
                <a:gd name="connsiteY363" fmla="*/ 505541 h 800786"/>
                <a:gd name="connsiteX364" fmla="*/ 203675 w 2044700"/>
                <a:gd name="connsiteY364" fmla="*/ 503909 h 800786"/>
                <a:gd name="connsiteX365" fmla="*/ 211807 w 2044700"/>
                <a:gd name="connsiteY365" fmla="*/ 503909 h 800786"/>
                <a:gd name="connsiteX366" fmla="*/ 226444 w 2044700"/>
                <a:gd name="connsiteY366" fmla="*/ 502277 h 800786"/>
                <a:gd name="connsiteX367" fmla="*/ 236203 w 2044700"/>
                <a:gd name="connsiteY367" fmla="*/ 503909 h 800786"/>
                <a:gd name="connsiteX368" fmla="*/ 245961 w 2044700"/>
                <a:gd name="connsiteY368" fmla="*/ 500645 h 800786"/>
                <a:gd name="connsiteX369" fmla="*/ 241082 w 2044700"/>
                <a:gd name="connsiteY369" fmla="*/ 497381 h 800786"/>
                <a:gd name="connsiteX370" fmla="*/ 224818 w 2044700"/>
                <a:gd name="connsiteY370" fmla="*/ 495749 h 800786"/>
                <a:gd name="connsiteX371" fmla="*/ 213433 w 2044700"/>
                <a:gd name="connsiteY371" fmla="*/ 492485 h 800786"/>
                <a:gd name="connsiteX372" fmla="*/ 203675 w 2044700"/>
                <a:gd name="connsiteY372" fmla="*/ 494117 h 800786"/>
                <a:gd name="connsiteX373" fmla="*/ 193916 w 2044700"/>
                <a:gd name="connsiteY373" fmla="*/ 494117 h 800786"/>
                <a:gd name="connsiteX374" fmla="*/ 185784 w 2044700"/>
                <a:gd name="connsiteY374" fmla="*/ 494117 h 800786"/>
                <a:gd name="connsiteX375" fmla="*/ 172773 w 2044700"/>
                <a:gd name="connsiteY375" fmla="*/ 494117 h 800786"/>
                <a:gd name="connsiteX376" fmla="*/ 166267 w 2044700"/>
                <a:gd name="connsiteY376" fmla="*/ 494117 h 800786"/>
                <a:gd name="connsiteX377" fmla="*/ 158135 w 2044700"/>
                <a:gd name="connsiteY377" fmla="*/ 495749 h 800786"/>
                <a:gd name="connsiteX378" fmla="*/ 153256 w 2044700"/>
                <a:gd name="connsiteY378" fmla="*/ 495749 h 800786"/>
                <a:gd name="connsiteX379" fmla="*/ 143497 w 2044700"/>
                <a:gd name="connsiteY379" fmla="*/ 490853 h 800786"/>
                <a:gd name="connsiteX380" fmla="*/ 133739 w 2044700"/>
                <a:gd name="connsiteY380" fmla="*/ 485957 h 800786"/>
                <a:gd name="connsiteX381" fmla="*/ 136992 w 2044700"/>
                <a:gd name="connsiteY381" fmla="*/ 479429 h 800786"/>
                <a:gd name="connsiteX382" fmla="*/ 146750 w 2044700"/>
                <a:gd name="connsiteY382" fmla="*/ 476164 h 800786"/>
                <a:gd name="connsiteX383" fmla="*/ 153256 w 2044700"/>
                <a:gd name="connsiteY383" fmla="*/ 476164 h 800786"/>
                <a:gd name="connsiteX384" fmla="*/ 161388 w 2044700"/>
                <a:gd name="connsiteY384" fmla="*/ 472900 h 800786"/>
                <a:gd name="connsiteX385" fmla="*/ 167894 w 2044700"/>
                <a:gd name="connsiteY385" fmla="*/ 471268 h 800786"/>
                <a:gd name="connsiteX386" fmla="*/ 176026 w 2044700"/>
                <a:gd name="connsiteY386" fmla="*/ 469636 h 800786"/>
                <a:gd name="connsiteX387" fmla="*/ 185784 w 2044700"/>
                <a:gd name="connsiteY387" fmla="*/ 464740 h 800786"/>
                <a:gd name="connsiteX388" fmla="*/ 182531 w 2044700"/>
                <a:gd name="connsiteY388" fmla="*/ 464740 h 800786"/>
                <a:gd name="connsiteX389" fmla="*/ 174399 w 2044700"/>
                <a:gd name="connsiteY389" fmla="*/ 464740 h 800786"/>
                <a:gd name="connsiteX390" fmla="*/ 164641 w 2044700"/>
                <a:gd name="connsiteY390" fmla="*/ 466372 h 800786"/>
                <a:gd name="connsiteX391" fmla="*/ 156509 w 2044700"/>
                <a:gd name="connsiteY391" fmla="*/ 468004 h 800786"/>
                <a:gd name="connsiteX392" fmla="*/ 148377 w 2044700"/>
                <a:gd name="connsiteY392" fmla="*/ 469636 h 800786"/>
                <a:gd name="connsiteX393" fmla="*/ 141871 w 2044700"/>
                <a:gd name="connsiteY393" fmla="*/ 468004 h 800786"/>
                <a:gd name="connsiteX394" fmla="*/ 138618 w 2044700"/>
                <a:gd name="connsiteY394" fmla="*/ 466372 h 800786"/>
                <a:gd name="connsiteX395" fmla="*/ 143497 w 2044700"/>
                <a:gd name="connsiteY395" fmla="*/ 461476 h 800786"/>
                <a:gd name="connsiteX396" fmla="*/ 136992 w 2044700"/>
                <a:gd name="connsiteY396" fmla="*/ 461476 h 800786"/>
                <a:gd name="connsiteX397" fmla="*/ 125607 w 2044700"/>
                <a:gd name="connsiteY397" fmla="*/ 461476 h 800786"/>
                <a:gd name="connsiteX398" fmla="*/ 120728 w 2044700"/>
                <a:gd name="connsiteY398" fmla="*/ 459844 h 800786"/>
                <a:gd name="connsiteX399" fmla="*/ 122354 w 2044700"/>
                <a:gd name="connsiteY399" fmla="*/ 454948 h 800786"/>
                <a:gd name="connsiteX400" fmla="*/ 123981 w 2044700"/>
                <a:gd name="connsiteY400" fmla="*/ 450052 h 800786"/>
                <a:gd name="connsiteX401" fmla="*/ 127233 w 2044700"/>
                <a:gd name="connsiteY401" fmla="*/ 445156 h 800786"/>
                <a:gd name="connsiteX402" fmla="*/ 132113 w 2044700"/>
                <a:gd name="connsiteY402" fmla="*/ 445156 h 800786"/>
                <a:gd name="connsiteX403" fmla="*/ 140245 w 2044700"/>
                <a:gd name="connsiteY403" fmla="*/ 440260 h 800786"/>
                <a:gd name="connsiteX404" fmla="*/ 133739 w 2044700"/>
                <a:gd name="connsiteY404" fmla="*/ 438628 h 800786"/>
                <a:gd name="connsiteX405" fmla="*/ 130486 w 2044700"/>
                <a:gd name="connsiteY405" fmla="*/ 435364 h 800786"/>
                <a:gd name="connsiteX406" fmla="*/ 135365 w 2044700"/>
                <a:gd name="connsiteY406" fmla="*/ 428836 h 800786"/>
                <a:gd name="connsiteX407" fmla="*/ 141871 w 2044700"/>
                <a:gd name="connsiteY407" fmla="*/ 423940 h 800786"/>
                <a:gd name="connsiteX408" fmla="*/ 146750 w 2044700"/>
                <a:gd name="connsiteY408" fmla="*/ 420676 h 800786"/>
                <a:gd name="connsiteX409" fmla="*/ 153256 w 2044700"/>
                <a:gd name="connsiteY409" fmla="*/ 419044 h 800786"/>
                <a:gd name="connsiteX410" fmla="*/ 156509 w 2044700"/>
                <a:gd name="connsiteY410" fmla="*/ 419044 h 800786"/>
                <a:gd name="connsiteX411" fmla="*/ 161388 w 2044700"/>
                <a:gd name="connsiteY411" fmla="*/ 415780 h 800786"/>
                <a:gd name="connsiteX412" fmla="*/ 164641 w 2044700"/>
                <a:gd name="connsiteY412" fmla="*/ 412516 h 800786"/>
                <a:gd name="connsiteX413" fmla="*/ 169520 w 2044700"/>
                <a:gd name="connsiteY413" fmla="*/ 412516 h 800786"/>
                <a:gd name="connsiteX414" fmla="*/ 174399 w 2044700"/>
                <a:gd name="connsiteY414" fmla="*/ 410884 h 800786"/>
                <a:gd name="connsiteX415" fmla="*/ 177652 w 2044700"/>
                <a:gd name="connsiteY415" fmla="*/ 409252 h 800786"/>
                <a:gd name="connsiteX416" fmla="*/ 182531 w 2044700"/>
                <a:gd name="connsiteY416" fmla="*/ 407620 h 800786"/>
                <a:gd name="connsiteX417" fmla="*/ 187411 w 2044700"/>
                <a:gd name="connsiteY417" fmla="*/ 407620 h 800786"/>
                <a:gd name="connsiteX418" fmla="*/ 193916 w 2044700"/>
                <a:gd name="connsiteY418" fmla="*/ 405988 h 800786"/>
                <a:gd name="connsiteX419" fmla="*/ 197169 w 2044700"/>
                <a:gd name="connsiteY419" fmla="*/ 402724 h 800786"/>
                <a:gd name="connsiteX420" fmla="*/ 205301 w 2044700"/>
                <a:gd name="connsiteY420" fmla="*/ 401092 h 800786"/>
                <a:gd name="connsiteX421" fmla="*/ 210180 w 2044700"/>
                <a:gd name="connsiteY421" fmla="*/ 402724 h 800786"/>
                <a:gd name="connsiteX422" fmla="*/ 213433 w 2044700"/>
                <a:gd name="connsiteY422" fmla="*/ 407620 h 800786"/>
                <a:gd name="connsiteX423" fmla="*/ 213433 w 2044700"/>
                <a:gd name="connsiteY423" fmla="*/ 412516 h 800786"/>
                <a:gd name="connsiteX424" fmla="*/ 211807 w 2044700"/>
                <a:gd name="connsiteY424" fmla="*/ 419044 h 800786"/>
                <a:gd name="connsiteX425" fmla="*/ 211807 w 2044700"/>
                <a:gd name="connsiteY425" fmla="*/ 422308 h 800786"/>
                <a:gd name="connsiteX426" fmla="*/ 205301 w 2044700"/>
                <a:gd name="connsiteY426" fmla="*/ 425572 h 800786"/>
                <a:gd name="connsiteX427" fmla="*/ 205301 w 2044700"/>
                <a:gd name="connsiteY427" fmla="*/ 428836 h 800786"/>
                <a:gd name="connsiteX428" fmla="*/ 210180 w 2044700"/>
                <a:gd name="connsiteY428" fmla="*/ 428836 h 800786"/>
                <a:gd name="connsiteX429" fmla="*/ 213433 w 2044700"/>
                <a:gd name="connsiteY429" fmla="*/ 428836 h 800786"/>
                <a:gd name="connsiteX430" fmla="*/ 219939 w 2044700"/>
                <a:gd name="connsiteY430" fmla="*/ 425572 h 800786"/>
                <a:gd name="connsiteX431" fmla="*/ 216686 w 2044700"/>
                <a:gd name="connsiteY431" fmla="*/ 425572 h 800786"/>
                <a:gd name="connsiteX432" fmla="*/ 219939 w 2044700"/>
                <a:gd name="connsiteY432" fmla="*/ 422308 h 800786"/>
                <a:gd name="connsiteX433" fmla="*/ 224818 w 2044700"/>
                <a:gd name="connsiteY433" fmla="*/ 417412 h 800786"/>
                <a:gd name="connsiteX434" fmla="*/ 228071 w 2044700"/>
                <a:gd name="connsiteY434" fmla="*/ 415780 h 800786"/>
                <a:gd name="connsiteX435" fmla="*/ 231324 w 2044700"/>
                <a:gd name="connsiteY435" fmla="*/ 415780 h 800786"/>
                <a:gd name="connsiteX436" fmla="*/ 234577 w 2044700"/>
                <a:gd name="connsiteY436" fmla="*/ 415780 h 800786"/>
                <a:gd name="connsiteX437" fmla="*/ 239456 w 2044700"/>
                <a:gd name="connsiteY437" fmla="*/ 415780 h 800786"/>
                <a:gd name="connsiteX438" fmla="*/ 244335 w 2044700"/>
                <a:gd name="connsiteY438" fmla="*/ 417412 h 800786"/>
                <a:gd name="connsiteX439" fmla="*/ 249214 w 2044700"/>
                <a:gd name="connsiteY439" fmla="*/ 419044 h 800786"/>
                <a:gd name="connsiteX440" fmla="*/ 252467 w 2044700"/>
                <a:gd name="connsiteY440" fmla="*/ 420676 h 800786"/>
                <a:gd name="connsiteX441" fmla="*/ 260599 w 2044700"/>
                <a:gd name="connsiteY441" fmla="*/ 423940 h 800786"/>
                <a:gd name="connsiteX442" fmla="*/ 263852 w 2044700"/>
                <a:gd name="connsiteY442" fmla="*/ 425572 h 800786"/>
                <a:gd name="connsiteX443" fmla="*/ 262225 w 2044700"/>
                <a:gd name="connsiteY443" fmla="*/ 430468 h 800786"/>
                <a:gd name="connsiteX444" fmla="*/ 257346 w 2044700"/>
                <a:gd name="connsiteY444" fmla="*/ 436996 h 800786"/>
                <a:gd name="connsiteX445" fmla="*/ 260599 w 2044700"/>
                <a:gd name="connsiteY445" fmla="*/ 436996 h 800786"/>
                <a:gd name="connsiteX446" fmla="*/ 265478 w 2044700"/>
                <a:gd name="connsiteY446" fmla="*/ 433732 h 800786"/>
                <a:gd name="connsiteX447" fmla="*/ 271984 w 2044700"/>
                <a:gd name="connsiteY447" fmla="*/ 430468 h 800786"/>
                <a:gd name="connsiteX448" fmla="*/ 275237 w 2044700"/>
                <a:gd name="connsiteY448" fmla="*/ 432100 h 800786"/>
                <a:gd name="connsiteX449" fmla="*/ 280116 w 2044700"/>
                <a:gd name="connsiteY449" fmla="*/ 428836 h 800786"/>
                <a:gd name="connsiteX450" fmla="*/ 283369 w 2044700"/>
                <a:gd name="connsiteY450" fmla="*/ 428836 h 800786"/>
                <a:gd name="connsiteX451" fmla="*/ 286622 w 2044700"/>
                <a:gd name="connsiteY451" fmla="*/ 428836 h 800786"/>
                <a:gd name="connsiteX452" fmla="*/ 283369 w 2044700"/>
                <a:gd name="connsiteY452" fmla="*/ 425572 h 800786"/>
                <a:gd name="connsiteX453" fmla="*/ 280116 w 2044700"/>
                <a:gd name="connsiteY453" fmla="*/ 423940 h 800786"/>
                <a:gd name="connsiteX454" fmla="*/ 273610 w 2044700"/>
                <a:gd name="connsiteY454" fmla="*/ 419044 h 800786"/>
                <a:gd name="connsiteX455" fmla="*/ 273610 w 2044700"/>
                <a:gd name="connsiteY455" fmla="*/ 415780 h 800786"/>
                <a:gd name="connsiteX456" fmla="*/ 276863 w 2044700"/>
                <a:gd name="connsiteY456" fmla="*/ 414148 h 800786"/>
                <a:gd name="connsiteX457" fmla="*/ 280116 w 2044700"/>
                <a:gd name="connsiteY457" fmla="*/ 414148 h 800786"/>
                <a:gd name="connsiteX458" fmla="*/ 284995 w 2044700"/>
                <a:gd name="connsiteY458" fmla="*/ 415780 h 800786"/>
                <a:gd name="connsiteX459" fmla="*/ 288248 w 2044700"/>
                <a:gd name="connsiteY459" fmla="*/ 417412 h 800786"/>
                <a:gd name="connsiteX460" fmla="*/ 291501 w 2044700"/>
                <a:gd name="connsiteY460" fmla="*/ 420676 h 800786"/>
                <a:gd name="connsiteX461" fmla="*/ 299633 w 2044700"/>
                <a:gd name="connsiteY461" fmla="*/ 425572 h 800786"/>
                <a:gd name="connsiteX462" fmla="*/ 304512 w 2044700"/>
                <a:gd name="connsiteY462" fmla="*/ 427204 h 800786"/>
                <a:gd name="connsiteX463" fmla="*/ 307765 w 2044700"/>
                <a:gd name="connsiteY463" fmla="*/ 432100 h 800786"/>
                <a:gd name="connsiteX464" fmla="*/ 309391 w 2044700"/>
                <a:gd name="connsiteY464" fmla="*/ 436996 h 800786"/>
                <a:gd name="connsiteX465" fmla="*/ 311018 w 2044700"/>
                <a:gd name="connsiteY465" fmla="*/ 443524 h 800786"/>
                <a:gd name="connsiteX466" fmla="*/ 315897 w 2044700"/>
                <a:gd name="connsiteY466" fmla="*/ 446788 h 800786"/>
                <a:gd name="connsiteX467" fmla="*/ 315897 w 2044700"/>
                <a:gd name="connsiteY467" fmla="*/ 453316 h 800786"/>
                <a:gd name="connsiteX468" fmla="*/ 320776 w 2044700"/>
                <a:gd name="connsiteY468" fmla="*/ 458212 h 800786"/>
                <a:gd name="connsiteX469" fmla="*/ 324029 w 2044700"/>
                <a:gd name="connsiteY469" fmla="*/ 459844 h 800786"/>
                <a:gd name="connsiteX470" fmla="*/ 327282 w 2044700"/>
                <a:gd name="connsiteY470" fmla="*/ 456580 h 800786"/>
                <a:gd name="connsiteX471" fmla="*/ 332161 w 2044700"/>
                <a:gd name="connsiteY471" fmla="*/ 454948 h 800786"/>
                <a:gd name="connsiteX472" fmla="*/ 330535 w 2044700"/>
                <a:gd name="connsiteY472" fmla="*/ 450052 h 800786"/>
                <a:gd name="connsiteX473" fmla="*/ 330535 w 2044700"/>
                <a:gd name="connsiteY473" fmla="*/ 441892 h 800786"/>
                <a:gd name="connsiteX474" fmla="*/ 327282 w 2044700"/>
                <a:gd name="connsiteY474" fmla="*/ 436996 h 800786"/>
                <a:gd name="connsiteX475" fmla="*/ 320776 w 2044700"/>
                <a:gd name="connsiteY475" fmla="*/ 430468 h 800786"/>
                <a:gd name="connsiteX476" fmla="*/ 319150 w 2044700"/>
                <a:gd name="connsiteY476" fmla="*/ 425572 h 800786"/>
                <a:gd name="connsiteX477" fmla="*/ 317523 w 2044700"/>
                <a:gd name="connsiteY477" fmla="*/ 422308 h 800786"/>
                <a:gd name="connsiteX478" fmla="*/ 317523 w 2044700"/>
                <a:gd name="connsiteY478" fmla="*/ 412516 h 800786"/>
                <a:gd name="connsiteX479" fmla="*/ 319150 w 2044700"/>
                <a:gd name="connsiteY479" fmla="*/ 407620 h 800786"/>
                <a:gd name="connsiteX480" fmla="*/ 324029 w 2044700"/>
                <a:gd name="connsiteY480" fmla="*/ 402724 h 800786"/>
                <a:gd name="connsiteX481" fmla="*/ 327282 w 2044700"/>
                <a:gd name="connsiteY481" fmla="*/ 404356 h 800786"/>
                <a:gd name="connsiteX482" fmla="*/ 338667 w 2044700"/>
                <a:gd name="connsiteY482" fmla="*/ 407620 h 800786"/>
                <a:gd name="connsiteX483" fmla="*/ 340293 w 2044700"/>
                <a:gd name="connsiteY483" fmla="*/ 402724 h 800786"/>
                <a:gd name="connsiteX484" fmla="*/ 346799 w 2044700"/>
                <a:gd name="connsiteY484" fmla="*/ 407620 h 800786"/>
                <a:gd name="connsiteX485" fmla="*/ 351678 w 2044700"/>
                <a:gd name="connsiteY485" fmla="*/ 410884 h 800786"/>
                <a:gd name="connsiteX486" fmla="*/ 356557 w 2044700"/>
                <a:gd name="connsiteY486" fmla="*/ 414148 h 800786"/>
                <a:gd name="connsiteX487" fmla="*/ 356557 w 2044700"/>
                <a:gd name="connsiteY487" fmla="*/ 407620 h 800786"/>
                <a:gd name="connsiteX488" fmla="*/ 353304 w 2044700"/>
                <a:gd name="connsiteY488" fmla="*/ 404356 h 800786"/>
                <a:gd name="connsiteX489" fmla="*/ 345172 w 2044700"/>
                <a:gd name="connsiteY489" fmla="*/ 399460 h 800786"/>
                <a:gd name="connsiteX490" fmla="*/ 340293 w 2044700"/>
                <a:gd name="connsiteY490" fmla="*/ 396196 h 800786"/>
                <a:gd name="connsiteX491" fmla="*/ 345172 w 2044700"/>
                <a:gd name="connsiteY491" fmla="*/ 392932 h 800786"/>
                <a:gd name="connsiteX492" fmla="*/ 351678 w 2044700"/>
                <a:gd name="connsiteY492" fmla="*/ 389668 h 800786"/>
                <a:gd name="connsiteX493" fmla="*/ 358184 w 2044700"/>
                <a:gd name="connsiteY493" fmla="*/ 389668 h 800786"/>
                <a:gd name="connsiteX494" fmla="*/ 371195 w 2044700"/>
                <a:gd name="connsiteY494" fmla="*/ 388036 h 800786"/>
                <a:gd name="connsiteX495" fmla="*/ 496434 w 2044700"/>
                <a:gd name="connsiteY495" fmla="*/ 378564 h 800786"/>
                <a:gd name="connsiteX496" fmla="*/ 499654 w 2044700"/>
                <a:gd name="connsiteY496" fmla="*/ 378564 h 800786"/>
                <a:gd name="connsiteX497" fmla="*/ 504485 w 2044700"/>
                <a:gd name="connsiteY497" fmla="*/ 378564 h 800786"/>
                <a:gd name="connsiteX498" fmla="*/ 506095 w 2044700"/>
                <a:gd name="connsiteY498" fmla="*/ 383488 h 800786"/>
                <a:gd name="connsiteX499" fmla="*/ 502875 w 2044700"/>
                <a:gd name="connsiteY499" fmla="*/ 385130 h 800786"/>
                <a:gd name="connsiteX500" fmla="*/ 507705 w 2044700"/>
                <a:gd name="connsiteY500" fmla="*/ 386771 h 800786"/>
                <a:gd name="connsiteX501" fmla="*/ 510926 w 2044700"/>
                <a:gd name="connsiteY501" fmla="*/ 385130 h 800786"/>
                <a:gd name="connsiteX502" fmla="*/ 517366 w 2044700"/>
                <a:gd name="connsiteY502" fmla="*/ 390054 h 800786"/>
                <a:gd name="connsiteX503" fmla="*/ 517366 w 2044700"/>
                <a:gd name="connsiteY503" fmla="*/ 394977 h 800786"/>
                <a:gd name="connsiteX504" fmla="*/ 515756 w 2044700"/>
                <a:gd name="connsiteY504" fmla="*/ 398260 h 800786"/>
                <a:gd name="connsiteX505" fmla="*/ 512536 w 2044700"/>
                <a:gd name="connsiteY505" fmla="*/ 398260 h 800786"/>
                <a:gd name="connsiteX506" fmla="*/ 510926 w 2044700"/>
                <a:gd name="connsiteY506" fmla="*/ 403184 h 800786"/>
                <a:gd name="connsiteX507" fmla="*/ 504485 w 2044700"/>
                <a:gd name="connsiteY507" fmla="*/ 406467 h 800786"/>
                <a:gd name="connsiteX508" fmla="*/ 501265 w 2044700"/>
                <a:gd name="connsiteY508" fmla="*/ 409749 h 800786"/>
                <a:gd name="connsiteX509" fmla="*/ 498044 w 2044700"/>
                <a:gd name="connsiteY509" fmla="*/ 413032 h 800786"/>
                <a:gd name="connsiteX510" fmla="*/ 496434 w 2044700"/>
                <a:gd name="connsiteY510" fmla="*/ 416315 h 800786"/>
                <a:gd name="connsiteX511" fmla="*/ 494824 w 2044700"/>
                <a:gd name="connsiteY511" fmla="*/ 417956 h 800786"/>
                <a:gd name="connsiteX512" fmla="*/ 498044 w 2044700"/>
                <a:gd name="connsiteY512" fmla="*/ 416315 h 800786"/>
                <a:gd name="connsiteX513" fmla="*/ 504485 w 2044700"/>
                <a:gd name="connsiteY513" fmla="*/ 413032 h 800786"/>
                <a:gd name="connsiteX514" fmla="*/ 506095 w 2044700"/>
                <a:gd name="connsiteY514" fmla="*/ 413032 h 800786"/>
                <a:gd name="connsiteX515" fmla="*/ 510926 w 2044700"/>
                <a:gd name="connsiteY515" fmla="*/ 416315 h 800786"/>
                <a:gd name="connsiteX516" fmla="*/ 514146 w 2044700"/>
                <a:gd name="connsiteY516" fmla="*/ 421239 h 800786"/>
                <a:gd name="connsiteX517" fmla="*/ 515756 w 2044700"/>
                <a:gd name="connsiteY517" fmla="*/ 424521 h 800786"/>
                <a:gd name="connsiteX518" fmla="*/ 520587 w 2044700"/>
                <a:gd name="connsiteY518" fmla="*/ 421239 h 800786"/>
                <a:gd name="connsiteX519" fmla="*/ 518977 w 2044700"/>
                <a:gd name="connsiteY519" fmla="*/ 417956 h 800786"/>
                <a:gd name="connsiteX520" fmla="*/ 515756 w 2044700"/>
                <a:gd name="connsiteY520" fmla="*/ 417956 h 800786"/>
                <a:gd name="connsiteX521" fmla="*/ 517366 w 2044700"/>
                <a:gd name="connsiteY521" fmla="*/ 411391 h 800786"/>
                <a:gd name="connsiteX522" fmla="*/ 520587 w 2044700"/>
                <a:gd name="connsiteY522" fmla="*/ 411391 h 800786"/>
                <a:gd name="connsiteX523" fmla="*/ 525417 w 2044700"/>
                <a:gd name="connsiteY523" fmla="*/ 411391 h 800786"/>
                <a:gd name="connsiteX524" fmla="*/ 527028 w 2044700"/>
                <a:gd name="connsiteY524" fmla="*/ 414673 h 800786"/>
                <a:gd name="connsiteX525" fmla="*/ 525417 w 2044700"/>
                <a:gd name="connsiteY525" fmla="*/ 419597 h 800786"/>
                <a:gd name="connsiteX526" fmla="*/ 523807 w 2044700"/>
                <a:gd name="connsiteY526" fmla="*/ 424521 h 800786"/>
                <a:gd name="connsiteX527" fmla="*/ 527028 w 2044700"/>
                <a:gd name="connsiteY527" fmla="*/ 426163 h 800786"/>
                <a:gd name="connsiteX528" fmla="*/ 528638 w 2044700"/>
                <a:gd name="connsiteY528" fmla="*/ 429445 h 800786"/>
                <a:gd name="connsiteX529" fmla="*/ 525417 w 2044700"/>
                <a:gd name="connsiteY529" fmla="*/ 436011 h 800786"/>
                <a:gd name="connsiteX530" fmla="*/ 523807 w 2044700"/>
                <a:gd name="connsiteY530" fmla="*/ 437652 h 800786"/>
                <a:gd name="connsiteX531" fmla="*/ 525417 w 2044700"/>
                <a:gd name="connsiteY531" fmla="*/ 442576 h 800786"/>
                <a:gd name="connsiteX532" fmla="*/ 527028 w 2044700"/>
                <a:gd name="connsiteY532" fmla="*/ 447500 h 800786"/>
                <a:gd name="connsiteX533" fmla="*/ 525417 w 2044700"/>
                <a:gd name="connsiteY533" fmla="*/ 452424 h 800786"/>
                <a:gd name="connsiteX534" fmla="*/ 522197 w 2044700"/>
                <a:gd name="connsiteY534" fmla="*/ 455706 h 800786"/>
                <a:gd name="connsiteX535" fmla="*/ 517366 w 2044700"/>
                <a:gd name="connsiteY535" fmla="*/ 457348 h 800786"/>
                <a:gd name="connsiteX536" fmla="*/ 515756 w 2044700"/>
                <a:gd name="connsiteY536" fmla="*/ 460630 h 800786"/>
                <a:gd name="connsiteX537" fmla="*/ 509316 w 2044700"/>
                <a:gd name="connsiteY537" fmla="*/ 462272 h 800786"/>
                <a:gd name="connsiteX538" fmla="*/ 504485 w 2044700"/>
                <a:gd name="connsiteY538" fmla="*/ 462272 h 800786"/>
                <a:gd name="connsiteX539" fmla="*/ 501265 w 2044700"/>
                <a:gd name="connsiteY539" fmla="*/ 463913 h 800786"/>
                <a:gd name="connsiteX540" fmla="*/ 498044 w 2044700"/>
                <a:gd name="connsiteY540" fmla="*/ 458989 h 800786"/>
                <a:gd name="connsiteX541" fmla="*/ 496434 w 2044700"/>
                <a:gd name="connsiteY541" fmla="*/ 455706 h 800786"/>
                <a:gd name="connsiteX542" fmla="*/ 494824 w 2044700"/>
                <a:gd name="connsiteY542" fmla="*/ 458989 h 800786"/>
                <a:gd name="connsiteX543" fmla="*/ 498044 w 2044700"/>
                <a:gd name="connsiteY543" fmla="*/ 463913 h 800786"/>
                <a:gd name="connsiteX544" fmla="*/ 496434 w 2044700"/>
                <a:gd name="connsiteY544" fmla="*/ 468837 h 800786"/>
                <a:gd name="connsiteX545" fmla="*/ 491603 w 2044700"/>
                <a:gd name="connsiteY545" fmla="*/ 473761 h 800786"/>
                <a:gd name="connsiteX546" fmla="*/ 488383 w 2044700"/>
                <a:gd name="connsiteY546" fmla="*/ 472120 h 800786"/>
                <a:gd name="connsiteX547" fmla="*/ 483553 w 2044700"/>
                <a:gd name="connsiteY547" fmla="*/ 472120 h 800786"/>
                <a:gd name="connsiteX548" fmla="*/ 480332 w 2044700"/>
                <a:gd name="connsiteY548" fmla="*/ 470478 h 800786"/>
                <a:gd name="connsiteX549" fmla="*/ 477112 w 2044700"/>
                <a:gd name="connsiteY549" fmla="*/ 465554 h 800786"/>
                <a:gd name="connsiteX550" fmla="*/ 473891 w 2044700"/>
                <a:gd name="connsiteY550" fmla="*/ 462272 h 800786"/>
                <a:gd name="connsiteX551" fmla="*/ 469061 w 2044700"/>
                <a:gd name="connsiteY551" fmla="*/ 457348 h 800786"/>
                <a:gd name="connsiteX552" fmla="*/ 464230 w 2044700"/>
                <a:gd name="connsiteY552" fmla="*/ 452424 h 800786"/>
                <a:gd name="connsiteX553" fmla="*/ 459400 w 2044700"/>
                <a:gd name="connsiteY553" fmla="*/ 452424 h 800786"/>
                <a:gd name="connsiteX554" fmla="*/ 456179 w 2044700"/>
                <a:gd name="connsiteY554" fmla="*/ 447500 h 800786"/>
                <a:gd name="connsiteX555" fmla="*/ 451349 w 2044700"/>
                <a:gd name="connsiteY555" fmla="*/ 444217 h 800786"/>
                <a:gd name="connsiteX556" fmla="*/ 446518 w 2044700"/>
                <a:gd name="connsiteY556" fmla="*/ 442576 h 800786"/>
                <a:gd name="connsiteX557" fmla="*/ 444908 w 2044700"/>
                <a:gd name="connsiteY557" fmla="*/ 442576 h 800786"/>
                <a:gd name="connsiteX558" fmla="*/ 443298 w 2044700"/>
                <a:gd name="connsiteY558" fmla="*/ 439293 h 800786"/>
                <a:gd name="connsiteX559" fmla="*/ 436857 w 2044700"/>
                <a:gd name="connsiteY559" fmla="*/ 439293 h 800786"/>
                <a:gd name="connsiteX560" fmla="*/ 433637 w 2044700"/>
                <a:gd name="connsiteY560" fmla="*/ 439293 h 800786"/>
                <a:gd name="connsiteX561" fmla="*/ 430416 w 2044700"/>
                <a:gd name="connsiteY561" fmla="*/ 437652 h 800786"/>
                <a:gd name="connsiteX562" fmla="*/ 428806 w 2044700"/>
                <a:gd name="connsiteY562" fmla="*/ 434369 h 800786"/>
                <a:gd name="connsiteX563" fmla="*/ 422365 w 2044700"/>
                <a:gd name="connsiteY563" fmla="*/ 431087 h 800786"/>
                <a:gd name="connsiteX564" fmla="*/ 419145 w 2044700"/>
                <a:gd name="connsiteY564" fmla="*/ 426163 h 800786"/>
                <a:gd name="connsiteX565" fmla="*/ 415925 w 2044700"/>
                <a:gd name="connsiteY565" fmla="*/ 422880 h 800786"/>
                <a:gd name="connsiteX566" fmla="*/ 415925 w 2044700"/>
                <a:gd name="connsiteY566" fmla="*/ 419597 h 800786"/>
                <a:gd name="connsiteX567" fmla="*/ 420755 w 2044700"/>
                <a:gd name="connsiteY567" fmla="*/ 416315 h 800786"/>
                <a:gd name="connsiteX568" fmla="*/ 428806 w 2044700"/>
                <a:gd name="connsiteY568" fmla="*/ 413032 h 800786"/>
                <a:gd name="connsiteX569" fmla="*/ 433637 w 2044700"/>
                <a:gd name="connsiteY569" fmla="*/ 416315 h 800786"/>
                <a:gd name="connsiteX570" fmla="*/ 441688 w 2044700"/>
                <a:gd name="connsiteY570" fmla="*/ 424521 h 800786"/>
                <a:gd name="connsiteX571" fmla="*/ 444908 w 2044700"/>
                <a:gd name="connsiteY571" fmla="*/ 426163 h 800786"/>
                <a:gd name="connsiteX572" fmla="*/ 449739 w 2044700"/>
                <a:gd name="connsiteY572" fmla="*/ 426163 h 800786"/>
                <a:gd name="connsiteX573" fmla="*/ 454569 w 2044700"/>
                <a:gd name="connsiteY573" fmla="*/ 422880 h 800786"/>
                <a:gd name="connsiteX574" fmla="*/ 457790 w 2044700"/>
                <a:gd name="connsiteY574" fmla="*/ 421239 h 800786"/>
                <a:gd name="connsiteX575" fmla="*/ 456179 w 2044700"/>
                <a:gd name="connsiteY575" fmla="*/ 416315 h 800786"/>
                <a:gd name="connsiteX576" fmla="*/ 459400 w 2044700"/>
                <a:gd name="connsiteY576" fmla="*/ 414673 h 800786"/>
                <a:gd name="connsiteX577" fmla="*/ 456179 w 2044700"/>
                <a:gd name="connsiteY577" fmla="*/ 411391 h 800786"/>
                <a:gd name="connsiteX578" fmla="*/ 452959 w 2044700"/>
                <a:gd name="connsiteY578" fmla="*/ 409749 h 800786"/>
                <a:gd name="connsiteX579" fmla="*/ 449739 w 2044700"/>
                <a:gd name="connsiteY579" fmla="*/ 409749 h 800786"/>
                <a:gd name="connsiteX580" fmla="*/ 441688 w 2044700"/>
                <a:gd name="connsiteY580" fmla="*/ 408108 h 800786"/>
                <a:gd name="connsiteX581" fmla="*/ 440078 w 2044700"/>
                <a:gd name="connsiteY581" fmla="*/ 404825 h 800786"/>
                <a:gd name="connsiteX582" fmla="*/ 436857 w 2044700"/>
                <a:gd name="connsiteY582" fmla="*/ 401543 h 800786"/>
                <a:gd name="connsiteX583" fmla="*/ 435247 w 2044700"/>
                <a:gd name="connsiteY583" fmla="*/ 399901 h 800786"/>
                <a:gd name="connsiteX584" fmla="*/ 436857 w 2044700"/>
                <a:gd name="connsiteY584" fmla="*/ 396619 h 800786"/>
                <a:gd name="connsiteX585" fmla="*/ 441688 w 2044700"/>
                <a:gd name="connsiteY585" fmla="*/ 393336 h 800786"/>
                <a:gd name="connsiteX586" fmla="*/ 443298 w 2044700"/>
                <a:gd name="connsiteY586" fmla="*/ 394977 h 800786"/>
                <a:gd name="connsiteX587" fmla="*/ 446518 w 2044700"/>
                <a:gd name="connsiteY587" fmla="*/ 391695 h 800786"/>
                <a:gd name="connsiteX588" fmla="*/ 446518 w 2044700"/>
                <a:gd name="connsiteY588" fmla="*/ 388412 h 800786"/>
                <a:gd name="connsiteX589" fmla="*/ 449739 w 2044700"/>
                <a:gd name="connsiteY589" fmla="*/ 386771 h 800786"/>
                <a:gd name="connsiteX590" fmla="*/ 452959 w 2044700"/>
                <a:gd name="connsiteY590" fmla="*/ 388412 h 800786"/>
                <a:gd name="connsiteX591" fmla="*/ 459400 w 2044700"/>
                <a:gd name="connsiteY591" fmla="*/ 388412 h 800786"/>
                <a:gd name="connsiteX592" fmla="*/ 462620 w 2044700"/>
                <a:gd name="connsiteY592" fmla="*/ 386771 h 800786"/>
                <a:gd name="connsiteX593" fmla="*/ 462620 w 2044700"/>
                <a:gd name="connsiteY593" fmla="*/ 383488 h 800786"/>
                <a:gd name="connsiteX594" fmla="*/ 465841 w 2044700"/>
                <a:gd name="connsiteY594" fmla="*/ 383488 h 800786"/>
                <a:gd name="connsiteX595" fmla="*/ 470671 w 2044700"/>
                <a:gd name="connsiteY595" fmla="*/ 386771 h 800786"/>
                <a:gd name="connsiteX596" fmla="*/ 475502 w 2044700"/>
                <a:gd name="connsiteY596" fmla="*/ 390054 h 800786"/>
                <a:gd name="connsiteX597" fmla="*/ 481942 w 2044700"/>
                <a:gd name="connsiteY597" fmla="*/ 391695 h 800786"/>
                <a:gd name="connsiteX598" fmla="*/ 483553 w 2044700"/>
                <a:gd name="connsiteY598" fmla="*/ 390054 h 800786"/>
                <a:gd name="connsiteX599" fmla="*/ 480332 w 2044700"/>
                <a:gd name="connsiteY599" fmla="*/ 386771 h 800786"/>
                <a:gd name="connsiteX600" fmla="*/ 477112 w 2044700"/>
                <a:gd name="connsiteY600" fmla="*/ 383488 h 800786"/>
                <a:gd name="connsiteX601" fmla="*/ 481942 w 2044700"/>
                <a:gd name="connsiteY601" fmla="*/ 381847 h 800786"/>
                <a:gd name="connsiteX602" fmla="*/ 485163 w 2044700"/>
                <a:gd name="connsiteY602" fmla="*/ 381847 h 800786"/>
                <a:gd name="connsiteX603" fmla="*/ 489993 w 2044700"/>
                <a:gd name="connsiteY603" fmla="*/ 381847 h 800786"/>
                <a:gd name="connsiteX604" fmla="*/ 493214 w 2044700"/>
                <a:gd name="connsiteY604" fmla="*/ 380206 h 800786"/>
                <a:gd name="connsiteX605" fmla="*/ 496434 w 2044700"/>
                <a:gd name="connsiteY605" fmla="*/ 378564 h 800786"/>
                <a:gd name="connsiteX606" fmla="*/ 55336 w 2044700"/>
                <a:gd name="connsiteY606" fmla="*/ 361091 h 800786"/>
                <a:gd name="connsiteX607" fmla="*/ 61846 w 2044700"/>
                <a:gd name="connsiteY607" fmla="*/ 362721 h 800786"/>
                <a:gd name="connsiteX608" fmla="*/ 69983 w 2044700"/>
                <a:gd name="connsiteY608" fmla="*/ 364350 h 800786"/>
                <a:gd name="connsiteX609" fmla="*/ 79748 w 2044700"/>
                <a:gd name="connsiteY609" fmla="*/ 365980 h 800786"/>
                <a:gd name="connsiteX610" fmla="*/ 86258 w 2044700"/>
                <a:gd name="connsiteY610" fmla="*/ 362721 h 800786"/>
                <a:gd name="connsiteX611" fmla="*/ 100906 w 2044700"/>
                <a:gd name="connsiteY611" fmla="*/ 374129 h 800786"/>
                <a:gd name="connsiteX612" fmla="*/ 105789 w 2044700"/>
                <a:gd name="connsiteY612" fmla="*/ 372500 h 800786"/>
                <a:gd name="connsiteX613" fmla="*/ 117181 w 2044700"/>
                <a:gd name="connsiteY613" fmla="*/ 372500 h 800786"/>
                <a:gd name="connsiteX614" fmla="*/ 123691 w 2044700"/>
                <a:gd name="connsiteY614" fmla="*/ 377389 h 800786"/>
                <a:gd name="connsiteX615" fmla="*/ 130202 w 2044700"/>
                <a:gd name="connsiteY615" fmla="*/ 374129 h 800786"/>
                <a:gd name="connsiteX616" fmla="*/ 138339 w 2044700"/>
                <a:gd name="connsiteY616" fmla="*/ 372500 h 800786"/>
                <a:gd name="connsiteX617" fmla="*/ 144849 w 2044700"/>
                <a:gd name="connsiteY617" fmla="*/ 372500 h 800786"/>
                <a:gd name="connsiteX618" fmla="*/ 154614 w 2044700"/>
                <a:gd name="connsiteY618" fmla="*/ 374129 h 800786"/>
                <a:gd name="connsiteX619" fmla="*/ 164379 w 2044700"/>
                <a:gd name="connsiteY619" fmla="*/ 375759 h 800786"/>
                <a:gd name="connsiteX620" fmla="*/ 170890 w 2044700"/>
                <a:gd name="connsiteY620" fmla="*/ 385538 h 800786"/>
                <a:gd name="connsiteX621" fmla="*/ 192047 w 2044700"/>
                <a:gd name="connsiteY621" fmla="*/ 395317 h 800786"/>
                <a:gd name="connsiteX622" fmla="*/ 187165 w 2044700"/>
                <a:gd name="connsiteY622" fmla="*/ 400207 h 800786"/>
                <a:gd name="connsiteX623" fmla="*/ 179027 w 2044700"/>
                <a:gd name="connsiteY623" fmla="*/ 403467 h 800786"/>
                <a:gd name="connsiteX624" fmla="*/ 169262 w 2044700"/>
                <a:gd name="connsiteY624" fmla="*/ 406726 h 800786"/>
                <a:gd name="connsiteX625" fmla="*/ 159497 w 2044700"/>
                <a:gd name="connsiteY625" fmla="*/ 413246 h 800786"/>
                <a:gd name="connsiteX626" fmla="*/ 149732 w 2044700"/>
                <a:gd name="connsiteY626" fmla="*/ 418135 h 800786"/>
                <a:gd name="connsiteX627" fmla="*/ 143222 w 2044700"/>
                <a:gd name="connsiteY627" fmla="*/ 419765 h 800786"/>
                <a:gd name="connsiteX628" fmla="*/ 130202 w 2044700"/>
                <a:gd name="connsiteY628" fmla="*/ 426284 h 800786"/>
                <a:gd name="connsiteX629" fmla="*/ 123691 w 2044700"/>
                <a:gd name="connsiteY629" fmla="*/ 429544 h 800786"/>
                <a:gd name="connsiteX630" fmla="*/ 115554 w 2044700"/>
                <a:gd name="connsiteY630" fmla="*/ 439323 h 800786"/>
                <a:gd name="connsiteX631" fmla="*/ 105789 w 2044700"/>
                <a:gd name="connsiteY631" fmla="*/ 445842 h 800786"/>
                <a:gd name="connsiteX632" fmla="*/ 102534 w 2044700"/>
                <a:gd name="connsiteY632" fmla="*/ 450732 h 800786"/>
                <a:gd name="connsiteX633" fmla="*/ 100906 w 2044700"/>
                <a:gd name="connsiteY633" fmla="*/ 455621 h 800786"/>
                <a:gd name="connsiteX634" fmla="*/ 99279 w 2044700"/>
                <a:gd name="connsiteY634" fmla="*/ 462141 h 800786"/>
                <a:gd name="connsiteX635" fmla="*/ 94396 w 2044700"/>
                <a:gd name="connsiteY635" fmla="*/ 468660 h 800786"/>
                <a:gd name="connsiteX636" fmla="*/ 86258 w 2044700"/>
                <a:gd name="connsiteY636" fmla="*/ 468660 h 800786"/>
                <a:gd name="connsiteX637" fmla="*/ 78121 w 2044700"/>
                <a:gd name="connsiteY637" fmla="*/ 470290 h 800786"/>
                <a:gd name="connsiteX638" fmla="*/ 66728 w 2044700"/>
                <a:gd name="connsiteY638" fmla="*/ 476809 h 800786"/>
                <a:gd name="connsiteX639" fmla="*/ 61846 w 2044700"/>
                <a:gd name="connsiteY639" fmla="*/ 478439 h 800786"/>
                <a:gd name="connsiteX640" fmla="*/ 56963 w 2044700"/>
                <a:gd name="connsiteY640" fmla="*/ 480069 h 800786"/>
                <a:gd name="connsiteX641" fmla="*/ 48826 w 2044700"/>
                <a:gd name="connsiteY641" fmla="*/ 478439 h 800786"/>
                <a:gd name="connsiteX642" fmla="*/ 42315 w 2044700"/>
                <a:gd name="connsiteY642" fmla="*/ 470290 h 800786"/>
                <a:gd name="connsiteX643" fmla="*/ 34178 w 2044700"/>
                <a:gd name="connsiteY643" fmla="*/ 467030 h 800786"/>
                <a:gd name="connsiteX644" fmla="*/ 30923 w 2044700"/>
                <a:gd name="connsiteY644" fmla="*/ 458881 h 800786"/>
                <a:gd name="connsiteX645" fmla="*/ 24413 w 2044700"/>
                <a:gd name="connsiteY645" fmla="*/ 457251 h 800786"/>
                <a:gd name="connsiteX646" fmla="*/ 14648 w 2044700"/>
                <a:gd name="connsiteY646" fmla="*/ 452362 h 800786"/>
                <a:gd name="connsiteX647" fmla="*/ 3255 w 2044700"/>
                <a:gd name="connsiteY647" fmla="*/ 452362 h 800786"/>
                <a:gd name="connsiteX648" fmla="*/ 0 w 2044700"/>
                <a:gd name="connsiteY648" fmla="*/ 450732 h 800786"/>
                <a:gd name="connsiteX649" fmla="*/ 9765 w 2044700"/>
                <a:gd name="connsiteY649" fmla="*/ 436063 h 800786"/>
                <a:gd name="connsiteX650" fmla="*/ 11393 w 2044700"/>
                <a:gd name="connsiteY650" fmla="*/ 429544 h 800786"/>
                <a:gd name="connsiteX651" fmla="*/ 14648 w 2044700"/>
                <a:gd name="connsiteY651" fmla="*/ 423025 h 800786"/>
                <a:gd name="connsiteX652" fmla="*/ 21158 w 2044700"/>
                <a:gd name="connsiteY652" fmla="*/ 418135 h 800786"/>
                <a:gd name="connsiteX653" fmla="*/ 19530 w 2044700"/>
                <a:gd name="connsiteY653" fmla="*/ 411616 h 800786"/>
                <a:gd name="connsiteX654" fmla="*/ 26040 w 2044700"/>
                <a:gd name="connsiteY654" fmla="*/ 403467 h 800786"/>
                <a:gd name="connsiteX655" fmla="*/ 30923 w 2044700"/>
                <a:gd name="connsiteY655" fmla="*/ 395317 h 800786"/>
                <a:gd name="connsiteX656" fmla="*/ 34178 w 2044700"/>
                <a:gd name="connsiteY656" fmla="*/ 390428 h 800786"/>
                <a:gd name="connsiteX657" fmla="*/ 30923 w 2044700"/>
                <a:gd name="connsiteY657" fmla="*/ 382279 h 800786"/>
                <a:gd name="connsiteX658" fmla="*/ 27668 w 2044700"/>
                <a:gd name="connsiteY658" fmla="*/ 375759 h 800786"/>
                <a:gd name="connsiteX659" fmla="*/ 19530 w 2044700"/>
                <a:gd name="connsiteY659" fmla="*/ 369240 h 800786"/>
                <a:gd name="connsiteX660" fmla="*/ 35805 w 2044700"/>
                <a:gd name="connsiteY660" fmla="*/ 364350 h 800786"/>
                <a:gd name="connsiteX661" fmla="*/ 40688 w 2044700"/>
                <a:gd name="connsiteY661" fmla="*/ 367610 h 800786"/>
                <a:gd name="connsiteX662" fmla="*/ 55336 w 2044700"/>
                <a:gd name="connsiteY662" fmla="*/ 361091 h 800786"/>
                <a:gd name="connsiteX663" fmla="*/ 543918 w 2044700"/>
                <a:gd name="connsiteY663" fmla="*/ 357873 h 800786"/>
                <a:gd name="connsiteX664" fmla="*/ 547490 w 2044700"/>
                <a:gd name="connsiteY664" fmla="*/ 361048 h 800786"/>
                <a:gd name="connsiteX665" fmla="*/ 547490 w 2044700"/>
                <a:gd name="connsiteY665" fmla="*/ 365810 h 800786"/>
                <a:gd name="connsiteX666" fmla="*/ 543918 w 2044700"/>
                <a:gd name="connsiteY666" fmla="*/ 365810 h 800786"/>
                <a:gd name="connsiteX667" fmla="*/ 540346 w 2044700"/>
                <a:gd name="connsiteY667" fmla="*/ 364223 h 800786"/>
                <a:gd name="connsiteX668" fmla="*/ 536774 w 2044700"/>
                <a:gd name="connsiteY668" fmla="*/ 362635 h 800786"/>
                <a:gd name="connsiteX669" fmla="*/ 536774 w 2044700"/>
                <a:gd name="connsiteY669" fmla="*/ 361048 h 800786"/>
                <a:gd name="connsiteX670" fmla="*/ 540346 w 2044700"/>
                <a:gd name="connsiteY670" fmla="*/ 359460 h 800786"/>
                <a:gd name="connsiteX671" fmla="*/ 543918 w 2044700"/>
                <a:gd name="connsiteY671" fmla="*/ 357873 h 800786"/>
                <a:gd name="connsiteX672" fmla="*/ 386329 w 2044700"/>
                <a:gd name="connsiteY672" fmla="*/ 332473 h 800786"/>
                <a:gd name="connsiteX673" fmla="*/ 398236 w 2044700"/>
                <a:gd name="connsiteY673" fmla="*/ 335648 h 800786"/>
                <a:gd name="connsiteX674" fmla="*/ 399937 w 2044700"/>
                <a:gd name="connsiteY674" fmla="*/ 340410 h 800786"/>
                <a:gd name="connsiteX675" fmla="*/ 398236 w 2044700"/>
                <a:gd name="connsiteY675" fmla="*/ 346760 h 800786"/>
                <a:gd name="connsiteX676" fmla="*/ 391432 w 2044700"/>
                <a:gd name="connsiteY676" fmla="*/ 348348 h 800786"/>
                <a:gd name="connsiteX677" fmla="*/ 386329 w 2044700"/>
                <a:gd name="connsiteY677" fmla="*/ 346760 h 800786"/>
                <a:gd name="connsiteX678" fmla="*/ 381227 w 2044700"/>
                <a:gd name="connsiteY678" fmla="*/ 346760 h 800786"/>
                <a:gd name="connsiteX679" fmla="*/ 377825 w 2044700"/>
                <a:gd name="connsiteY679" fmla="*/ 341998 h 800786"/>
                <a:gd name="connsiteX680" fmla="*/ 377825 w 2044700"/>
                <a:gd name="connsiteY680" fmla="*/ 337235 h 800786"/>
                <a:gd name="connsiteX681" fmla="*/ 386329 w 2044700"/>
                <a:gd name="connsiteY681" fmla="*/ 332473 h 800786"/>
                <a:gd name="connsiteX682" fmla="*/ 546717 w 2044700"/>
                <a:gd name="connsiteY682" fmla="*/ 324602 h 800786"/>
                <a:gd name="connsiteX683" fmla="*/ 554875 w 2044700"/>
                <a:gd name="connsiteY683" fmla="*/ 324602 h 800786"/>
                <a:gd name="connsiteX684" fmla="*/ 559770 w 2044700"/>
                <a:gd name="connsiteY684" fmla="*/ 324602 h 800786"/>
                <a:gd name="connsiteX685" fmla="*/ 564665 w 2044700"/>
                <a:gd name="connsiteY685" fmla="*/ 326255 h 800786"/>
                <a:gd name="connsiteX686" fmla="*/ 567928 w 2044700"/>
                <a:gd name="connsiteY686" fmla="*/ 326255 h 800786"/>
                <a:gd name="connsiteX687" fmla="*/ 572823 w 2044700"/>
                <a:gd name="connsiteY687" fmla="*/ 332870 h 800786"/>
                <a:gd name="connsiteX688" fmla="*/ 576086 w 2044700"/>
                <a:gd name="connsiteY688" fmla="*/ 334524 h 800786"/>
                <a:gd name="connsiteX689" fmla="*/ 579350 w 2044700"/>
                <a:gd name="connsiteY689" fmla="*/ 346099 h 800786"/>
                <a:gd name="connsiteX690" fmla="*/ 580981 w 2044700"/>
                <a:gd name="connsiteY690" fmla="*/ 349407 h 800786"/>
                <a:gd name="connsiteX691" fmla="*/ 580981 w 2044700"/>
                <a:gd name="connsiteY691" fmla="*/ 354368 h 800786"/>
                <a:gd name="connsiteX692" fmla="*/ 577718 w 2044700"/>
                <a:gd name="connsiteY692" fmla="*/ 360982 h 800786"/>
                <a:gd name="connsiteX693" fmla="*/ 574455 w 2044700"/>
                <a:gd name="connsiteY693" fmla="*/ 360982 h 800786"/>
                <a:gd name="connsiteX694" fmla="*/ 567928 w 2044700"/>
                <a:gd name="connsiteY694" fmla="*/ 360982 h 800786"/>
                <a:gd name="connsiteX695" fmla="*/ 564665 w 2044700"/>
                <a:gd name="connsiteY695" fmla="*/ 360982 h 800786"/>
                <a:gd name="connsiteX696" fmla="*/ 558139 w 2044700"/>
                <a:gd name="connsiteY696" fmla="*/ 359329 h 800786"/>
                <a:gd name="connsiteX697" fmla="*/ 545086 w 2044700"/>
                <a:gd name="connsiteY697" fmla="*/ 354368 h 800786"/>
                <a:gd name="connsiteX698" fmla="*/ 540191 w 2044700"/>
                <a:gd name="connsiteY698" fmla="*/ 352714 h 800786"/>
                <a:gd name="connsiteX699" fmla="*/ 533664 w 2044700"/>
                <a:gd name="connsiteY699" fmla="*/ 351060 h 800786"/>
                <a:gd name="connsiteX700" fmla="*/ 530401 w 2044700"/>
                <a:gd name="connsiteY700" fmla="*/ 349407 h 800786"/>
                <a:gd name="connsiteX701" fmla="*/ 527138 w 2044700"/>
                <a:gd name="connsiteY701" fmla="*/ 346099 h 800786"/>
                <a:gd name="connsiteX702" fmla="*/ 527138 w 2044700"/>
                <a:gd name="connsiteY702" fmla="*/ 341138 h 800786"/>
                <a:gd name="connsiteX703" fmla="*/ 530401 w 2044700"/>
                <a:gd name="connsiteY703" fmla="*/ 337831 h 800786"/>
                <a:gd name="connsiteX704" fmla="*/ 533664 w 2044700"/>
                <a:gd name="connsiteY704" fmla="*/ 334524 h 800786"/>
                <a:gd name="connsiteX705" fmla="*/ 538559 w 2044700"/>
                <a:gd name="connsiteY705" fmla="*/ 332870 h 800786"/>
                <a:gd name="connsiteX706" fmla="*/ 541822 w 2044700"/>
                <a:gd name="connsiteY706" fmla="*/ 329563 h 800786"/>
                <a:gd name="connsiteX707" fmla="*/ 546717 w 2044700"/>
                <a:gd name="connsiteY707" fmla="*/ 324602 h 800786"/>
                <a:gd name="connsiteX708" fmla="*/ 533034 w 2044700"/>
                <a:gd name="connsiteY708" fmla="*/ 323147 h 800786"/>
                <a:gd name="connsiteX709" fmla="*/ 538163 w 2044700"/>
                <a:gd name="connsiteY709" fmla="*/ 326719 h 800786"/>
                <a:gd name="connsiteX710" fmla="*/ 536453 w 2044700"/>
                <a:gd name="connsiteY710" fmla="*/ 330291 h 800786"/>
                <a:gd name="connsiteX711" fmla="*/ 527905 w 2044700"/>
                <a:gd name="connsiteY711" fmla="*/ 332077 h 800786"/>
                <a:gd name="connsiteX712" fmla="*/ 524486 w 2044700"/>
                <a:gd name="connsiteY712" fmla="*/ 333863 h 800786"/>
                <a:gd name="connsiteX713" fmla="*/ 521067 w 2044700"/>
                <a:gd name="connsiteY713" fmla="*/ 333863 h 800786"/>
                <a:gd name="connsiteX714" fmla="*/ 517647 w 2044700"/>
                <a:gd name="connsiteY714" fmla="*/ 330291 h 800786"/>
                <a:gd name="connsiteX715" fmla="*/ 517647 w 2044700"/>
                <a:gd name="connsiteY715" fmla="*/ 328505 h 800786"/>
                <a:gd name="connsiteX716" fmla="*/ 526195 w 2044700"/>
                <a:gd name="connsiteY716" fmla="*/ 324933 h 800786"/>
                <a:gd name="connsiteX717" fmla="*/ 533034 w 2044700"/>
                <a:gd name="connsiteY717" fmla="*/ 323147 h 800786"/>
                <a:gd name="connsiteX718" fmla="*/ 558800 w 2044700"/>
                <a:gd name="connsiteY718" fmla="*/ 311836 h 800786"/>
                <a:gd name="connsiteX719" fmla="*/ 561975 w 2044700"/>
                <a:gd name="connsiteY719" fmla="*/ 311836 h 800786"/>
                <a:gd name="connsiteX720" fmla="*/ 565150 w 2044700"/>
                <a:gd name="connsiteY720" fmla="*/ 315011 h 800786"/>
                <a:gd name="connsiteX721" fmla="*/ 566737 w 2044700"/>
                <a:gd name="connsiteY721" fmla="*/ 318186 h 800786"/>
                <a:gd name="connsiteX722" fmla="*/ 563562 w 2044700"/>
                <a:gd name="connsiteY722" fmla="*/ 318186 h 800786"/>
                <a:gd name="connsiteX723" fmla="*/ 558800 w 2044700"/>
                <a:gd name="connsiteY723" fmla="*/ 318186 h 800786"/>
                <a:gd name="connsiteX724" fmla="*/ 555625 w 2044700"/>
                <a:gd name="connsiteY724" fmla="*/ 315011 h 800786"/>
                <a:gd name="connsiteX725" fmla="*/ 558800 w 2044700"/>
                <a:gd name="connsiteY725" fmla="*/ 311836 h 800786"/>
                <a:gd name="connsiteX726" fmla="*/ 143688 w 2044700"/>
                <a:gd name="connsiteY726" fmla="*/ 304412 h 800786"/>
                <a:gd name="connsiteX727" fmla="*/ 145762 w 2044700"/>
                <a:gd name="connsiteY727" fmla="*/ 305673 h 800786"/>
                <a:gd name="connsiteX728" fmla="*/ 152401 w 2044700"/>
                <a:gd name="connsiteY728" fmla="*/ 310715 h 800786"/>
                <a:gd name="connsiteX729" fmla="*/ 147422 w 2044700"/>
                <a:gd name="connsiteY729" fmla="*/ 317439 h 800786"/>
                <a:gd name="connsiteX730" fmla="*/ 142443 w 2044700"/>
                <a:gd name="connsiteY730" fmla="*/ 324162 h 800786"/>
                <a:gd name="connsiteX731" fmla="*/ 139123 w 2044700"/>
                <a:gd name="connsiteY731" fmla="*/ 325843 h 800786"/>
                <a:gd name="connsiteX732" fmla="*/ 134144 w 2044700"/>
                <a:gd name="connsiteY732" fmla="*/ 329205 h 800786"/>
                <a:gd name="connsiteX733" fmla="*/ 127506 w 2044700"/>
                <a:gd name="connsiteY733" fmla="*/ 329205 h 800786"/>
                <a:gd name="connsiteX734" fmla="*/ 122527 w 2044700"/>
                <a:gd name="connsiteY734" fmla="*/ 327524 h 800786"/>
                <a:gd name="connsiteX735" fmla="*/ 119207 w 2044700"/>
                <a:gd name="connsiteY735" fmla="*/ 324162 h 800786"/>
                <a:gd name="connsiteX736" fmla="*/ 125846 w 2044700"/>
                <a:gd name="connsiteY736" fmla="*/ 317439 h 800786"/>
                <a:gd name="connsiteX737" fmla="*/ 135804 w 2044700"/>
                <a:gd name="connsiteY737" fmla="*/ 310715 h 800786"/>
                <a:gd name="connsiteX738" fmla="*/ 139123 w 2044700"/>
                <a:gd name="connsiteY738" fmla="*/ 307354 h 800786"/>
                <a:gd name="connsiteX739" fmla="*/ 144102 w 2044700"/>
                <a:gd name="connsiteY739" fmla="*/ 305673 h 800786"/>
                <a:gd name="connsiteX740" fmla="*/ 143688 w 2044700"/>
                <a:gd name="connsiteY740" fmla="*/ 304412 h 800786"/>
                <a:gd name="connsiteX741" fmla="*/ 613554 w 2044700"/>
                <a:gd name="connsiteY741" fmla="*/ 284848 h 800786"/>
                <a:gd name="connsiteX742" fmla="*/ 618439 w 2044700"/>
                <a:gd name="connsiteY742" fmla="*/ 284848 h 800786"/>
                <a:gd name="connsiteX743" fmla="*/ 621696 w 2044700"/>
                <a:gd name="connsiteY743" fmla="*/ 284848 h 800786"/>
                <a:gd name="connsiteX744" fmla="*/ 626581 w 2044700"/>
                <a:gd name="connsiteY744" fmla="*/ 288085 h 800786"/>
                <a:gd name="connsiteX745" fmla="*/ 633095 w 2044700"/>
                <a:gd name="connsiteY745" fmla="*/ 291322 h 800786"/>
                <a:gd name="connsiteX746" fmla="*/ 634724 w 2044700"/>
                <a:gd name="connsiteY746" fmla="*/ 294560 h 800786"/>
                <a:gd name="connsiteX747" fmla="*/ 637981 w 2044700"/>
                <a:gd name="connsiteY747" fmla="*/ 296178 h 800786"/>
                <a:gd name="connsiteX748" fmla="*/ 644495 w 2044700"/>
                <a:gd name="connsiteY748" fmla="*/ 299416 h 800786"/>
                <a:gd name="connsiteX749" fmla="*/ 649380 w 2044700"/>
                <a:gd name="connsiteY749" fmla="*/ 299416 h 800786"/>
                <a:gd name="connsiteX750" fmla="*/ 655894 w 2044700"/>
                <a:gd name="connsiteY750" fmla="*/ 301034 h 800786"/>
                <a:gd name="connsiteX751" fmla="*/ 654265 w 2044700"/>
                <a:gd name="connsiteY751" fmla="*/ 305890 h 800786"/>
                <a:gd name="connsiteX752" fmla="*/ 651009 w 2044700"/>
                <a:gd name="connsiteY752" fmla="*/ 305890 h 800786"/>
                <a:gd name="connsiteX753" fmla="*/ 647752 w 2044700"/>
                <a:gd name="connsiteY753" fmla="*/ 305890 h 800786"/>
                <a:gd name="connsiteX754" fmla="*/ 641238 w 2044700"/>
                <a:gd name="connsiteY754" fmla="*/ 305890 h 800786"/>
                <a:gd name="connsiteX755" fmla="*/ 637981 w 2044700"/>
                <a:gd name="connsiteY755" fmla="*/ 304271 h 800786"/>
                <a:gd name="connsiteX756" fmla="*/ 633095 w 2044700"/>
                <a:gd name="connsiteY756" fmla="*/ 304271 h 800786"/>
                <a:gd name="connsiteX757" fmla="*/ 629838 w 2044700"/>
                <a:gd name="connsiteY757" fmla="*/ 307509 h 800786"/>
                <a:gd name="connsiteX758" fmla="*/ 634724 w 2044700"/>
                <a:gd name="connsiteY758" fmla="*/ 309127 h 800786"/>
                <a:gd name="connsiteX759" fmla="*/ 634724 w 2044700"/>
                <a:gd name="connsiteY759" fmla="*/ 312365 h 800786"/>
                <a:gd name="connsiteX760" fmla="*/ 639609 w 2044700"/>
                <a:gd name="connsiteY760" fmla="*/ 310746 h 800786"/>
                <a:gd name="connsiteX761" fmla="*/ 642866 w 2044700"/>
                <a:gd name="connsiteY761" fmla="*/ 310746 h 800786"/>
                <a:gd name="connsiteX762" fmla="*/ 646123 w 2044700"/>
                <a:gd name="connsiteY762" fmla="*/ 312365 h 800786"/>
                <a:gd name="connsiteX763" fmla="*/ 646123 w 2044700"/>
                <a:gd name="connsiteY763" fmla="*/ 315602 h 800786"/>
                <a:gd name="connsiteX764" fmla="*/ 649380 w 2044700"/>
                <a:gd name="connsiteY764" fmla="*/ 315602 h 800786"/>
                <a:gd name="connsiteX765" fmla="*/ 654265 w 2044700"/>
                <a:gd name="connsiteY765" fmla="*/ 315602 h 800786"/>
                <a:gd name="connsiteX766" fmla="*/ 657522 w 2044700"/>
                <a:gd name="connsiteY766" fmla="*/ 318839 h 800786"/>
                <a:gd name="connsiteX767" fmla="*/ 657522 w 2044700"/>
                <a:gd name="connsiteY767" fmla="*/ 320458 h 800786"/>
                <a:gd name="connsiteX768" fmla="*/ 659151 w 2044700"/>
                <a:gd name="connsiteY768" fmla="*/ 326932 h 800786"/>
                <a:gd name="connsiteX769" fmla="*/ 662408 w 2044700"/>
                <a:gd name="connsiteY769" fmla="*/ 330170 h 800786"/>
                <a:gd name="connsiteX770" fmla="*/ 662408 w 2044700"/>
                <a:gd name="connsiteY770" fmla="*/ 326932 h 800786"/>
                <a:gd name="connsiteX771" fmla="*/ 664036 w 2044700"/>
                <a:gd name="connsiteY771" fmla="*/ 325314 h 800786"/>
                <a:gd name="connsiteX772" fmla="*/ 668922 w 2044700"/>
                <a:gd name="connsiteY772" fmla="*/ 323695 h 800786"/>
                <a:gd name="connsiteX773" fmla="*/ 672179 w 2044700"/>
                <a:gd name="connsiteY773" fmla="*/ 323695 h 800786"/>
                <a:gd name="connsiteX774" fmla="*/ 675436 w 2044700"/>
                <a:gd name="connsiteY774" fmla="*/ 326932 h 800786"/>
                <a:gd name="connsiteX775" fmla="*/ 680321 w 2044700"/>
                <a:gd name="connsiteY775" fmla="*/ 325314 h 800786"/>
                <a:gd name="connsiteX776" fmla="*/ 683578 w 2044700"/>
                <a:gd name="connsiteY776" fmla="*/ 325314 h 800786"/>
                <a:gd name="connsiteX777" fmla="*/ 686835 w 2044700"/>
                <a:gd name="connsiteY777" fmla="*/ 325314 h 800786"/>
                <a:gd name="connsiteX778" fmla="*/ 691720 w 2044700"/>
                <a:gd name="connsiteY778" fmla="*/ 325314 h 800786"/>
                <a:gd name="connsiteX779" fmla="*/ 694977 w 2044700"/>
                <a:gd name="connsiteY779" fmla="*/ 325314 h 800786"/>
                <a:gd name="connsiteX780" fmla="*/ 699863 w 2044700"/>
                <a:gd name="connsiteY780" fmla="*/ 328551 h 800786"/>
                <a:gd name="connsiteX781" fmla="*/ 704748 w 2044700"/>
                <a:gd name="connsiteY781" fmla="*/ 331788 h 800786"/>
                <a:gd name="connsiteX782" fmla="*/ 712890 w 2044700"/>
                <a:gd name="connsiteY782" fmla="*/ 331788 h 800786"/>
                <a:gd name="connsiteX783" fmla="*/ 711262 w 2044700"/>
                <a:gd name="connsiteY783" fmla="*/ 328551 h 800786"/>
                <a:gd name="connsiteX784" fmla="*/ 714519 w 2044700"/>
                <a:gd name="connsiteY784" fmla="*/ 326932 h 800786"/>
                <a:gd name="connsiteX785" fmla="*/ 717776 w 2044700"/>
                <a:gd name="connsiteY785" fmla="*/ 325314 h 800786"/>
                <a:gd name="connsiteX786" fmla="*/ 724290 w 2044700"/>
                <a:gd name="connsiteY786" fmla="*/ 326932 h 800786"/>
                <a:gd name="connsiteX787" fmla="*/ 729175 w 2044700"/>
                <a:gd name="connsiteY787" fmla="*/ 325314 h 800786"/>
                <a:gd name="connsiteX788" fmla="*/ 735689 w 2044700"/>
                <a:gd name="connsiteY788" fmla="*/ 323695 h 800786"/>
                <a:gd name="connsiteX789" fmla="*/ 743831 w 2044700"/>
                <a:gd name="connsiteY789" fmla="*/ 320458 h 800786"/>
                <a:gd name="connsiteX790" fmla="*/ 748717 w 2044700"/>
                <a:gd name="connsiteY790" fmla="*/ 317220 h 800786"/>
                <a:gd name="connsiteX791" fmla="*/ 751974 w 2044700"/>
                <a:gd name="connsiteY791" fmla="*/ 317220 h 800786"/>
                <a:gd name="connsiteX792" fmla="*/ 755231 w 2044700"/>
                <a:gd name="connsiteY792" fmla="*/ 317220 h 800786"/>
                <a:gd name="connsiteX793" fmla="*/ 760116 w 2044700"/>
                <a:gd name="connsiteY793" fmla="*/ 318839 h 800786"/>
                <a:gd name="connsiteX794" fmla="*/ 763373 w 2044700"/>
                <a:gd name="connsiteY794" fmla="*/ 322076 h 800786"/>
                <a:gd name="connsiteX795" fmla="*/ 765002 w 2044700"/>
                <a:gd name="connsiteY795" fmla="*/ 322076 h 800786"/>
                <a:gd name="connsiteX796" fmla="*/ 768258 w 2044700"/>
                <a:gd name="connsiteY796" fmla="*/ 320458 h 800786"/>
                <a:gd name="connsiteX797" fmla="*/ 771515 w 2044700"/>
                <a:gd name="connsiteY797" fmla="*/ 318839 h 800786"/>
                <a:gd name="connsiteX798" fmla="*/ 776401 w 2044700"/>
                <a:gd name="connsiteY798" fmla="*/ 315602 h 800786"/>
                <a:gd name="connsiteX799" fmla="*/ 781286 w 2044700"/>
                <a:gd name="connsiteY799" fmla="*/ 317220 h 800786"/>
                <a:gd name="connsiteX800" fmla="*/ 787800 w 2044700"/>
                <a:gd name="connsiteY800" fmla="*/ 315602 h 800786"/>
                <a:gd name="connsiteX801" fmla="*/ 789429 w 2044700"/>
                <a:gd name="connsiteY801" fmla="*/ 318839 h 800786"/>
                <a:gd name="connsiteX802" fmla="*/ 794314 w 2044700"/>
                <a:gd name="connsiteY802" fmla="*/ 318839 h 800786"/>
                <a:gd name="connsiteX803" fmla="*/ 802456 w 2044700"/>
                <a:gd name="connsiteY803" fmla="*/ 322076 h 800786"/>
                <a:gd name="connsiteX804" fmla="*/ 805713 w 2044700"/>
                <a:gd name="connsiteY804" fmla="*/ 323695 h 800786"/>
                <a:gd name="connsiteX805" fmla="*/ 812227 w 2044700"/>
                <a:gd name="connsiteY805" fmla="*/ 323695 h 800786"/>
                <a:gd name="connsiteX806" fmla="*/ 817113 w 2044700"/>
                <a:gd name="connsiteY806" fmla="*/ 323695 h 800786"/>
                <a:gd name="connsiteX807" fmla="*/ 820370 w 2044700"/>
                <a:gd name="connsiteY807" fmla="*/ 325314 h 800786"/>
                <a:gd name="connsiteX808" fmla="*/ 821998 w 2044700"/>
                <a:gd name="connsiteY808" fmla="*/ 330170 h 800786"/>
                <a:gd name="connsiteX809" fmla="*/ 828512 w 2044700"/>
                <a:gd name="connsiteY809" fmla="*/ 330170 h 800786"/>
                <a:gd name="connsiteX810" fmla="*/ 831769 w 2044700"/>
                <a:gd name="connsiteY810" fmla="*/ 331788 h 800786"/>
                <a:gd name="connsiteX811" fmla="*/ 831769 w 2044700"/>
                <a:gd name="connsiteY811" fmla="*/ 338263 h 800786"/>
                <a:gd name="connsiteX812" fmla="*/ 828512 w 2044700"/>
                <a:gd name="connsiteY812" fmla="*/ 339881 h 800786"/>
                <a:gd name="connsiteX813" fmla="*/ 826883 w 2044700"/>
                <a:gd name="connsiteY813" fmla="*/ 344737 h 800786"/>
                <a:gd name="connsiteX814" fmla="*/ 828512 w 2044700"/>
                <a:gd name="connsiteY814" fmla="*/ 347974 h 800786"/>
                <a:gd name="connsiteX815" fmla="*/ 833397 w 2044700"/>
                <a:gd name="connsiteY815" fmla="*/ 347974 h 800786"/>
                <a:gd name="connsiteX816" fmla="*/ 831769 w 2044700"/>
                <a:gd name="connsiteY816" fmla="*/ 351212 h 800786"/>
                <a:gd name="connsiteX817" fmla="*/ 825255 w 2044700"/>
                <a:gd name="connsiteY817" fmla="*/ 351212 h 800786"/>
                <a:gd name="connsiteX818" fmla="*/ 820370 w 2044700"/>
                <a:gd name="connsiteY818" fmla="*/ 351212 h 800786"/>
                <a:gd name="connsiteX819" fmla="*/ 820370 w 2044700"/>
                <a:gd name="connsiteY819" fmla="*/ 354449 h 800786"/>
                <a:gd name="connsiteX820" fmla="*/ 818741 w 2044700"/>
                <a:gd name="connsiteY820" fmla="*/ 360923 h 800786"/>
                <a:gd name="connsiteX821" fmla="*/ 815484 w 2044700"/>
                <a:gd name="connsiteY821" fmla="*/ 362542 h 800786"/>
                <a:gd name="connsiteX822" fmla="*/ 808970 w 2044700"/>
                <a:gd name="connsiteY822" fmla="*/ 362542 h 800786"/>
                <a:gd name="connsiteX823" fmla="*/ 800828 w 2044700"/>
                <a:gd name="connsiteY823" fmla="*/ 364161 h 800786"/>
                <a:gd name="connsiteX824" fmla="*/ 794314 w 2044700"/>
                <a:gd name="connsiteY824" fmla="*/ 367398 h 800786"/>
                <a:gd name="connsiteX825" fmla="*/ 784543 w 2044700"/>
                <a:gd name="connsiteY825" fmla="*/ 365779 h 800786"/>
                <a:gd name="connsiteX826" fmla="*/ 778029 w 2044700"/>
                <a:gd name="connsiteY826" fmla="*/ 364161 h 800786"/>
                <a:gd name="connsiteX827" fmla="*/ 774772 w 2044700"/>
                <a:gd name="connsiteY827" fmla="*/ 364161 h 800786"/>
                <a:gd name="connsiteX828" fmla="*/ 766630 w 2044700"/>
                <a:gd name="connsiteY828" fmla="*/ 360923 h 800786"/>
                <a:gd name="connsiteX829" fmla="*/ 766630 w 2044700"/>
                <a:gd name="connsiteY829" fmla="*/ 357686 h 800786"/>
                <a:gd name="connsiteX830" fmla="*/ 761745 w 2044700"/>
                <a:gd name="connsiteY830" fmla="*/ 356068 h 800786"/>
                <a:gd name="connsiteX831" fmla="*/ 761745 w 2044700"/>
                <a:gd name="connsiteY831" fmla="*/ 359305 h 800786"/>
                <a:gd name="connsiteX832" fmla="*/ 761745 w 2044700"/>
                <a:gd name="connsiteY832" fmla="*/ 362542 h 800786"/>
                <a:gd name="connsiteX833" fmla="*/ 753602 w 2044700"/>
                <a:gd name="connsiteY833" fmla="*/ 362542 h 800786"/>
                <a:gd name="connsiteX834" fmla="*/ 748717 w 2044700"/>
                <a:gd name="connsiteY834" fmla="*/ 364161 h 800786"/>
                <a:gd name="connsiteX835" fmla="*/ 742203 w 2044700"/>
                <a:gd name="connsiteY835" fmla="*/ 365779 h 800786"/>
                <a:gd name="connsiteX836" fmla="*/ 737317 w 2044700"/>
                <a:gd name="connsiteY836" fmla="*/ 362542 h 800786"/>
                <a:gd name="connsiteX837" fmla="*/ 734061 w 2044700"/>
                <a:gd name="connsiteY837" fmla="*/ 362542 h 800786"/>
                <a:gd name="connsiteX838" fmla="*/ 730804 w 2044700"/>
                <a:gd name="connsiteY838" fmla="*/ 364161 h 800786"/>
                <a:gd name="connsiteX839" fmla="*/ 727547 w 2044700"/>
                <a:gd name="connsiteY839" fmla="*/ 362542 h 800786"/>
                <a:gd name="connsiteX840" fmla="*/ 724290 w 2044700"/>
                <a:gd name="connsiteY840" fmla="*/ 362542 h 800786"/>
                <a:gd name="connsiteX841" fmla="*/ 722661 w 2044700"/>
                <a:gd name="connsiteY841" fmla="*/ 364161 h 800786"/>
                <a:gd name="connsiteX842" fmla="*/ 719404 w 2044700"/>
                <a:gd name="connsiteY842" fmla="*/ 364161 h 800786"/>
                <a:gd name="connsiteX843" fmla="*/ 716147 w 2044700"/>
                <a:gd name="connsiteY843" fmla="*/ 362542 h 800786"/>
                <a:gd name="connsiteX844" fmla="*/ 711262 w 2044700"/>
                <a:gd name="connsiteY844" fmla="*/ 364161 h 800786"/>
                <a:gd name="connsiteX845" fmla="*/ 708005 w 2044700"/>
                <a:gd name="connsiteY845" fmla="*/ 365779 h 800786"/>
                <a:gd name="connsiteX846" fmla="*/ 703120 w 2044700"/>
                <a:gd name="connsiteY846" fmla="*/ 364161 h 800786"/>
                <a:gd name="connsiteX847" fmla="*/ 696606 w 2044700"/>
                <a:gd name="connsiteY847" fmla="*/ 364161 h 800786"/>
                <a:gd name="connsiteX848" fmla="*/ 694977 w 2044700"/>
                <a:gd name="connsiteY848" fmla="*/ 362542 h 800786"/>
                <a:gd name="connsiteX849" fmla="*/ 691720 w 2044700"/>
                <a:gd name="connsiteY849" fmla="*/ 362542 h 800786"/>
                <a:gd name="connsiteX850" fmla="*/ 686835 w 2044700"/>
                <a:gd name="connsiteY850" fmla="*/ 365779 h 800786"/>
                <a:gd name="connsiteX851" fmla="*/ 680321 w 2044700"/>
                <a:gd name="connsiteY851" fmla="*/ 365779 h 800786"/>
                <a:gd name="connsiteX852" fmla="*/ 677064 w 2044700"/>
                <a:gd name="connsiteY852" fmla="*/ 365779 h 800786"/>
                <a:gd name="connsiteX853" fmla="*/ 670550 w 2044700"/>
                <a:gd name="connsiteY853" fmla="*/ 365779 h 800786"/>
                <a:gd name="connsiteX854" fmla="*/ 668922 w 2044700"/>
                <a:gd name="connsiteY854" fmla="*/ 360923 h 800786"/>
                <a:gd name="connsiteX855" fmla="*/ 668922 w 2044700"/>
                <a:gd name="connsiteY855" fmla="*/ 354449 h 800786"/>
                <a:gd name="connsiteX856" fmla="*/ 665665 w 2044700"/>
                <a:gd name="connsiteY856" fmla="*/ 356068 h 800786"/>
                <a:gd name="connsiteX857" fmla="*/ 662408 w 2044700"/>
                <a:gd name="connsiteY857" fmla="*/ 359305 h 800786"/>
                <a:gd name="connsiteX858" fmla="*/ 655894 w 2044700"/>
                <a:gd name="connsiteY858" fmla="*/ 362542 h 800786"/>
                <a:gd name="connsiteX859" fmla="*/ 654265 w 2044700"/>
                <a:gd name="connsiteY859" fmla="*/ 362542 h 800786"/>
                <a:gd name="connsiteX860" fmla="*/ 649380 w 2044700"/>
                <a:gd name="connsiteY860" fmla="*/ 364161 h 800786"/>
                <a:gd name="connsiteX861" fmla="*/ 646123 w 2044700"/>
                <a:gd name="connsiteY861" fmla="*/ 364161 h 800786"/>
                <a:gd name="connsiteX862" fmla="*/ 642866 w 2044700"/>
                <a:gd name="connsiteY862" fmla="*/ 364161 h 800786"/>
                <a:gd name="connsiteX863" fmla="*/ 639609 w 2044700"/>
                <a:gd name="connsiteY863" fmla="*/ 364161 h 800786"/>
                <a:gd name="connsiteX864" fmla="*/ 634724 w 2044700"/>
                <a:gd name="connsiteY864" fmla="*/ 362542 h 800786"/>
                <a:gd name="connsiteX865" fmla="*/ 631467 w 2044700"/>
                <a:gd name="connsiteY865" fmla="*/ 360923 h 800786"/>
                <a:gd name="connsiteX866" fmla="*/ 628210 w 2044700"/>
                <a:gd name="connsiteY866" fmla="*/ 357686 h 800786"/>
                <a:gd name="connsiteX867" fmla="*/ 628210 w 2044700"/>
                <a:gd name="connsiteY867" fmla="*/ 354449 h 800786"/>
                <a:gd name="connsiteX868" fmla="*/ 624953 w 2044700"/>
                <a:gd name="connsiteY868" fmla="*/ 354449 h 800786"/>
                <a:gd name="connsiteX869" fmla="*/ 624953 w 2044700"/>
                <a:gd name="connsiteY869" fmla="*/ 357686 h 800786"/>
                <a:gd name="connsiteX870" fmla="*/ 621696 w 2044700"/>
                <a:gd name="connsiteY870" fmla="*/ 359305 h 800786"/>
                <a:gd name="connsiteX871" fmla="*/ 618439 w 2044700"/>
                <a:gd name="connsiteY871" fmla="*/ 359305 h 800786"/>
                <a:gd name="connsiteX872" fmla="*/ 615182 w 2044700"/>
                <a:gd name="connsiteY872" fmla="*/ 357686 h 800786"/>
                <a:gd name="connsiteX873" fmla="*/ 611925 w 2044700"/>
                <a:gd name="connsiteY873" fmla="*/ 354449 h 800786"/>
                <a:gd name="connsiteX874" fmla="*/ 608668 w 2044700"/>
                <a:gd name="connsiteY874" fmla="*/ 354449 h 800786"/>
                <a:gd name="connsiteX875" fmla="*/ 605411 w 2044700"/>
                <a:gd name="connsiteY875" fmla="*/ 347974 h 800786"/>
                <a:gd name="connsiteX876" fmla="*/ 605411 w 2044700"/>
                <a:gd name="connsiteY876" fmla="*/ 344737 h 800786"/>
                <a:gd name="connsiteX877" fmla="*/ 602154 w 2044700"/>
                <a:gd name="connsiteY877" fmla="*/ 339881 h 800786"/>
                <a:gd name="connsiteX878" fmla="*/ 600526 w 2044700"/>
                <a:gd name="connsiteY878" fmla="*/ 336644 h 800786"/>
                <a:gd name="connsiteX879" fmla="*/ 600526 w 2044700"/>
                <a:gd name="connsiteY879" fmla="*/ 333407 h 800786"/>
                <a:gd name="connsiteX880" fmla="*/ 602154 w 2044700"/>
                <a:gd name="connsiteY880" fmla="*/ 330170 h 800786"/>
                <a:gd name="connsiteX881" fmla="*/ 607040 w 2044700"/>
                <a:gd name="connsiteY881" fmla="*/ 325314 h 800786"/>
                <a:gd name="connsiteX882" fmla="*/ 605411 w 2044700"/>
                <a:gd name="connsiteY882" fmla="*/ 320458 h 800786"/>
                <a:gd name="connsiteX883" fmla="*/ 605411 w 2044700"/>
                <a:gd name="connsiteY883" fmla="*/ 317220 h 800786"/>
                <a:gd name="connsiteX884" fmla="*/ 602154 w 2044700"/>
                <a:gd name="connsiteY884" fmla="*/ 313983 h 800786"/>
                <a:gd name="connsiteX885" fmla="*/ 598897 w 2044700"/>
                <a:gd name="connsiteY885" fmla="*/ 312365 h 800786"/>
                <a:gd name="connsiteX886" fmla="*/ 595641 w 2044700"/>
                <a:gd name="connsiteY886" fmla="*/ 309127 h 800786"/>
                <a:gd name="connsiteX887" fmla="*/ 592384 w 2044700"/>
                <a:gd name="connsiteY887" fmla="*/ 309127 h 800786"/>
                <a:gd name="connsiteX888" fmla="*/ 589127 w 2044700"/>
                <a:gd name="connsiteY888" fmla="*/ 305890 h 800786"/>
                <a:gd name="connsiteX889" fmla="*/ 587498 w 2044700"/>
                <a:gd name="connsiteY889" fmla="*/ 301034 h 800786"/>
                <a:gd name="connsiteX890" fmla="*/ 584241 w 2044700"/>
                <a:gd name="connsiteY890" fmla="*/ 297797 h 800786"/>
                <a:gd name="connsiteX891" fmla="*/ 584241 w 2044700"/>
                <a:gd name="connsiteY891" fmla="*/ 296178 h 800786"/>
                <a:gd name="connsiteX892" fmla="*/ 587498 w 2044700"/>
                <a:gd name="connsiteY892" fmla="*/ 291322 h 800786"/>
                <a:gd name="connsiteX893" fmla="*/ 590755 w 2044700"/>
                <a:gd name="connsiteY893" fmla="*/ 288085 h 800786"/>
                <a:gd name="connsiteX894" fmla="*/ 595641 w 2044700"/>
                <a:gd name="connsiteY894" fmla="*/ 288085 h 800786"/>
                <a:gd name="connsiteX895" fmla="*/ 600526 w 2044700"/>
                <a:gd name="connsiteY895" fmla="*/ 288085 h 800786"/>
                <a:gd name="connsiteX896" fmla="*/ 603783 w 2044700"/>
                <a:gd name="connsiteY896" fmla="*/ 286467 h 800786"/>
                <a:gd name="connsiteX897" fmla="*/ 613554 w 2044700"/>
                <a:gd name="connsiteY897" fmla="*/ 284848 h 800786"/>
                <a:gd name="connsiteX898" fmla="*/ 471065 w 2044700"/>
                <a:gd name="connsiteY898" fmla="*/ 282116 h 800786"/>
                <a:gd name="connsiteX899" fmla="*/ 473707 w 2044700"/>
                <a:gd name="connsiteY899" fmla="*/ 283335 h 800786"/>
                <a:gd name="connsiteX900" fmla="*/ 473707 w 2044700"/>
                <a:gd name="connsiteY900" fmla="*/ 289832 h 800786"/>
                <a:gd name="connsiteX901" fmla="*/ 476958 w 2044700"/>
                <a:gd name="connsiteY901" fmla="*/ 291457 h 800786"/>
                <a:gd name="connsiteX902" fmla="*/ 483461 w 2044700"/>
                <a:gd name="connsiteY902" fmla="*/ 289832 h 800786"/>
                <a:gd name="connsiteX903" fmla="*/ 486713 w 2044700"/>
                <a:gd name="connsiteY903" fmla="*/ 288208 h 800786"/>
                <a:gd name="connsiteX904" fmla="*/ 494842 w 2044700"/>
                <a:gd name="connsiteY904" fmla="*/ 286584 h 800786"/>
                <a:gd name="connsiteX905" fmla="*/ 499719 w 2044700"/>
                <a:gd name="connsiteY905" fmla="*/ 289832 h 800786"/>
                <a:gd name="connsiteX906" fmla="*/ 507848 w 2044700"/>
                <a:gd name="connsiteY906" fmla="*/ 293081 h 800786"/>
                <a:gd name="connsiteX907" fmla="*/ 506222 w 2044700"/>
                <a:gd name="connsiteY907" fmla="*/ 296330 h 800786"/>
                <a:gd name="connsiteX908" fmla="*/ 506222 w 2044700"/>
                <a:gd name="connsiteY908" fmla="*/ 299579 h 800786"/>
                <a:gd name="connsiteX909" fmla="*/ 507848 w 2044700"/>
                <a:gd name="connsiteY909" fmla="*/ 302828 h 800786"/>
                <a:gd name="connsiteX910" fmla="*/ 507848 w 2044700"/>
                <a:gd name="connsiteY910" fmla="*/ 310950 h 800786"/>
                <a:gd name="connsiteX911" fmla="*/ 506222 w 2044700"/>
                <a:gd name="connsiteY911" fmla="*/ 314199 h 800786"/>
                <a:gd name="connsiteX912" fmla="*/ 507848 w 2044700"/>
                <a:gd name="connsiteY912" fmla="*/ 317448 h 800786"/>
                <a:gd name="connsiteX913" fmla="*/ 509473 w 2044700"/>
                <a:gd name="connsiteY913" fmla="*/ 320696 h 800786"/>
                <a:gd name="connsiteX914" fmla="*/ 509473 w 2044700"/>
                <a:gd name="connsiteY914" fmla="*/ 322321 h 800786"/>
                <a:gd name="connsiteX915" fmla="*/ 512725 w 2044700"/>
                <a:gd name="connsiteY915" fmla="*/ 325570 h 800786"/>
                <a:gd name="connsiteX916" fmla="*/ 511099 w 2044700"/>
                <a:gd name="connsiteY916" fmla="*/ 328818 h 800786"/>
                <a:gd name="connsiteX917" fmla="*/ 512725 w 2044700"/>
                <a:gd name="connsiteY917" fmla="*/ 333692 h 800786"/>
                <a:gd name="connsiteX918" fmla="*/ 507848 w 2044700"/>
                <a:gd name="connsiteY918" fmla="*/ 333692 h 800786"/>
                <a:gd name="connsiteX919" fmla="*/ 506222 w 2044700"/>
                <a:gd name="connsiteY919" fmla="*/ 330443 h 800786"/>
                <a:gd name="connsiteX920" fmla="*/ 501345 w 2044700"/>
                <a:gd name="connsiteY920" fmla="*/ 332067 h 800786"/>
                <a:gd name="connsiteX921" fmla="*/ 501345 w 2044700"/>
                <a:gd name="connsiteY921" fmla="*/ 336941 h 800786"/>
                <a:gd name="connsiteX922" fmla="*/ 506222 w 2044700"/>
                <a:gd name="connsiteY922" fmla="*/ 336941 h 800786"/>
                <a:gd name="connsiteX923" fmla="*/ 506222 w 2044700"/>
                <a:gd name="connsiteY923" fmla="*/ 340189 h 800786"/>
                <a:gd name="connsiteX924" fmla="*/ 501345 w 2044700"/>
                <a:gd name="connsiteY924" fmla="*/ 345063 h 800786"/>
                <a:gd name="connsiteX925" fmla="*/ 498093 w 2044700"/>
                <a:gd name="connsiteY925" fmla="*/ 348312 h 800786"/>
                <a:gd name="connsiteX926" fmla="*/ 491590 w 2044700"/>
                <a:gd name="connsiteY926" fmla="*/ 349936 h 800786"/>
                <a:gd name="connsiteX927" fmla="*/ 488339 w 2044700"/>
                <a:gd name="connsiteY927" fmla="*/ 348312 h 800786"/>
                <a:gd name="connsiteX928" fmla="*/ 485087 w 2044700"/>
                <a:gd name="connsiteY928" fmla="*/ 348312 h 800786"/>
                <a:gd name="connsiteX929" fmla="*/ 480210 w 2044700"/>
                <a:gd name="connsiteY929" fmla="*/ 348312 h 800786"/>
                <a:gd name="connsiteX930" fmla="*/ 475333 w 2044700"/>
                <a:gd name="connsiteY930" fmla="*/ 348312 h 800786"/>
                <a:gd name="connsiteX931" fmla="*/ 472081 w 2044700"/>
                <a:gd name="connsiteY931" fmla="*/ 349936 h 800786"/>
                <a:gd name="connsiteX932" fmla="*/ 457449 w 2044700"/>
                <a:gd name="connsiteY932" fmla="*/ 348312 h 800786"/>
                <a:gd name="connsiteX933" fmla="*/ 455823 w 2044700"/>
                <a:gd name="connsiteY933" fmla="*/ 341814 h 800786"/>
                <a:gd name="connsiteX934" fmla="*/ 455823 w 2044700"/>
                <a:gd name="connsiteY934" fmla="*/ 336941 h 800786"/>
                <a:gd name="connsiteX935" fmla="*/ 452572 w 2044700"/>
                <a:gd name="connsiteY935" fmla="*/ 332067 h 800786"/>
                <a:gd name="connsiteX936" fmla="*/ 455823 w 2044700"/>
                <a:gd name="connsiteY936" fmla="*/ 328818 h 800786"/>
                <a:gd name="connsiteX937" fmla="*/ 460701 w 2044700"/>
                <a:gd name="connsiteY937" fmla="*/ 327194 h 800786"/>
                <a:gd name="connsiteX938" fmla="*/ 462326 w 2044700"/>
                <a:gd name="connsiteY938" fmla="*/ 323945 h 800786"/>
                <a:gd name="connsiteX939" fmla="*/ 455823 w 2044700"/>
                <a:gd name="connsiteY939" fmla="*/ 323945 h 800786"/>
                <a:gd name="connsiteX940" fmla="*/ 450946 w 2044700"/>
                <a:gd name="connsiteY940" fmla="*/ 325570 h 800786"/>
                <a:gd name="connsiteX941" fmla="*/ 447695 w 2044700"/>
                <a:gd name="connsiteY941" fmla="*/ 328818 h 800786"/>
                <a:gd name="connsiteX942" fmla="*/ 442817 w 2044700"/>
                <a:gd name="connsiteY942" fmla="*/ 328818 h 800786"/>
                <a:gd name="connsiteX943" fmla="*/ 436314 w 2044700"/>
                <a:gd name="connsiteY943" fmla="*/ 328818 h 800786"/>
                <a:gd name="connsiteX944" fmla="*/ 429811 w 2044700"/>
                <a:gd name="connsiteY944" fmla="*/ 325570 h 800786"/>
                <a:gd name="connsiteX945" fmla="*/ 424934 w 2044700"/>
                <a:gd name="connsiteY945" fmla="*/ 328818 h 800786"/>
                <a:gd name="connsiteX946" fmla="*/ 421682 w 2044700"/>
                <a:gd name="connsiteY946" fmla="*/ 330443 h 800786"/>
                <a:gd name="connsiteX947" fmla="*/ 413554 w 2044700"/>
                <a:gd name="connsiteY947" fmla="*/ 327194 h 800786"/>
                <a:gd name="connsiteX948" fmla="*/ 413554 w 2044700"/>
                <a:gd name="connsiteY948" fmla="*/ 323945 h 800786"/>
                <a:gd name="connsiteX949" fmla="*/ 415179 w 2044700"/>
                <a:gd name="connsiteY949" fmla="*/ 320696 h 800786"/>
                <a:gd name="connsiteX950" fmla="*/ 411928 w 2044700"/>
                <a:gd name="connsiteY950" fmla="*/ 319072 h 800786"/>
                <a:gd name="connsiteX951" fmla="*/ 408676 w 2044700"/>
                <a:gd name="connsiteY951" fmla="*/ 319072 h 800786"/>
                <a:gd name="connsiteX952" fmla="*/ 403799 w 2044700"/>
                <a:gd name="connsiteY952" fmla="*/ 319072 h 800786"/>
                <a:gd name="connsiteX953" fmla="*/ 400548 w 2044700"/>
                <a:gd name="connsiteY953" fmla="*/ 315823 h 800786"/>
                <a:gd name="connsiteX954" fmla="*/ 397296 w 2044700"/>
                <a:gd name="connsiteY954" fmla="*/ 317448 h 800786"/>
                <a:gd name="connsiteX955" fmla="*/ 395670 w 2044700"/>
                <a:gd name="connsiteY955" fmla="*/ 312574 h 800786"/>
                <a:gd name="connsiteX956" fmla="*/ 395670 w 2044700"/>
                <a:gd name="connsiteY956" fmla="*/ 309325 h 800786"/>
                <a:gd name="connsiteX957" fmla="*/ 387542 w 2044700"/>
                <a:gd name="connsiteY957" fmla="*/ 310950 h 800786"/>
                <a:gd name="connsiteX958" fmla="*/ 384290 w 2044700"/>
                <a:gd name="connsiteY958" fmla="*/ 307701 h 800786"/>
                <a:gd name="connsiteX959" fmla="*/ 385916 w 2044700"/>
                <a:gd name="connsiteY959" fmla="*/ 299579 h 800786"/>
                <a:gd name="connsiteX960" fmla="*/ 381039 w 2044700"/>
                <a:gd name="connsiteY960" fmla="*/ 294706 h 800786"/>
                <a:gd name="connsiteX961" fmla="*/ 381039 w 2044700"/>
                <a:gd name="connsiteY961" fmla="*/ 288208 h 800786"/>
                <a:gd name="connsiteX962" fmla="*/ 397296 w 2044700"/>
                <a:gd name="connsiteY962" fmla="*/ 288208 h 800786"/>
                <a:gd name="connsiteX963" fmla="*/ 403799 w 2044700"/>
                <a:gd name="connsiteY963" fmla="*/ 293081 h 800786"/>
                <a:gd name="connsiteX964" fmla="*/ 407051 w 2044700"/>
                <a:gd name="connsiteY964" fmla="*/ 294706 h 800786"/>
                <a:gd name="connsiteX965" fmla="*/ 408676 w 2044700"/>
                <a:gd name="connsiteY965" fmla="*/ 297955 h 800786"/>
                <a:gd name="connsiteX966" fmla="*/ 415179 w 2044700"/>
                <a:gd name="connsiteY966" fmla="*/ 299579 h 800786"/>
                <a:gd name="connsiteX967" fmla="*/ 416805 w 2044700"/>
                <a:gd name="connsiteY967" fmla="*/ 304452 h 800786"/>
                <a:gd name="connsiteX968" fmla="*/ 420057 w 2044700"/>
                <a:gd name="connsiteY968" fmla="*/ 307701 h 800786"/>
                <a:gd name="connsiteX969" fmla="*/ 420057 w 2044700"/>
                <a:gd name="connsiteY969" fmla="*/ 309325 h 800786"/>
                <a:gd name="connsiteX970" fmla="*/ 423308 w 2044700"/>
                <a:gd name="connsiteY970" fmla="*/ 310950 h 800786"/>
                <a:gd name="connsiteX971" fmla="*/ 429811 w 2044700"/>
                <a:gd name="connsiteY971" fmla="*/ 310950 h 800786"/>
                <a:gd name="connsiteX972" fmla="*/ 429811 w 2044700"/>
                <a:gd name="connsiteY972" fmla="*/ 314199 h 800786"/>
                <a:gd name="connsiteX973" fmla="*/ 434689 w 2044700"/>
                <a:gd name="connsiteY973" fmla="*/ 317448 h 800786"/>
                <a:gd name="connsiteX974" fmla="*/ 436314 w 2044700"/>
                <a:gd name="connsiteY974" fmla="*/ 319072 h 800786"/>
                <a:gd name="connsiteX975" fmla="*/ 439566 w 2044700"/>
                <a:gd name="connsiteY975" fmla="*/ 319072 h 800786"/>
                <a:gd name="connsiteX976" fmla="*/ 444443 w 2044700"/>
                <a:gd name="connsiteY976" fmla="*/ 319072 h 800786"/>
                <a:gd name="connsiteX977" fmla="*/ 437940 w 2044700"/>
                <a:gd name="connsiteY977" fmla="*/ 315823 h 800786"/>
                <a:gd name="connsiteX978" fmla="*/ 436314 w 2044700"/>
                <a:gd name="connsiteY978" fmla="*/ 310950 h 800786"/>
                <a:gd name="connsiteX979" fmla="*/ 433063 w 2044700"/>
                <a:gd name="connsiteY979" fmla="*/ 310950 h 800786"/>
                <a:gd name="connsiteX980" fmla="*/ 429811 w 2044700"/>
                <a:gd name="connsiteY980" fmla="*/ 307701 h 800786"/>
                <a:gd name="connsiteX981" fmla="*/ 423308 w 2044700"/>
                <a:gd name="connsiteY981" fmla="*/ 302828 h 800786"/>
                <a:gd name="connsiteX982" fmla="*/ 426560 w 2044700"/>
                <a:gd name="connsiteY982" fmla="*/ 296330 h 800786"/>
                <a:gd name="connsiteX983" fmla="*/ 431437 w 2044700"/>
                <a:gd name="connsiteY983" fmla="*/ 294706 h 800786"/>
                <a:gd name="connsiteX984" fmla="*/ 436314 w 2044700"/>
                <a:gd name="connsiteY984" fmla="*/ 296330 h 800786"/>
                <a:gd name="connsiteX985" fmla="*/ 442817 w 2044700"/>
                <a:gd name="connsiteY985" fmla="*/ 297955 h 800786"/>
                <a:gd name="connsiteX986" fmla="*/ 447695 w 2044700"/>
                <a:gd name="connsiteY986" fmla="*/ 302828 h 800786"/>
                <a:gd name="connsiteX987" fmla="*/ 452572 w 2044700"/>
                <a:gd name="connsiteY987" fmla="*/ 306077 h 800786"/>
                <a:gd name="connsiteX988" fmla="*/ 457449 w 2044700"/>
                <a:gd name="connsiteY988" fmla="*/ 307701 h 800786"/>
                <a:gd name="connsiteX989" fmla="*/ 460701 w 2044700"/>
                <a:gd name="connsiteY989" fmla="*/ 310950 h 800786"/>
                <a:gd name="connsiteX990" fmla="*/ 467204 w 2044700"/>
                <a:gd name="connsiteY990" fmla="*/ 312574 h 800786"/>
                <a:gd name="connsiteX991" fmla="*/ 467204 w 2044700"/>
                <a:gd name="connsiteY991" fmla="*/ 310950 h 800786"/>
                <a:gd name="connsiteX992" fmla="*/ 463952 w 2044700"/>
                <a:gd name="connsiteY992" fmla="*/ 307701 h 800786"/>
                <a:gd name="connsiteX993" fmla="*/ 460701 w 2044700"/>
                <a:gd name="connsiteY993" fmla="*/ 302828 h 800786"/>
                <a:gd name="connsiteX994" fmla="*/ 457449 w 2044700"/>
                <a:gd name="connsiteY994" fmla="*/ 299579 h 800786"/>
                <a:gd name="connsiteX995" fmla="*/ 452572 w 2044700"/>
                <a:gd name="connsiteY995" fmla="*/ 297955 h 800786"/>
                <a:gd name="connsiteX996" fmla="*/ 447695 w 2044700"/>
                <a:gd name="connsiteY996" fmla="*/ 297955 h 800786"/>
                <a:gd name="connsiteX997" fmla="*/ 447695 w 2044700"/>
                <a:gd name="connsiteY997" fmla="*/ 293081 h 800786"/>
                <a:gd name="connsiteX998" fmla="*/ 442817 w 2044700"/>
                <a:gd name="connsiteY998" fmla="*/ 291457 h 800786"/>
                <a:gd name="connsiteX999" fmla="*/ 437940 w 2044700"/>
                <a:gd name="connsiteY999" fmla="*/ 291457 h 800786"/>
                <a:gd name="connsiteX1000" fmla="*/ 441192 w 2044700"/>
                <a:gd name="connsiteY1000" fmla="*/ 284959 h 800786"/>
                <a:gd name="connsiteX1001" fmla="*/ 449320 w 2044700"/>
                <a:gd name="connsiteY1001" fmla="*/ 283335 h 800786"/>
                <a:gd name="connsiteX1002" fmla="*/ 449320 w 2044700"/>
                <a:gd name="connsiteY1002" fmla="*/ 288208 h 800786"/>
                <a:gd name="connsiteX1003" fmla="*/ 457449 w 2044700"/>
                <a:gd name="connsiteY1003" fmla="*/ 283335 h 800786"/>
                <a:gd name="connsiteX1004" fmla="*/ 460701 w 2044700"/>
                <a:gd name="connsiteY1004" fmla="*/ 286584 h 800786"/>
                <a:gd name="connsiteX1005" fmla="*/ 465578 w 2044700"/>
                <a:gd name="connsiteY1005" fmla="*/ 286584 h 800786"/>
                <a:gd name="connsiteX1006" fmla="*/ 467204 w 2044700"/>
                <a:gd name="connsiteY1006" fmla="*/ 283335 h 800786"/>
                <a:gd name="connsiteX1007" fmla="*/ 471065 w 2044700"/>
                <a:gd name="connsiteY1007" fmla="*/ 282116 h 800786"/>
                <a:gd name="connsiteX1008" fmla="*/ 301777 w 2044700"/>
                <a:gd name="connsiteY1008" fmla="*/ 280114 h 800786"/>
                <a:gd name="connsiteX1009" fmla="*/ 308267 w 2044700"/>
                <a:gd name="connsiteY1009" fmla="*/ 280114 h 800786"/>
                <a:gd name="connsiteX1010" fmla="*/ 311512 w 2044700"/>
                <a:gd name="connsiteY1010" fmla="*/ 281730 h 800786"/>
                <a:gd name="connsiteX1011" fmla="*/ 313135 w 2044700"/>
                <a:gd name="connsiteY1011" fmla="*/ 289809 h 800786"/>
                <a:gd name="connsiteX1012" fmla="*/ 314758 w 2044700"/>
                <a:gd name="connsiteY1012" fmla="*/ 297888 h 800786"/>
                <a:gd name="connsiteX1013" fmla="*/ 318003 w 2044700"/>
                <a:gd name="connsiteY1013" fmla="*/ 304352 h 800786"/>
                <a:gd name="connsiteX1014" fmla="*/ 316380 w 2044700"/>
                <a:gd name="connsiteY1014" fmla="*/ 305968 h 800786"/>
                <a:gd name="connsiteX1015" fmla="*/ 326115 w 2044700"/>
                <a:gd name="connsiteY1015" fmla="*/ 309199 h 800786"/>
                <a:gd name="connsiteX1016" fmla="*/ 327738 w 2044700"/>
                <a:gd name="connsiteY1016" fmla="*/ 312431 h 800786"/>
                <a:gd name="connsiteX1017" fmla="*/ 322870 w 2044700"/>
                <a:gd name="connsiteY1017" fmla="*/ 315663 h 800786"/>
                <a:gd name="connsiteX1018" fmla="*/ 330983 w 2044700"/>
                <a:gd name="connsiteY1018" fmla="*/ 314047 h 800786"/>
                <a:gd name="connsiteX1019" fmla="*/ 337473 w 2044700"/>
                <a:gd name="connsiteY1019" fmla="*/ 314047 h 800786"/>
                <a:gd name="connsiteX1020" fmla="*/ 342340 w 2044700"/>
                <a:gd name="connsiteY1020" fmla="*/ 317279 h 800786"/>
                <a:gd name="connsiteX1021" fmla="*/ 343963 w 2044700"/>
                <a:gd name="connsiteY1021" fmla="*/ 312431 h 800786"/>
                <a:gd name="connsiteX1022" fmla="*/ 347208 w 2044700"/>
                <a:gd name="connsiteY1022" fmla="*/ 310815 h 800786"/>
                <a:gd name="connsiteX1023" fmla="*/ 356943 w 2044700"/>
                <a:gd name="connsiteY1023" fmla="*/ 309199 h 800786"/>
                <a:gd name="connsiteX1024" fmla="*/ 366678 w 2044700"/>
                <a:gd name="connsiteY1024" fmla="*/ 312431 h 800786"/>
                <a:gd name="connsiteX1025" fmla="*/ 368301 w 2044700"/>
                <a:gd name="connsiteY1025" fmla="*/ 317279 h 800786"/>
                <a:gd name="connsiteX1026" fmla="*/ 368301 w 2044700"/>
                <a:gd name="connsiteY1026" fmla="*/ 322126 h 800786"/>
                <a:gd name="connsiteX1027" fmla="*/ 365056 w 2044700"/>
                <a:gd name="connsiteY1027" fmla="*/ 325358 h 800786"/>
                <a:gd name="connsiteX1028" fmla="*/ 365056 w 2044700"/>
                <a:gd name="connsiteY1028" fmla="*/ 328590 h 800786"/>
                <a:gd name="connsiteX1029" fmla="*/ 361811 w 2044700"/>
                <a:gd name="connsiteY1029" fmla="*/ 336669 h 800786"/>
                <a:gd name="connsiteX1030" fmla="*/ 356943 w 2044700"/>
                <a:gd name="connsiteY1030" fmla="*/ 339901 h 800786"/>
                <a:gd name="connsiteX1031" fmla="*/ 356943 w 2044700"/>
                <a:gd name="connsiteY1031" fmla="*/ 344748 h 800786"/>
                <a:gd name="connsiteX1032" fmla="*/ 352076 w 2044700"/>
                <a:gd name="connsiteY1032" fmla="*/ 346364 h 800786"/>
                <a:gd name="connsiteX1033" fmla="*/ 347208 w 2044700"/>
                <a:gd name="connsiteY1033" fmla="*/ 349596 h 800786"/>
                <a:gd name="connsiteX1034" fmla="*/ 342340 w 2044700"/>
                <a:gd name="connsiteY1034" fmla="*/ 349596 h 800786"/>
                <a:gd name="connsiteX1035" fmla="*/ 339095 w 2044700"/>
                <a:gd name="connsiteY1035" fmla="*/ 351212 h 800786"/>
                <a:gd name="connsiteX1036" fmla="*/ 334228 w 2044700"/>
                <a:gd name="connsiteY1036" fmla="*/ 351212 h 800786"/>
                <a:gd name="connsiteX1037" fmla="*/ 329360 w 2044700"/>
                <a:gd name="connsiteY1037" fmla="*/ 349596 h 800786"/>
                <a:gd name="connsiteX1038" fmla="*/ 327738 w 2044700"/>
                <a:gd name="connsiteY1038" fmla="*/ 346364 h 800786"/>
                <a:gd name="connsiteX1039" fmla="*/ 322870 w 2044700"/>
                <a:gd name="connsiteY1039" fmla="*/ 347980 h 800786"/>
                <a:gd name="connsiteX1040" fmla="*/ 319625 w 2044700"/>
                <a:gd name="connsiteY1040" fmla="*/ 351212 h 800786"/>
                <a:gd name="connsiteX1041" fmla="*/ 316380 w 2044700"/>
                <a:gd name="connsiteY1041" fmla="*/ 349596 h 800786"/>
                <a:gd name="connsiteX1042" fmla="*/ 311512 w 2044700"/>
                <a:gd name="connsiteY1042" fmla="*/ 347980 h 800786"/>
                <a:gd name="connsiteX1043" fmla="*/ 301777 w 2044700"/>
                <a:gd name="connsiteY1043" fmla="*/ 349596 h 800786"/>
                <a:gd name="connsiteX1044" fmla="*/ 298532 w 2044700"/>
                <a:gd name="connsiteY1044" fmla="*/ 349596 h 800786"/>
                <a:gd name="connsiteX1045" fmla="*/ 292042 w 2044700"/>
                <a:gd name="connsiteY1045" fmla="*/ 354443 h 800786"/>
                <a:gd name="connsiteX1046" fmla="*/ 288797 w 2044700"/>
                <a:gd name="connsiteY1046" fmla="*/ 354443 h 800786"/>
                <a:gd name="connsiteX1047" fmla="*/ 280685 w 2044700"/>
                <a:gd name="connsiteY1047" fmla="*/ 356059 h 800786"/>
                <a:gd name="connsiteX1048" fmla="*/ 280685 w 2044700"/>
                <a:gd name="connsiteY1048" fmla="*/ 354443 h 800786"/>
                <a:gd name="connsiteX1049" fmla="*/ 279062 w 2044700"/>
                <a:gd name="connsiteY1049" fmla="*/ 354443 h 800786"/>
                <a:gd name="connsiteX1050" fmla="*/ 272572 w 2044700"/>
                <a:gd name="connsiteY1050" fmla="*/ 357675 h 800786"/>
                <a:gd name="connsiteX1051" fmla="*/ 269327 w 2044700"/>
                <a:gd name="connsiteY1051" fmla="*/ 359291 h 800786"/>
                <a:gd name="connsiteX1052" fmla="*/ 256347 w 2044700"/>
                <a:gd name="connsiteY1052" fmla="*/ 364138 h 800786"/>
                <a:gd name="connsiteX1053" fmla="*/ 241744 w 2044700"/>
                <a:gd name="connsiteY1053" fmla="*/ 367370 h 800786"/>
                <a:gd name="connsiteX1054" fmla="*/ 232009 w 2044700"/>
                <a:gd name="connsiteY1054" fmla="*/ 368986 h 800786"/>
                <a:gd name="connsiteX1055" fmla="*/ 222274 w 2044700"/>
                <a:gd name="connsiteY1055" fmla="*/ 367370 h 800786"/>
                <a:gd name="connsiteX1056" fmla="*/ 214161 w 2044700"/>
                <a:gd name="connsiteY1056" fmla="*/ 364138 h 800786"/>
                <a:gd name="connsiteX1057" fmla="*/ 209294 w 2044700"/>
                <a:gd name="connsiteY1057" fmla="*/ 360907 h 800786"/>
                <a:gd name="connsiteX1058" fmla="*/ 207671 w 2044700"/>
                <a:gd name="connsiteY1058" fmla="*/ 357675 h 800786"/>
                <a:gd name="connsiteX1059" fmla="*/ 220651 w 2044700"/>
                <a:gd name="connsiteY1059" fmla="*/ 352827 h 800786"/>
                <a:gd name="connsiteX1060" fmla="*/ 225519 w 2044700"/>
                <a:gd name="connsiteY1060" fmla="*/ 351212 h 800786"/>
                <a:gd name="connsiteX1061" fmla="*/ 232009 w 2044700"/>
                <a:gd name="connsiteY1061" fmla="*/ 347980 h 800786"/>
                <a:gd name="connsiteX1062" fmla="*/ 238499 w 2044700"/>
                <a:gd name="connsiteY1062" fmla="*/ 346364 h 800786"/>
                <a:gd name="connsiteX1063" fmla="*/ 249857 w 2044700"/>
                <a:gd name="connsiteY1063" fmla="*/ 346364 h 800786"/>
                <a:gd name="connsiteX1064" fmla="*/ 257969 w 2044700"/>
                <a:gd name="connsiteY1064" fmla="*/ 344748 h 800786"/>
                <a:gd name="connsiteX1065" fmla="*/ 261214 w 2044700"/>
                <a:gd name="connsiteY1065" fmla="*/ 343132 h 800786"/>
                <a:gd name="connsiteX1066" fmla="*/ 267704 w 2044700"/>
                <a:gd name="connsiteY1066" fmla="*/ 339901 h 800786"/>
                <a:gd name="connsiteX1067" fmla="*/ 267704 w 2044700"/>
                <a:gd name="connsiteY1067" fmla="*/ 336669 h 800786"/>
                <a:gd name="connsiteX1068" fmla="*/ 262837 w 2044700"/>
                <a:gd name="connsiteY1068" fmla="*/ 338285 h 800786"/>
                <a:gd name="connsiteX1069" fmla="*/ 257969 w 2044700"/>
                <a:gd name="connsiteY1069" fmla="*/ 339901 h 800786"/>
                <a:gd name="connsiteX1070" fmla="*/ 254724 w 2044700"/>
                <a:gd name="connsiteY1070" fmla="*/ 341516 h 800786"/>
                <a:gd name="connsiteX1071" fmla="*/ 248234 w 2044700"/>
                <a:gd name="connsiteY1071" fmla="*/ 344748 h 800786"/>
                <a:gd name="connsiteX1072" fmla="*/ 244989 w 2044700"/>
                <a:gd name="connsiteY1072" fmla="*/ 341516 h 800786"/>
                <a:gd name="connsiteX1073" fmla="*/ 241744 w 2044700"/>
                <a:gd name="connsiteY1073" fmla="*/ 341516 h 800786"/>
                <a:gd name="connsiteX1074" fmla="*/ 238499 w 2044700"/>
                <a:gd name="connsiteY1074" fmla="*/ 339901 h 800786"/>
                <a:gd name="connsiteX1075" fmla="*/ 233632 w 2044700"/>
                <a:gd name="connsiteY1075" fmla="*/ 343132 h 800786"/>
                <a:gd name="connsiteX1076" fmla="*/ 230386 w 2044700"/>
                <a:gd name="connsiteY1076" fmla="*/ 343132 h 800786"/>
                <a:gd name="connsiteX1077" fmla="*/ 225519 w 2044700"/>
                <a:gd name="connsiteY1077" fmla="*/ 344748 h 800786"/>
                <a:gd name="connsiteX1078" fmla="*/ 220651 w 2044700"/>
                <a:gd name="connsiteY1078" fmla="*/ 347980 h 800786"/>
                <a:gd name="connsiteX1079" fmla="*/ 215784 w 2044700"/>
                <a:gd name="connsiteY1079" fmla="*/ 346364 h 800786"/>
                <a:gd name="connsiteX1080" fmla="*/ 215784 w 2044700"/>
                <a:gd name="connsiteY1080" fmla="*/ 343132 h 800786"/>
                <a:gd name="connsiteX1081" fmla="*/ 219029 w 2044700"/>
                <a:gd name="connsiteY1081" fmla="*/ 336669 h 800786"/>
                <a:gd name="connsiteX1082" fmla="*/ 212539 w 2044700"/>
                <a:gd name="connsiteY1082" fmla="*/ 333437 h 800786"/>
                <a:gd name="connsiteX1083" fmla="*/ 210916 w 2044700"/>
                <a:gd name="connsiteY1083" fmla="*/ 341516 h 800786"/>
                <a:gd name="connsiteX1084" fmla="*/ 206049 w 2044700"/>
                <a:gd name="connsiteY1084" fmla="*/ 339901 h 800786"/>
                <a:gd name="connsiteX1085" fmla="*/ 206049 w 2044700"/>
                <a:gd name="connsiteY1085" fmla="*/ 344748 h 800786"/>
                <a:gd name="connsiteX1086" fmla="*/ 201181 w 2044700"/>
                <a:gd name="connsiteY1086" fmla="*/ 347980 h 800786"/>
                <a:gd name="connsiteX1087" fmla="*/ 191446 w 2044700"/>
                <a:gd name="connsiteY1087" fmla="*/ 347980 h 800786"/>
                <a:gd name="connsiteX1088" fmla="*/ 188201 w 2044700"/>
                <a:gd name="connsiteY1088" fmla="*/ 346364 h 800786"/>
                <a:gd name="connsiteX1089" fmla="*/ 184956 w 2044700"/>
                <a:gd name="connsiteY1089" fmla="*/ 344748 h 800786"/>
                <a:gd name="connsiteX1090" fmla="*/ 180088 w 2044700"/>
                <a:gd name="connsiteY1090" fmla="*/ 346364 h 800786"/>
                <a:gd name="connsiteX1091" fmla="*/ 176843 w 2044700"/>
                <a:gd name="connsiteY1091" fmla="*/ 346364 h 800786"/>
                <a:gd name="connsiteX1092" fmla="*/ 171976 w 2044700"/>
                <a:gd name="connsiteY1092" fmla="*/ 343132 h 800786"/>
                <a:gd name="connsiteX1093" fmla="*/ 170353 w 2044700"/>
                <a:gd name="connsiteY1093" fmla="*/ 339901 h 800786"/>
                <a:gd name="connsiteX1094" fmla="*/ 165486 w 2044700"/>
                <a:gd name="connsiteY1094" fmla="*/ 341516 h 800786"/>
                <a:gd name="connsiteX1095" fmla="*/ 163863 w 2044700"/>
                <a:gd name="connsiteY1095" fmla="*/ 343132 h 800786"/>
                <a:gd name="connsiteX1096" fmla="*/ 157373 w 2044700"/>
                <a:gd name="connsiteY1096" fmla="*/ 343132 h 800786"/>
                <a:gd name="connsiteX1097" fmla="*/ 154128 w 2044700"/>
                <a:gd name="connsiteY1097" fmla="*/ 339901 h 800786"/>
                <a:gd name="connsiteX1098" fmla="*/ 150883 w 2044700"/>
                <a:gd name="connsiteY1098" fmla="*/ 339901 h 800786"/>
                <a:gd name="connsiteX1099" fmla="*/ 149260 w 2044700"/>
                <a:gd name="connsiteY1099" fmla="*/ 333437 h 800786"/>
                <a:gd name="connsiteX1100" fmla="*/ 152505 w 2044700"/>
                <a:gd name="connsiteY1100" fmla="*/ 331821 h 800786"/>
                <a:gd name="connsiteX1101" fmla="*/ 155750 w 2044700"/>
                <a:gd name="connsiteY1101" fmla="*/ 330205 h 800786"/>
                <a:gd name="connsiteX1102" fmla="*/ 163863 w 2044700"/>
                <a:gd name="connsiteY1102" fmla="*/ 330205 h 800786"/>
                <a:gd name="connsiteX1103" fmla="*/ 170353 w 2044700"/>
                <a:gd name="connsiteY1103" fmla="*/ 331821 h 800786"/>
                <a:gd name="connsiteX1104" fmla="*/ 175221 w 2044700"/>
                <a:gd name="connsiteY1104" fmla="*/ 331821 h 800786"/>
                <a:gd name="connsiteX1105" fmla="*/ 176843 w 2044700"/>
                <a:gd name="connsiteY1105" fmla="*/ 330205 h 800786"/>
                <a:gd name="connsiteX1106" fmla="*/ 183333 w 2044700"/>
                <a:gd name="connsiteY1106" fmla="*/ 326974 h 800786"/>
                <a:gd name="connsiteX1107" fmla="*/ 188201 w 2044700"/>
                <a:gd name="connsiteY1107" fmla="*/ 325358 h 800786"/>
                <a:gd name="connsiteX1108" fmla="*/ 181711 w 2044700"/>
                <a:gd name="connsiteY1108" fmla="*/ 325358 h 800786"/>
                <a:gd name="connsiteX1109" fmla="*/ 173598 w 2044700"/>
                <a:gd name="connsiteY1109" fmla="*/ 326974 h 800786"/>
                <a:gd name="connsiteX1110" fmla="*/ 168731 w 2044700"/>
                <a:gd name="connsiteY1110" fmla="*/ 328590 h 800786"/>
                <a:gd name="connsiteX1111" fmla="*/ 162241 w 2044700"/>
                <a:gd name="connsiteY1111" fmla="*/ 326974 h 800786"/>
                <a:gd name="connsiteX1112" fmla="*/ 155750 w 2044700"/>
                <a:gd name="connsiteY1112" fmla="*/ 325358 h 800786"/>
                <a:gd name="connsiteX1113" fmla="*/ 158996 w 2044700"/>
                <a:gd name="connsiteY1113" fmla="*/ 322126 h 800786"/>
                <a:gd name="connsiteX1114" fmla="*/ 163863 w 2044700"/>
                <a:gd name="connsiteY1114" fmla="*/ 318894 h 800786"/>
                <a:gd name="connsiteX1115" fmla="*/ 168731 w 2044700"/>
                <a:gd name="connsiteY1115" fmla="*/ 317279 h 800786"/>
                <a:gd name="connsiteX1116" fmla="*/ 175221 w 2044700"/>
                <a:gd name="connsiteY1116" fmla="*/ 318894 h 800786"/>
                <a:gd name="connsiteX1117" fmla="*/ 181711 w 2044700"/>
                <a:gd name="connsiteY1117" fmla="*/ 317279 h 800786"/>
                <a:gd name="connsiteX1118" fmla="*/ 188201 w 2044700"/>
                <a:gd name="connsiteY1118" fmla="*/ 317279 h 800786"/>
                <a:gd name="connsiteX1119" fmla="*/ 194691 w 2044700"/>
                <a:gd name="connsiteY1119" fmla="*/ 315663 h 800786"/>
                <a:gd name="connsiteX1120" fmla="*/ 194691 w 2044700"/>
                <a:gd name="connsiteY1120" fmla="*/ 314047 h 800786"/>
                <a:gd name="connsiteX1121" fmla="*/ 188201 w 2044700"/>
                <a:gd name="connsiteY1121" fmla="*/ 314047 h 800786"/>
                <a:gd name="connsiteX1122" fmla="*/ 176843 w 2044700"/>
                <a:gd name="connsiteY1122" fmla="*/ 315663 h 800786"/>
                <a:gd name="connsiteX1123" fmla="*/ 171976 w 2044700"/>
                <a:gd name="connsiteY1123" fmla="*/ 315663 h 800786"/>
                <a:gd name="connsiteX1124" fmla="*/ 167108 w 2044700"/>
                <a:gd name="connsiteY1124" fmla="*/ 312431 h 800786"/>
                <a:gd name="connsiteX1125" fmla="*/ 167108 w 2044700"/>
                <a:gd name="connsiteY1125" fmla="*/ 307583 h 800786"/>
                <a:gd name="connsiteX1126" fmla="*/ 171976 w 2044700"/>
                <a:gd name="connsiteY1126" fmla="*/ 304352 h 800786"/>
                <a:gd name="connsiteX1127" fmla="*/ 176843 w 2044700"/>
                <a:gd name="connsiteY1127" fmla="*/ 304352 h 800786"/>
                <a:gd name="connsiteX1128" fmla="*/ 181711 w 2044700"/>
                <a:gd name="connsiteY1128" fmla="*/ 304352 h 800786"/>
                <a:gd name="connsiteX1129" fmla="*/ 180088 w 2044700"/>
                <a:gd name="connsiteY1129" fmla="*/ 301120 h 800786"/>
                <a:gd name="connsiteX1130" fmla="*/ 184956 w 2044700"/>
                <a:gd name="connsiteY1130" fmla="*/ 297888 h 800786"/>
                <a:gd name="connsiteX1131" fmla="*/ 186578 w 2044700"/>
                <a:gd name="connsiteY1131" fmla="*/ 294657 h 800786"/>
                <a:gd name="connsiteX1132" fmla="*/ 193068 w 2044700"/>
                <a:gd name="connsiteY1132" fmla="*/ 293041 h 800786"/>
                <a:gd name="connsiteX1133" fmla="*/ 201181 w 2044700"/>
                <a:gd name="connsiteY1133" fmla="*/ 293041 h 800786"/>
                <a:gd name="connsiteX1134" fmla="*/ 209294 w 2044700"/>
                <a:gd name="connsiteY1134" fmla="*/ 291425 h 800786"/>
                <a:gd name="connsiteX1135" fmla="*/ 212539 w 2044700"/>
                <a:gd name="connsiteY1135" fmla="*/ 296272 h 800786"/>
                <a:gd name="connsiteX1136" fmla="*/ 214161 w 2044700"/>
                <a:gd name="connsiteY1136" fmla="*/ 302736 h 800786"/>
                <a:gd name="connsiteX1137" fmla="*/ 217406 w 2044700"/>
                <a:gd name="connsiteY1137" fmla="*/ 302736 h 800786"/>
                <a:gd name="connsiteX1138" fmla="*/ 223896 w 2044700"/>
                <a:gd name="connsiteY1138" fmla="*/ 301120 h 800786"/>
                <a:gd name="connsiteX1139" fmla="*/ 227141 w 2044700"/>
                <a:gd name="connsiteY1139" fmla="*/ 301120 h 800786"/>
                <a:gd name="connsiteX1140" fmla="*/ 235254 w 2044700"/>
                <a:gd name="connsiteY1140" fmla="*/ 302736 h 800786"/>
                <a:gd name="connsiteX1141" fmla="*/ 240122 w 2044700"/>
                <a:gd name="connsiteY1141" fmla="*/ 307583 h 800786"/>
                <a:gd name="connsiteX1142" fmla="*/ 246612 w 2044700"/>
                <a:gd name="connsiteY1142" fmla="*/ 309199 h 800786"/>
                <a:gd name="connsiteX1143" fmla="*/ 249857 w 2044700"/>
                <a:gd name="connsiteY1143" fmla="*/ 312431 h 800786"/>
                <a:gd name="connsiteX1144" fmla="*/ 254724 w 2044700"/>
                <a:gd name="connsiteY1144" fmla="*/ 314047 h 800786"/>
                <a:gd name="connsiteX1145" fmla="*/ 259592 w 2044700"/>
                <a:gd name="connsiteY1145" fmla="*/ 315663 h 800786"/>
                <a:gd name="connsiteX1146" fmla="*/ 264459 w 2044700"/>
                <a:gd name="connsiteY1146" fmla="*/ 318894 h 800786"/>
                <a:gd name="connsiteX1147" fmla="*/ 262837 w 2044700"/>
                <a:gd name="connsiteY1147" fmla="*/ 323742 h 800786"/>
                <a:gd name="connsiteX1148" fmla="*/ 264459 w 2044700"/>
                <a:gd name="connsiteY1148" fmla="*/ 326974 h 800786"/>
                <a:gd name="connsiteX1149" fmla="*/ 270949 w 2044700"/>
                <a:gd name="connsiteY1149" fmla="*/ 325358 h 800786"/>
                <a:gd name="connsiteX1150" fmla="*/ 275817 w 2044700"/>
                <a:gd name="connsiteY1150" fmla="*/ 325358 h 800786"/>
                <a:gd name="connsiteX1151" fmla="*/ 279062 w 2044700"/>
                <a:gd name="connsiteY1151" fmla="*/ 325358 h 800786"/>
                <a:gd name="connsiteX1152" fmla="*/ 279062 w 2044700"/>
                <a:gd name="connsiteY1152" fmla="*/ 328590 h 800786"/>
                <a:gd name="connsiteX1153" fmla="*/ 285552 w 2044700"/>
                <a:gd name="connsiteY1153" fmla="*/ 328590 h 800786"/>
                <a:gd name="connsiteX1154" fmla="*/ 290420 w 2044700"/>
                <a:gd name="connsiteY1154" fmla="*/ 326974 h 800786"/>
                <a:gd name="connsiteX1155" fmla="*/ 295287 w 2044700"/>
                <a:gd name="connsiteY1155" fmla="*/ 326974 h 800786"/>
                <a:gd name="connsiteX1156" fmla="*/ 298532 w 2044700"/>
                <a:gd name="connsiteY1156" fmla="*/ 325358 h 800786"/>
                <a:gd name="connsiteX1157" fmla="*/ 301777 w 2044700"/>
                <a:gd name="connsiteY1157" fmla="*/ 325358 h 800786"/>
                <a:gd name="connsiteX1158" fmla="*/ 298532 w 2044700"/>
                <a:gd name="connsiteY1158" fmla="*/ 322126 h 800786"/>
                <a:gd name="connsiteX1159" fmla="*/ 295287 w 2044700"/>
                <a:gd name="connsiteY1159" fmla="*/ 320510 h 800786"/>
                <a:gd name="connsiteX1160" fmla="*/ 292042 w 2044700"/>
                <a:gd name="connsiteY1160" fmla="*/ 318894 h 800786"/>
                <a:gd name="connsiteX1161" fmla="*/ 287175 w 2044700"/>
                <a:gd name="connsiteY1161" fmla="*/ 318894 h 800786"/>
                <a:gd name="connsiteX1162" fmla="*/ 283930 w 2044700"/>
                <a:gd name="connsiteY1162" fmla="*/ 317279 h 800786"/>
                <a:gd name="connsiteX1163" fmla="*/ 287175 w 2044700"/>
                <a:gd name="connsiteY1163" fmla="*/ 314047 h 800786"/>
                <a:gd name="connsiteX1164" fmla="*/ 290420 w 2044700"/>
                <a:gd name="connsiteY1164" fmla="*/ 314047 h 800786"/>
                <a:gd name="connsiteX1165" fmla="*/ 293665 w 2044700"/>
                <a:gd name="connsiteY1165" fmla="*/ 310815 h 800786"/>
                <a:gd name="connsiteX1166" fmla="*/ 295287 w 2044700"/>
                <a:gd name="connsiteY1166" fmla="*/ 309199 h 800786"/>
                <a:gd name="connsiteX1167" fmla="*/ 292042 w 2044700"/>
                <a:gd name="connsiteY1167" fmla="*/ 305968 h 800786"/>
                <a:gd name="connsiteX1168" fmla="*/ 288797 w 2044700"/>
                <a:gd name="connsiteY1168" fmla="*/ 304352 h 800786"/>
                <a:gd name="connsiteX1169" fmla="*/ 285552 w 2044700"/>
                <a:gd name="connsiteY1169" fmla="*/ 302736 h 800786"/>
                <a:gd name="connsiteX1170" fmla="*/ 280685 w 2044700"/>
                <a:gd name="connsiteY1170" fmla="*/ 301120 h 800786"/>
                <a:gd name="connsiteX1171" fmla="*/ 282307 w 2044700"/>
                <a:gd name="connsiteY1171" fmla="*/ 296272 h 800786"/>
                <a:gd name="connsiteX1172" fmla="*/ 285552 w 2044700"/>
                <a:gd name="connsiteY1172" fmla="*/ 291425 h 800786"/>
                <a:gd name="connsiteX1173" fmla="*/ 288797 w 2044700"/>
                <a:gd name="connsiteY1173" fmla="*/ 289809 h 800786"/>
                <a:gd name="connsiteX1174" fmla="*/ 293665 w 2044700"/>
                <a:gd name="connsiteY1174" fmla="*/ 284961 h 800786"/>
                <a:gd name="connsiteX1175" fmla="*/ 296910 w 2044700"/>
                <a:gd name="connsiteY1175" fmla="*/ 281730 h 800786"/>
                <a:gd name="connsiteX1176" fmla="*/ 301777 w 2044700"/>
                <a:gd name="connsiteY1176" fmla="*/ 280114 h 800786"/>
                <a:gd name="connsiteX1177" fmla="*/ 201612 w 2044700"/>
                <a:gd name="connsiteY1177" fmla="*/ 278498 h 800786"/>
                <a:gd name="connsiteX1178" fmla="*/ 209550 w 2044700"/>
                <a:gd name="connsiteY1178" fmla="*/ 278498 h 800786"/>
                <a:gd name="connsiteX1179" fmla="*/ 214313 w 2044700"/>
                <a:gd name="connsiteY1179" fmla="*/ 278498 h 800786"/>
                <a:gd name="connsiteX1180" fmla="*/ 223838 w 2044700"/>
                <a:gd name="connsiteY1180" fmla="*/ 280085 h 800786"/>
                <a:gd name="connsiteX1181" fmla="*/ 223838 w 2044700"/>
                <a:gd name="connsiteY1181" fmla="*/ 283260 h 800786"/>
                <a:gd name="connsiteX1182" fmla="*/ 222250 w 2044700"/>
                <a:gd name="connsiteY1182" fmla="*/ 286435 h 800786"/>
                <a:gd name="connsiteX1183" fmla="*/ 219075 w 2044700"/>
                <a:gd name="connsiteY1183" fmla="*/ 286435 h 800786"/>
                <a:gd name="connsiteX1184" fmla="*/ 214313 w 2044700"/>
                <a:gd name="connsiteY1184" fmla="*/ 286435 h 800786"/>
                <a:gd name="connsiteX1185" fmla="*/ 209550 w 2044700"/>
                <a:gd name="connsiteY1185" fmla="*/ 286435 h 800786"/>
                <a:gd name="connsiteX1186" fmla="*/ 204787 w 2044700"/>
                <a:gd name="connsiteY1186" fmla="*/ 286435 h 800786"/>
                <a:gd name="connsiteX1187" fmla="*/ 201612 w 2044700"/>
                <a:gd name="connsiteY1187" fmla="*/ 283260 h 800786"/>
                <a:gd name="connsiteX1188" fmla="*/ 201612 w 2044700"/>
                <a:gd name="connsiteY1188" fmla="*/ 278498 h 800786"/>
                <a:gd name="connsiteX1189" fmla="*/ 533702 w 2044700"/>
                <a:gd name="connsiteY1189" fmla="*/ 273736 h 800786"/>
                <a:gd name="connsiteX1190" fmla="*/ 545079 w 2044700"/>
                <a:gd name="connsiteY1190" fmla="*/ 273736 h 800786"/>
                <a:gd name="connsiteX1191" fmla="*/ 553206 w 2044700"/>
                <a:gd name="connsiteY1191" fmla="*/ 275323 h 800786"/>
                <a:gd name="connsiteX1192" fmla="*/ 559707 w 2044700"/>
                <a:gd name="connsiteY1192" fmla="*/ 276911 h 800786"/>
                <a:gd name="connsiteX1193" fmla="*/ 562958 w 2044700"/>
                <a:gd name="connsiteY1193" fmla="*/ 276911 h 800786"/>
                <a:gd name="connsiteX1194" fmla="*/ 564583 w 2044700"/>
                <a:gd name="connsiteY1194" fmla="*/ 278499 h 800786"/>
                <a:gd name="connsiteX1195" fmla="*/ 569459 w 2044700"/>
                <a:gd name="connsiteY1195" fmla="*/ 276911 h 800786"/>
                <a:gd name="connsiteX1196" fmla="*/ 574335 w 2044700"/>
                <a:gd name="connsiteY1196" fmla="*/ 278499 h 800786"/>
                <a:gd name="connsiteX1197" fmla="*/ 580836 w 2044700"/>
                <a:gd name="connsiteY1197" fmla="*/ 280086 h 800786"/>
                <a:gd name="connsiteX1198" fmla="*/ 585712 w 2044700"/>
                <a:gd name="connsiteY1198" fmla="*/ 286436 h 800786"/>
                <a:gd name="connsiteX1199" fmla="*/ 584087 w 2044700"/>
                <a:gd name="connsiteY1199" fmla="*/ 291199 h 800786"/>
                <a:gd name="connsiteX1200" fmla="*/ 580836 w 2044700"/>
                <a:gd name="connsiteY1200" fmla="*/ 294374 h 800786"/>
                <a:gd name="connsiteX1201" fmla="*/ 582462 w 2044700"/>
                <a:gd name="connsiteY1201" fmla="*/ 297549 h 800786"/>
                <a:gd name="connsiteX1202" fmla="*/ 580836 w 2044700"/>
                <a:gd name="connsiteY1202" fmla="*/ 300724 h 800786"/>
                <a:gd name="connsiteX1203" fmla="*/ 577586 w 2044700"/>
                <a:gd name="connsiteY1203" fmla="*/ 302311 h 800786"/>
                <a:gd name="connsiteX1204" fmla="*/ 569459 w 2044700"/>
                <a:gd name="connsiteY1204" fmla="*/ 303899 h 800786"/>
                <a:gd name="connsiteX1205" fmla="*/ 564583 w 2044700"/>
                <a:gd name="connsiteY1205" fmla="*/ 303899 h 800786"/>
                <a:gd name="connsiteX1206" fmla="*/ 559707 w 2044700"/>
                <a:gd name="connsiteY1206" fmla="*/ 302311 h 800786"/>
                <a:gd name="connsiteX1207" fmla="*/ 554831 w 2044700"/>
                <a:gd name="connsiteY1207" fmla="*/ 300724 h 800786"/>
                <a:gd name="connsiteX1208" fmla="*/ 551581 w 2044700"/>
                <a:gd name="connsiteY1208" fmla="*/ 299136 h 800786"/>
                <a:gd name="connsiteX1209" fmla="*/ 548330 w 2044700"/>
                <a:gd name="connsiteY1209" fmla="*/ 297549 h 800786"/>
                <a:gd name="connsiteX1210" fmla="*/ 546705 w 2044700"/>
                <a:gd name="connsiteY1210" fmla="*/ 297549 h 800786"/>
                <a:gd name="connsiteX1211" fmla="*/ 541829 w 2044700"/>
                <a:gd name="connsiteY1211" fmla="*/ 297549 h 800786"/>
                <a:gd name="connsiteX1212" fmla="*/ 536953 w 2044700"/>
                <a:gd name="connsiteY1212" fmla="*/ 295961 h 800786"/>
                <a:gd name="connsiteX1213" fmla="*/ 538578 w 2044700"/>
                <a:gd name="connsiteY1213" fmla="*/ 292786 h 800786"/>
                <a:gd name="connsiteX1214" fmla="*/ 535328 w 2044700"/>
                <a:gd name="connsiteY1214" fmla="*/ 291199 h 800786"/>
                <a:gd name="connsiteX1215" fmla="*/ 530452 w 2044700"/>
                <a:gd name="connsiteY1215" fmla="*/ 291199 h 800786"/>
                <a:gd name="connsiteX1216" fmla="*/ 527201 w 2044700"/>
                <a:gd name="connsiteY1216" fmla="*/ 288024 h 800786"/>
                <a:gd name="connsiteX1217" fmla="*/ 522325 w 2044700"/>
                <a:gd name="connsiteY1217" fmla="*/ 286436 h 800786"/>
                <a:gd name="connsiteX1218" fmla="*/ 520700 w 2044700"/>
                <a:gd name="connsiteY1218" fmla="*/ 283261 h 800786"/>
                <a:gd name="connsiteX1219" fmla="*/ 522325 w 2044700"/>
                <a:gd name="connsiteY1219" fmla="*/ 278499 h 800786"/>
                <a:gd name="connsiteX1220" fmla="*/ 525576 w 2044700"/>
                <a:gd name="connsiteY1220" fmla="*/ 276911 h 800786"/>
                <a:gd name="connsiteX1221" fmla="*/ 533702 w 2044700"/>
                <a:gd name="connsiteY1221" fmla="*/ 273736 h 800786"/>
                <a:gd name="connsiteX1222" fmla="*/ 159994 w 2044700"/>
                <a:gd name="connsiteY1222" fmla="*/ 253137 h 800786"/>
                <a:gd name="connsiteX1223" fmla="*/ 169633 w 2044700"/>
                <a:gd name="connsiteY1223" fmla="*/ 254763 h 800786"/>
                <a:gd name="connsiteX1224" fmla="*/ 177666 w 2044700"/>
                <a:gd name="connsiteY1224" fmla="*/ 253137 h 800786"/>
                <a:gd name="connsiteX1225" fmla="*/ 182486 w 2044700"/>
                <a:gd name="connsiteY1225" fmla="*/ 256390 h 800786"/>
                <a:gd name="connsiteX1226" fmla="*/ 188913 w 2044700"/>
                <a:gd name="connsiteY1226" fmla="*/ 261268 h 800786"/>
                <a:gd name="connsiteX1227" fmla="*/ 182486 w 2044700"/>
                <a:gd name="connsiteY1227" fmla="*/ 266147 h 800786"/>
                <a:gd name="connsiteX1228" fmla="*/ 176060 w 2044700"/>
                <a:gd name="connsiteY1228" fmla="*/ 267773 h 800786"/>
                <a:gd name="connsiteX1229" fmla="*/ 176060 w 2044700"/>
                <a:gd name="connsiteY1229" fmla="*/ 271026 h 800786"/>
                <a:gd name="connsiteX1230" fmla="*/ 179273 w 2044700"/>
                <a:gd name="connsiteY1230" fmla="*/ 277530 h 800786"/>
                <a:gd name="connsiteX1231" fmla="*/ 174453 w 2044700"/>
                <a:gd name="connsiteY1231" fmla="*/ 279157 h 800786"/>
                <a:gd name="connsiteX1232" fmla="*/ 177666 w 2044700"/>
                <a:gd name="connsiteY1232" fmla="*/ 284035 h 800786"/>
                <a:gd name="connsiteX1233" fmla="*/ 177666 w 2044700"/>
                <a:gd name="connsiteY1233" fmla="*/ 287288 h 800786"/>
                <a:gd name="connsiteX1234" fmla="*/ 169633 w 2044700"/>
                <a:gd name="connsiteY1234" fmla="*/ 290540 h 800786"/>
                <a:gd name="connsiteX1235" fmla="*/ 164813 w 2044700"/>
                <a:gd name="connsiteY1235" fmla="*/ 290540 h 800786"/>
                <a:gd name="connsiteX1236" fmla="*/ 161600 w 2044700"/>
                <a:gd name="connsiteY1236" fmla="*/ 290540 h 800786"/>
                <a:gd name="connsiteX1237" fmla="*/ 159994 w 2044700"/>
                <a:gd name="connsiteY1237" fmla="*/ 295419 h 800786"/>
                <a:gd name="connsiteX1238" fmla="*/ 159994 w 2044700"/>
                <a:gd name="connsiteY1238" fmla="*/ 298671 h 800786"/>
                <a:gd name="connsiteX1239" fmla="*/ 153567 w 2044700"/>
                <a:gd name="connsiteY1239" fmla="*/ 300298 h 800786"/>
                <a:gd name="connsiteX1240" fmla="*/ 145534 w 2044700"/>
                <a:gd name="connsiteY1240" fmla="*/ 300298 h 800786"/>
                <a:gd name="connsiteX1241" fmla="*/ 142321 w 2044700"/>
                <a:gd name="connsiteY1241" fmla="*/ 295419 h 800786"/>
                <a:gd name="connsiteX1242" fmla="*/ 142321 w 2044700"/>
                <a:gd name="connsiteY1242" fmla="*/ 290540 h 800786"/>
                <a:gd name="connsiteX1243" fmla="*/ 143927 w 2044700"/>
                <a:gd name="connsiteY1243" fmla="*/ 285662 h 800786"/>
                <a:gd name="connsiteX1244" fmla="*/ 137501 w 2044700"/>
                <a:gd name="connsiteY1244" fmla="*/ 284035 h 800786"/>
                <a:gd name="connsiteX1245" fmla="*/ 135894 w 2044700"/>
                <a:gd name="connsiteY1245" fmla="*/ 287288 h 800786"/>
                <a:gd name="connsiteX1246" fmla="*/ 134288 w 2044700"/>
                <a:gd name="connsiteY1246" fmla="*/ 288914 h 800786"/>
                <a:gd name="connsiteX1247" fmla="*/ 129468 w 2044700"/>
                <a:gd name="connsiteY1247" fmla="*/ 292166 h 800786"/>
                <a:gd name="connsiteX1248" fmla="*/ 129468 w 2044700"/>
                <a:gd name="connsiteY1248" fmla="*/ 295419 h 800786"/>
                <a:gd name="connsiteX1249" fmla="*/ 129468 w 2044700"/>
                <a:gd name="connsiteY1249" fmla="*/ 298671 h 800786"/>
                <a:gd name="connsiteX1250" fmla="*/ 126254 w 2044700"/>
                <a:gd name="connsiteY1250" fmla="*/ 300298 h 800786"/>
                <a:gd name="connsiteX1251" fmla="*/ 124648 w 2044700"/>
                <a:gd name="connsiteY1251" fmla="*/ 303550 h 800786"/>
                <a:gd name="connsiteX1252" fmla="*/ 121435 w 2044700"/>
                <a:gd name="connsiteY1252" fmla="*/ 306802 h 800786"/>
                <a:gd name="connsiteX1253" fmla="*/ 118221 w 2044700"/>
                <a:gd name="connsiteY1253" fmla="*/ 306802 h 800786"/>
                <a:gd name="connsiteX1254" fmla="*/ 113401 w 2044700"/>
                <a:gd name="connsiteY1254" fmla="*/ 306802 h 800786"/>
                <a:gd name="connsiteX1255" fmla="*/ 113401 w 2044700"/>
                <a:gd name="connsiteY1255" fmla="*/ 310055 h 800786"/>
                <a:gd name="connsiteX1256" fmla="*/ 115008 w 2044700"/>
                <a:gd name="connsiteY1256" fmla="*/ 311681 h 800786"/>
                <a:gd name="connsiteX1257" fmla="*/ 108582 w 2044700"/>
                <a:gd name="connsiteY1257" fmla="*/ 314933 h 800786"/>
                <a:gd name="connsiteX1258" fmla="*/ 103762 w 2044700"/>
                <a:gd name="connsiteY1258" fmla="*/ 318186 h 800786"/>
                <a:gd name="connsiteX1259" fmla="*/ 97335 w 2044700"/>
                <a:gd name="connsiteY1259" fmla="*/ 316560 h 800786"/>
                <a:gd name="connsiteX1260" fmla="*/ 95729 w 2044700"/>
                <a:gd name="connsiteY1260" fmla="*/ 313307 h 800786"/>
                <a:gd name="connsiteX1261" fmla="*/ 92515 w 2044700"/>
                <a:gd name="connsiteY1261" fmla="*/ 306802 h 800786"/>
                <a:gd name="connsiteX1262" fmla="*/ 89302 w 2044700"/>
                <a:gd name="connsiteY1262" fmla="*/ 308429 h 800786"/>
                <a:gd name="connsiteX1263" fmla="*/ 89302 w 2044700"/>
                <a:gd name="connsiteY1263" fmla="*/ 311681 h 800786"/>
                <a:gd name="connsiteX1264" fmla="*/ 84482 w 2044700"/>
                <a:gd name="connsiteY1264" fmla="*/ 314933 h 800786"/>
                <a:gd name="connsiteX1265" fmla="*/ 78056 w 2044700"/>
                <a:gd name="connsiteY1265" fmla="*/ 313307 h 800786"/>
                <a:gd name="connsiteX1266" fmla="*/ 73236 w 2044700"/>
                <a:gd name="connsiteY1266" fmla="*/ 311681 h 800786"/>
                <a:gd name="connsiteX1267" fmla="*/ 68416 w 2044700"/>
                <a:gd name="connsiteY1267" fmla="*/ 311681 h 800786"/>
                <a:gd name="connsiteX1268" fmla="*/ 63596 w 2044700"/>
                <a:gd name="connsiteY1268" fmla="*/ 316560 h 800786"/>
                <a:gd name="connsiteX1269" fmla="*/ 60383 w 2044700"/>
                <a:gd name="connsiteY1269" fmla="*/ 314933 h 800786"/>
                <a:gd name="connsiteX1270" fmla="*/ 58776 w 2044700"/>
                <a:gd name="connsiteY1270" fmla="*/ 311681 h 800786"/>
                <a:gd name="connsiteX1271" fmla="*/ 60383 w 2044700"/>
                <a:gd name="connsiteY1271" fmla="*/ 305176 h 800786"/>
                <a:gd name="connsiteX1272" fmla="*/ 57170 w 2044700"/>
                <a:gd name="connsiteY1272" fmla="*/ 303550 h 800786"/>
                <a:gd name="connsiteX1273" fmla="*/ 61989 w 2044700"/>
                <a:gd name="connsiteY1273" fmla="*/ 295419 h 800786"/>
                <a:gd name="connsiteX1274" fmla="*/ 76449 w 2044700"/>
                <a:gd name="connsiteY1274" fmla="*/ 293793 h 800786"/>
                <a:gd name="connsiteX1275" fmla="*/ 84482 w 2044700"/>
                <a:gd name="connsiteY1275" fmla="*/ 288914 h 800786"/>
                <a:gd name="connsiteX1276" fmla="*/ 89302 w 2044700"/>
                <a:gd name="connsiteY1276" fmla="*/ 285662 h 800786"/>
                <a:gd name="connsiteX1277" fmla="*/ 95729 w 2044700"/>
                <a:gd name="connsiteY1277" fmla="*/ 282409 h 800786"/>
                <a:gd name="connsiteX1278" fmla="*/ 98942 w 2044700"/>
                <a:gd name="connsiteY1278" fmla="*/ 279157 h 800786"/>
                <a:gd name="connsiteX1279" fmla="*/ 103762 w 2044700"/>
                <a:gd name="connsiteY1279" fmla="*/ 275904 h 800786"/>
                <a:gd name="connsiteX1280" fmla="*/ 116615 w 2044700"/>
                <a:gd name="connsiteY1280" fmla="*/ 266147 h 800786"/>
                <a:gd name="connsiteX1281" fmla="*/ 126254 w 2044700"/>
                <a:gd name="connsiteY1281" fmla="*/ 259642 h 800786"/>
                <a:gd name="connsiteX1282" fmla="*/ 129468 w 2044700"/>
                <a:gd name="connsiteY1282" fmla="*/ 259642 h 800786"/>
                <a:gd name="connsiteX1283" fmla="*/ 142321 w 2044700"/>
                <a:gd name="connsiteY1283" fmla="*/ 259642 h 800786"/>
                <a:gd name="connsiteX1284" fmla="*/ 148747 w 2044700"/>
                <a:gd name="connsiteY1284" fmla="*/ 259642 h 800786"/>
                <a:gd name="connsiteX1285" fmla="*/ 155174 w 2044700"/>
                <a:gd name="connsiteY1285" fmla="*/ 261268 h 800786"/>
                <a:gd name="connsiteX1286" fmla="*/ 158387 w 2044700"/>
                <a:gd name="connsiteY1286" fmla="*/ 256390 h 800786"/>
                <a:gd name="connsiteX1287" fmla="*/ 159994 w 2044700"/>
                <a:gd name="connsiteY1287" fmla="*/ 253137 h 800786"/>
                <a:gd name="connsiteX1288" fmla="*/ 642739 w 2044700"/>
                <a:gd name="connsiteY1288" fmla="*/ 248244 h 800786"/>
                <a:gd name="connsiteX1289" fmla="*/ 642937 w 2044700"/>
                <a:gd name="connsiteY1289" fmla="*/ 251877 h 800786"/>
                <a:gd name="connsiteX1290" fmla="*/ 646112 w 2044700"/>
                <a:gd name="connsiteY1290" fmla="*/ 255296 h 800786"/>
                <a:gd name="connsiteX1291" fmla="*/ 649287 w 2044700"/>
                <a:gd name="connsiteY1291" fmla="*/ 258715 h 800786"/>
                <a:gd name="connsiteX1292" fmla="*/ 649287 w 2044700"/>
                <a:gd name="connsiteY1292" fmla="*/ 267263 h 800786"/>
                <a:gd name="connsiteX1293" fmla="*/ 644525 w 2044700"/>
                <a:gd name="connsiteY1293" fmla="*/ 268973 h 800786"/>
                <a:gd name="connsiteX1294" fmla="*/ 638175 w 2044700"/>
                <a:gd name="connsiteY1294" fmla="*/ 267263 h 800786"/>
                <a:gd name="connsiteX1295" fmla="*/ 635000 w 2044700"/>
                <a:gd name="connsiteY1295" fmla="*/ 265554 h 800786"/>
                <a:gd name="connsiteX1296" fmla="*/ 631825 w 2044700"/>
                <a:gd name="connsiteY1296" fmla="*/ 263844 h 800786"/>
                <a:gd name="connsiteX1297" fmla="*/ 630237 w 2044700"/>
                <a:gd name="connsiteY1297" fmla="*/ 267263 h 800786"/>
                <a:gd name="connsiteX1298" fmla="*/ 627062 w 2044700"/>
                <a:gd name="connsiteY1298" fmla="*/ 268973 h 800786"/>
                <a:gd name="connsiteX1299" fmla="*/ 623887 w 2044700"/>
                <a:gd name="connsiteY1299" fmla="*/ 267263 h 800786"/>
                <a:gd name="connsiteX1300" fmla="*/ 622300 w 2044700"/>
                <a:gd name="connsiteY1300" fmla="*/ 263844 h 800786"/>
                <a:gd name="connsiteX1301" fmla="*/ 623887 w 2044700"/>
                <a:gd name="connsiteY1301" fmla="*/ 260425 h 800786"/>
                <a:gd name="connsiteX1302" fmla="*/ 620712 w 2044700"/>
                <a:gd name="connsiteY1302" fmla="*/ 257006 h 800786"/>
                <a:gd name="connsiteX1303" fmla="*/ 631825 w 2044700"/>
                <a:gd name="connsiteY1303" fmla="*/ 248458 h 800786"/>
                <a:gd name="connsiteX1304" fmla="*/ 642739 w 2044700"/>
                <a:gd name="connsiteY1304" fmla="*/ 248244 h 800786"/>
                <a:gd name="connsiteX1305" fmla="*/ 364728 w 2044700"/>
                <a:gd name="connsiteY1305" fmla="*/ 244918 h 800786"/>
                <a:gd name="connsiteX1306" fmla="*/ 368300 w 2044700"/>
                <a:gd name="connsiteY1306" fmla="*/ 247013 h 800786"/>
                <a:gd name="connsiteX1307" fmla="*/ 373063 w 2044700"/>
                <a:gd name="connsiteY1307" fmla="*/ 250365 h 800786"/>
                <a:gd name="connsiteX1308" fmla="*/ 377825 w 2044700"/>
                <a:gd name="connsiteY1308" fmla="*/ 257067 h 800786"/>
                <a:gd name="connsiteX1309" fmla="*/ 382588 w 2044700"/>
                <a:gd name="connsiteY1309" fmla="*/ 262095 h 800786"/>
                <a:gd name="connsiteX1310" fmla="*/ 387350 w 2044700"/>
                <a:gd name="connsiteY1310" fmla="*/ 267122 h 800786"/>
                <a:gd name="connsiteX1311" fmla="*/ 387350 w 2044700"/>
                <a:gd name="connsiteY1311" fmla="*/ 270473 h 800786"/>
                <a:gd name="connsiteX1312" fmla="*/ 381000 w 2044700"/>
                <a:gd name="connsiteY1312" fmla="*/ 270473 h 800786"/>
                <a:gd name="connsiteX1313" fmla="*/ 374650 w 2044700"/>
                <a:gd name="connsiteY1313" fmla="*/ 272149 h 800786"/>
                <a:gd name="connsiteX1314" fmla="*/ 369887 w 2044700"/>
                <a:gd name="connsiteY1314" fmla="*/ 268797 h 800786"/>
                <a:gd name="connsiteX1315" fmla="*/ 360362 w 2044700"/>
                <a:gd name="connsiteY1315" fmla="*/ 260419 h 800786"/>
                <a:gd name="connsiteX1316" fmla="*/ 357187 w 2044700"/>
                <a:gd name="connsiteY1316" fmla="*/ 253716 h 800786"/>
                <a:gd name="connsiteX1317" fmla="*/ 358775 w 2044700"/>
                <a:gd name="connsiteY1317" fmla="*/ 245337 h 800786"/>
                <a:gd name="connsiteX1318" fmla="*/ 364728 w 2044700"/>
                <a:gd name="connsiteY1318" fmla="*/ 244918 h 800786"/>
                <a:gd name="connsiteX1319" fmla="*/ 564533 w 2044700"/>
                <a:gd name="connsiteY1319" fmla="*/ 243718 h 800786"/>
                <a:gd name="connsiteX1320" fmla="*/ 569836 w 2044700"/>
                <a:gd name="connsiteY1320" fmla="*/ 243718 h 800786"/>
                <a:gd name="connsiteX1321" fmla="*/ 572691 w 2044700"/>
                <a:gd name="connsiteY1321" fmla="*/ 243718 h 800786"/>
                <a:gd name="connsiteX1322" fmla="*/ 580849 w 2044700"/>
                <a:gd name="connsiteY1322" fmla="*/ 245450 h 800786"/>
                <a:gd name="connsiteX1323" fmla="*/ 585744 w 2044700"/>
                <a:gd name="connsiteY1323" fmla="*/ 250645 h 800786"/>
                <a:gd name="connsiteX1324" fmla="*/ 584113 w 2044700"/>
                <a:gd name="connsiteY1324" fmla="*/ 254109 h 800786"/>
                <a:gd name="connsiteX1325" fmla="*/ 582481 w 2044700"/>
                <a:gd name="connsiteY1325" fmla="*/ 257572 h 800786"/>
                <a:gd name="connsiteX1326" fmla="*/ 574323 w 2044700"/>
                <a:gd name="connsiteY1326" fmla="*/ 259304 h 800786"/>
                <a:gd name="connsiteX1327" fmla="*/ 569428 w 2044700"/>
                <a:gd name="connsiteY1327" fmla="*/ 259304 h 800786"/>
                <a:gd name="connsiteX1328" fmla="*/ 561270 w 2044700"/>
                <a:gd name="connsiteY1328" fmla="*/ 257572 h 800786"/>
                <a:gd name="connsiteX1329" fmla="*/ 553112 w 2044700"/>
                <a:gd name="connsiteY1329" fmla="*/ 259304 h 800786"/>
                <a:gd name="connsiteX1330" fmla="*/ 544954 w 2044700"/>
                <a:gd name="connsiteY1330" fmla="*/ 261036 h 800786"/>
                <a:gd name="connsiteX1331" fmla="*/ 541691 w 2044700"/>
                <a:gd name="connsiteY1331" fmla="*/ 257572 h 800786"/>
                <a:gd name="connsiteX1332" fmla="*/ 536796 w 2044700"/>
                <a:gd name="connsiteY1332" fmla="*/ 257572 h 800786"/>
                <a:gd name="connsiteX1333" fmla="*/ 530269 w 2044700"/>
                <a:gd name="connsiteY1333" fmla="*/ 254109 h 800786"/>
                <a:gd name="connsiteX1334" fmla="*/ 530269 w 2044700"/>
                <a:gd name="connsiteY1334" fmla="*/ 250645 h 800786"/>
                <a:gd name="connsiteX1335" fmla="*/ 536796 w 2044700"/>
                <a:gd name="connsiteY1335" fmla="*/ 245450 h 800786"/>
                <a:gd name="connsiteX1336" fmla="*/ 543322 w 2044700"/>
                <a:gd name="connsiteY1336" fmla="*/ 245450 h 800786"/>
                <a:gd name="connsiteX1337" fmla="*/ 546585 w 2044700"/>
                <a:gd name="connsiteY1337" fmla="*/ 247181 h 800786"/>
                <a:gd name="connsiteX1338" fmla="*/ 551480 w 2044700"/>
                <a:gd name="connsiteY1338" fmla="*/ 245450 h 800786"/>
                <a:gd name="connsiteX1339" fmla="*/ 564533 w 2044700"/>
                <a:gd name="connsiteY1339" fmla="*/ 243718 h 800786"/>
                <a:gd name="connsiteX1340" fmla="*/ 428625 w 2044700"/>
                <a:gd name="connsiteY1340" fmla="*/ 238811 h 800786"/>
                <a:gd name="connsiteX1341" fmla="*/ 433387 w 2044700"/>
                <a:gd name="connsiteY1341" fmla="*/ 238811 h 800786"/>
                <a:gd name="connsiteX1342" fmla="*/ 439737 w 2044700"/>
                <a:gd name="connsiteY1342" fmla="*/ 241986 h 800786"/>
                <a:gd name="connsiteX1343" fmla="*/ 444500 w 2044700"/>
                <a:gd name="connsiteY1343" fmla="*/ 245161 h 800786"/>
                <a:gd name="connsiteX1344" fmla="*/ 444500 w 2044700"/>
                <a:gd name="connsiteY1344" fmla="*/ 248336 h 800786"/>
                <a:gd name="connsiteX1345" fmla="*/ 434975 w 2044700"/>
                <a:gd name="connsiteY1345" fmla="*/ 249924 h 800786"/>
                <a:gd name="connsiteX1346" fmla="*/ 431800 w 2044700"/>
                <a:gd name="connsiteY1346" fmla="*/ 248336 h 800786"/>
                <a:gd name="connsiteX1347" fmla="*/ 427037 w 2044700"/>
                <a:gd name="connsiteY1347" fmla="*/ 248336 h 800786"/>
                <a:gd name="connsiteX1348" fmla="*/ 422275 w 2044700"/>
                <a:gd name="connsiteY1348" fmla="*/ 248336 h 800786"/>
                <a:gd name="connsiteX1349" fmla="*/ 420687 w 2044700"/>
                <a:gd name="connsiteY1349" fmla="*/ 245161 h 800786"/>
                <a:gd name="connsiteX1350" fmla="*/ 420687 w 2044700"/>
                <a:gd name="connsiteY1350" fmla="*/ 241986 h 800786"/>
                <a:gd name="connsiteX1351" fmla="*/ 423862 w 2044700"/>
                <a:gd name="connsiteY1351" fmla="*/ 240399 h 800786"/>
                <a:gd name="connsiteX1352" fmla="*/ 428625 w 2044700"/>
                <a:gd name="connsiteY1352" fmla="*/ 238811 h 800786"/>
                <a:gd name="connsiteX1353" fmla="*/ 204788 w 2044700"/>
                <a:gd name="connsiteY1353" fmla="*/ 234048 h 800786"/>
                <a:gd name="connsiteX1354" fmla="*/ 209551 w 2044700"/>
                <a:gd name="connsiteY1354" fmla="*/ 234048 h 800786"/>
                <a:gd name="connsiteX1355" fmla="*/ 214313 w 2044700"/>
                <a:gd name="connsiteY1355" fmla="*/ 237223 h 800786"/>
                <a:gd name="connsiteX1356" fmla="*/ 219076 w 2044700"/>
                <a:gd name="connsiteY1356" fmla="*/ 240398 h 800786"/>
                <a:gd name="connsiteX1357" fmla="*/ 220663 w 2044700"/>
                <a:gd name="connsiteY1357" fmla="*/ 241986 h 800786"/>
                <a:gd name="connsiteX1358" fmla="*/ 217488 w 2044700"/>
                <a:gd name="connsiteY1358" fmla="*/ 245161 h 800786"/>
                <a:gd name="connsiteX1359" fmla="*/ 211138 w 2044700"/>
                <a:gd name="connsiteY1359" fmla="*/ 246748 h 800786"/>
                <a:gd name="connsiteX1360" fmla="*/ 203201 w 2044700"/>
                <a:gd name="connsiteY1360" fmla="*/ 245161 h 800786"/>
                <a:gd name="connsiteX1361" fmla="*/ 198438 w 2044700"/>
                <a:gd name="connsiteY1361" fmla="*/ 245161 h 800786"/>
                <a:gd name="connsiteX1362" fmla="*/ 195263 w 2044700"/>
                <a:gd name="connsiteY1362" fmla="*/ 241986 h 800786"/>
                <a:gd name="connsiteX1363" fmla="*/ 195263 w 2044700"/>
                <a:gd name="connsiteY1363" fmla="*/ 238811 h 800786"/>
                <a:gd name="connsiteX1364" fmla="*/ 200025 w 2044700"/>
                <a:gd name="connsiteY1364" fmla="*/ 235635 h 800786"/>
                <a:gd name="connsiteX1365" fmla="*/ 204788 w 2044700"/>
                <a:gd name="connsiteY1365" fmla="*/ 234048 h 800786"/>
                <a:gd name="connsiteX1366" fmla="*/ 262807 w 2044700"/>
                <a:gd name="connsiteY1366" fmla="*/ 232461 h 800786"/>
                <a:gd name="connsiteX1367" fmla="*/ 270933 w 2044700"/>
                <a:gd name="connsiteY1367" fmla="*/ 232461 h 800786"/>
                <a:gd name="connsiteX1368" fmla="*/ 279060 w 2044700"/>
                <a:gd name="connsiteY1368" fmla="*/ 232461 h 800786"/>
                <a:gd name="connsiteX1369" fmla="*/ 287187 w 2044700"/>
                <a:gd name="connsiteY1369" fmla="*/ 234137 h 800786"/>
                <a:gd name="connsiteX1370" fmla="*/ 292062 w 2044700"/>
                <a:gd name="connsiteY1370" fmla="*/ 234137 h 800786"/>
                <a:gd name="connsiteX1371" fmla="*/ 290437 w 2044700"/>
                <a:gd name="connsiteY1371" fmla="*/ 239164 h 800786"/>
                <a:gd name="connsiteX1372" fmla="*/ 283936 w 2044700"/>
                <a:gd name="connsiteY1372" fmla="*/ 239164 h 800786"/>
                <a:gd name="connsiteX1373" fmla="*/ 280685 w 2044700"/>
                <a:gd name="connsiteY1373" fmla="*/ 239164 h 800786"/>
                <a:gd name="connsiteX1374" fmla="*/ 274184 w 2044700"/>
                <a:gd name="connsiteY1374" fmla="*/ 244191 h 800786"/>
                <a:gd name="connsiteX1375" fmla="*/ 280685 w 2044700"/>
                <a:gd name="connsiteY1375" fmla="*/ 245867 h 800786"/>
                <a:gd name="connsiteX1376" fmla="*/ 283936 w 2044700"/>
                <a:gd name="connsiteY1376" fmla="*/ 247542 h 800786"/>
                <a:gd name="connsiteX1377" fmla="*/ 283936 w 2044700"/>
                <a:gd name="connsiteY1377" fmla="*/ 249218 h 800786"/>
                <a:gd name="connsiteX1378" fmla="*/ 285561 w 2044700"/>
                <a:gd name="connsiteY1378" fmla="*/ 252570 h 800786"/>
                <a:gd name="connsiteX1379" fmla="*/ 283936 w 2044700"/>
                <a:gd name="connsiteY1379" fmla="*/ 255921 h 800786"/>
                <a:gd name="connsiteX1380" fmla="*/ 274184 w 2044700"/>
                <a:gd name="connsiteY1380" fmla="*/ 257597 h 800786"/>
                <a:gd name="connsiteX1381" fmla="*/ 269308 w 2044700"/>
                <a:gd name="connsiteY1381" fmla="*/ 259272 h 800786"/>
                <a:gd name="connsiteX1382" fmla="*/ 264432 w 2044700"/>
                <a:gd name="connsiteY1382" fmla="*/ 260948 h 800786"/>
                <a:gd name="connsiteX1383" fmla="*/ 261182 w 2044700"/>
                <a:gd name="connsiteY1383" fmla="*/ 260948 h 800786"/>
                <a:gd name="connsiteX1384" fmla="*/ 254680 w 2044700"/>
                <a:gd name="connsiteY1384" fmla="*/ 260948 h 800786"/>
                <a:gd name="connsiteX1385" fmla="*/ 249805 w 2044700"/>
                <a:gd name="connsiteY1385" fmla="*/ 262624 h 800786"/>
                <a:gd name="connsiteX1386" fmla="*/ 244929 w 2044700"/>
                <a:gd name="connsiteY1386" fmla="*/ 262624 h 800786"/>
                <a:gd name="connsiteX1387" fmla="*/ 241678 w 2044700"/>
                <a:gd name="connsiteY1387" fmla="*/ 260948 h 800786"/>
                <a:gd name="connsiteX1388" fmla="*/ 236802 w 2044700"/>
                <a:gd name="connsiteY1388" fmla="*/ 259272 h 800786"/>
                <a:gd name="connsiteX1389" fmla="*/ 227050 w 2044700"/>
                <a:gd name="connsiteY1389" fmla="*/ 257597 h 800786"/>
                <a:gd name="connsiteX1390" fmla="*/ 225425 w 2044700"/>
                <a:gd name="connsiteY1390" fmla="*/ 250894 h 800786"/>
                <a:gd name="connsiteX1391" fmla="*/ 227050 w 2044700"/>
                <a:gd name="connsiteY1391" fmla="*/ 242515 h 800786"/>
                <a:gd name="connsiteX1392" fmla="*/ 228675 w 2044700"/>
                <a:gd name="connsiteY1392" fmla="*/ 240840 h 800786"/>
                <a:gd name="connsiteX1393" fmla="*/ 231926 w 2044700"/>
                <a:gd name="connsiteY1393" fmla="*/ 237488 h 800786"/>
                <a:gd name="connsiteX1394" fmla="*/ 236802 w 2044700"/>
                <a:gd name="connsiteY1394" fmla="*/ 237488 h 800786"/>
                <a:gd name="connsiteX1395" fmla="*/ 240053 w 2044700"/>
                <a:gd name="connsiteY1395" fmla="*/ 235812 h 800786"/>
                <a:gd name="connsiteX1396" fmla="*/ 246554 w 2044700"/>
                <a:gd name="connsiteY1396" fmla="*/ 234137 h 800786"/>
                <a:gd name="connsiteX1397" fmla="*/ 253055 w 2044700"/>
                <a:gd name="connsiteY1397" fmla="*/ 235812 h 800786"/>
                <a:gd name="connsiteX1398" fmla="*/ 257931 w 2044700"/>
                <a:gd name="connsiteY1398" fmla="*/ 234137 h 800786"/>
                <a:gd name="connsiteX1399" fmla="*/ 262807 w 2044700"/>
                <a:gd name="connsiteY1399" fmla="*/ 232461 h 800786"/>
                <a:gd name="connsiteX1400" fmla="*/ 275742 w 2044700"/>
                <a:gd name="connsiteY1400" fmla="*/ 207061 h 800786"/>
                <a:gd name="connsiteX1401" fmla="*/ 282231 w 2044700"/>
                <a:gd name="connsiteY1401" fmla="*/ 207061 h 800786"/>
                <a:gd name="connsiteX1402" fmla="*/ 287097 w 2044700"/>
                <a:gd name="connsiteY1402" fmla="*/ 210236 h 800786"/>
                <a:gd name="connsiteX1403" fmla="*/ 293585 w 2044700"/>
                <a:gd name="connsiteY1403" fmla="*/ 213411 h 800786"/>
                <a:gd name="connsiteX1404" fmla="*/ 298451 w 2044700"/>
                <a:gd name="connsiteY1404" fmla="*/ 216586 h 800786"/>
                <a:gd name="connsiteX1405" fmla="*/ 296829 w 2044700"/>
                <a:gd name="connsiteY1405" fmla="*/ 224524 h 800786"/>
                <a:gd name="connsiteX1406" fmla="*/ 291963 w 2044700"/>
                <a:gd name="connsiteY1406" fmla="*/ 226111 h 800786"/>
                <a:gd name="connsiteX1407" fmla="*/ 283853 w 2044700"/>
                <a:gd name="connsiteY1407" fmla="*/ 226111 h 800786"/>
                <a:gd name="connsiteX1408" fmla="*/ 275742 w 2044700"/>
                <a:gd name="connsiteY1408" fmla="*/ 226111 h 800786"/>
                <a:gd name="connsiteX1409" fmla="*/ 267632 w 2044700"/>
                <a:gd name="connsiteY1409" fmla="*/ 224524 h 800786"/>
                <a:gd name="connsiteX1410" fmla="*/ 264388 w 2044700"/>
                <a:gd name="connsiteY1410" fmla="*/ 224524 h 800786"/>
                <a:gd name="connsiteX1411" fmla="*/ 261144 w 2044700"/>
                <a:gd name="connsiteY1411" fmla="*/ 224524 h 800786"/>
                <a:gd name="connsiteX1412" fmla="*/ 256278 w 2044700"/>
                <a:gd name="connsiteY1412" fmla="*/ 227699 h 800786"/>
                <a:gd name="connsiteX1413" fmla="*/ 251412 w 2044700"/>
                <a:gd name="connsiteY1413" fmla="*/ 226111 h 800786"/>
                <a:gd name="connsiteX1414" fmla="*/ 248168 w 2044700"/>
                <a:gd name="connsiteY1414" fmla="*/ 224524 h 800786"/>
                <a:gd name="connsiteX1415" fmla="*/ 244924 w 2044700"/>
                <a:gd name="connsiteY1415" fmla="*/ 224524 h 800786"/>
                <a:gd name="connsiteX1416" fmla="*/ 240058 w 2044700"/>
                <a:gd name="connsiteY1416" fmla="*/ 226111 h 800786"/>
                <a:gd name="connsiteX1417" fmla="*/ 236814 w 2044700"/>
                <a:gd name="connsiteY1417" fmla="*/ 227699 h 800786"/>
                <a:gd name="connsiteX1418" fmla="*/ 228704 w 2044700"/>
                <a:gd name="connsiteY1418" fmla="*/ 226111 h 800786"/>
                <a:gd name="connsiteX1419" fmla="*/ 225460 w 2044700"/>
                <a:gd name="connsiteY1419" fmla="*/ 226111 h 800786"/>
                <a:gd name="connsiteX1420" fmla="*/ 225460 w 2044700"/>
                <a:gd name="connsiteY1420" fmla="*/ 224524 h 800786"/>
                <a:gd name="connsiteX1421" fmla="*/ 233570 w 2044700"/>
                <a:gd name="connsiteY1421" fmla="*/ 219761 h 800786"/>
                <a:gd name="connsiteX1422" fmla="*/ 236814 w 2044700"/>
                <a:gd name="connsiteY1422" fmla="*/ 218174 h 800786"/>
                <a:gd name="connsiteX1423" fmla="*/ 240058 w 2044700"/>
                <a:gd name="connsiteY1423" fmla="*/ 216586 h 800786"/>
                <a:gd name="connsiteX1424" fmla="*/ 243302 w 2044700"/>
                <a:gd name="connsiteY1424" fmla="*/ 216586 h 800786"/>
                <a:gd name="connsiteX1425" fmla="*/ 248168 w 2044700"/>
                <a:gd name="connsiteY1425" fmla="*/ 216586 h 800786"/>
                <a:gd name="connsiteX1426" fmla="*/ 253034 w 2044700"/>
                <a:gd name="connsiteY1426" fmla="*/ 214999 h 800786"/>
                <a:gd name="connsiteX1427" fmla="*/ 257900 w 2044700"/>
                <a:gd name="connsiteY1427" fmla="*/ 213411 h 800786"/>
                <a:gd name="connsiteX1428" fmla="*/ 264388 w 2044700"/>
                <a:gd name="connsiteY1428" fmla="*/ 210236 h 800786"/>
                <a:gd name="connsiteX1429" fmla="*/ 267632 w 2044700"/>
                <a:gd name="connsiteY1429" fmla="*/ 208648 h 800786"/>
                <a:gd name="connsiteX1430" fmla="*/ 275742 w 2044700"/>
                <a:gd name="connsiteY1430" fmla="*/ 207061 h 800786"/>
                <a:gd name="connsiteX1431" fmla="*/ 495342 w 2044700"/>
                <a:gd name="connsiteY1431" fmla="*/ 205473 h 800786"/>
                <a:gd name="connsiteX1432" fmla="*/ 505118 w 2044700"/>
                <a:gd name="connsiteY1432" fmla="*/ 205473 h 800786"/>
                <a:gd name="connsiteX1433" fmla="*/ 513264 w 2044700"/>
                <a:gd name="connsiteY1433" fmla="*/ 208648 h 800786"/>
                <a:gd name="connsiteX1434" fmla="*/ 519781 w 2044700"/>
                <a:gd name="connsiteY1434" fmla="*/ 210236 h 800786"/>
                <a:gd name="connsiteX1435" fmla="*/ 531186 w 2044700"/>
                <a:gd name="connsiteY1435" fmla="*/ 211823 h 800786"/>
                <a:gd name="connsiteX1436" fmla="*/ 532816 w 2044700"/>
                <a:gd name="connsiteY1436" fmla="*/ 214998 h 800786"/>
                <a:gd name="connsiteX1437" fmla="*/ 536074 w 2044700"/>
                <a:gd name="connsiteY1437" fmla="*/ 218173 h 800786"/>
                <a:gd name="connsiteX1438" fmla="*/ 540962 w 2044700"/>
                <a:gd name="connsiteY1438" fmla="*/ 218173 h 800786"/>
                <a:gd name="connsiteX1439" fmla="*/ 550738 w 2044700"/>
                <a:gd name="connsiteY1439" fmla="*/ 219761 h 800786"/>
                <a:gd name="connsiteX1440" fmla="*/ 553996 w 2044700"/>
                <a:gd name="connsiteY1440" fmla="*/ 222936 h 800786"/>
                <a:gd name="connsiteX1441" fmla="*/ 555626 w 2044700"/>
                <a:gd name="connsiteY1441" fmla="*/ 224523 h 800786"/>
                <a:gd name="connsiteX1442" fmla="*/ 550738 w 2044700"/>
                <a:gd name="connsiteY1442" fmla="*/ 229286 h 800786"/>
                <a:gd name="connsiteX1443" fmla="*/ 555626 w 2044700"/>
                <a:gd name="connsiteY1443" fmla="*/ 232461 h 800786"/>
                <a:gd name="connsiteX1444" fmla="*/ 553996 w 2044700"/>
                <a:gd name="connsiteY1444" fmla="*/ 237223 h 800786"/>
                <a:gd name="connsiteX1445" fmla="*/ 547479 w 2044700"/>
                <a:gd name="connsiteY1445" fmla="*/ 240398 h 800786"/>
                <a:gd name="connsiteX1446" fmla="*/ 540962 w 2044700"/>
                <a:gd name="connsiteY1446" fmla="*/ 240398 h 800786"/>
                <a:gd name="connsiteX1447" fmla="*/ 532816 w 2044700"/>
                <a:gd name="connsiteY1447" fmla="*/ 243573 h 800786"/>
                <a:gd name="connsiteX1448" fmla="*/ 529557 w 2044700"/>
                <a:gd name="connsiteY1448" fmla="*/ 240398 h 800786"/>
                <a:gd name="connsiteX1449" fmla="*/ 526299 w 2044700"/>
                <a:gd name="connsiteY1449" fmla="*/ 241986 h 800786"/>
                <a:gd name="connsiteX1450" fmla="*/ 523040 w 2044700"/>
                <a:gd name="connsiteY1450" fmla="*/ 245161 h 800786"/>
                <a:gd name="connsiteX1451" fmla="*/ 514894 w 2044700"/>
                <a:gd name="connsiteY1451" fmla="*/ 241986 h 800786"/>
                <a:gd name="connsiteX1452" fmla="*/ 511635 w 2044700"/>
                <a:gd name="connsiteY1452" fmla="*/ 238811 h 800786"/>
                <a:gd name="connsiteX1453" fmla="*/ 510006 w 2044700"/>
                <a:gd name="connsiteY1453" fmla="*/ 235636 h 800786"/>
                <a:gd name="connsiteX1454" fmla="*/ 505118 w 2044700"/>
                <a:gd name="connsiteY1454" fmla="*/ 234048 h 800786"/>
                <a:gd name="connsiteX1455" fmla="*/ 514894 w 2044700"/>
                <a:gd name="connsiteY1455" fmla="*/ 232461 h 800786"/>
                <a:gd name="connsiteX1456" fmla="*/ 508376 w 2044700"/>
                <a:gd name="connsiteY1456" fmla="*/ 227698 h 800786"/>
                <a:gd name="connsiteX1457" fmla="*/ 503488 w 2044700"/>
                <a:gd name="connsiteY1457" fmla="*/ 227698 h 800786"/>
                <a:gd name="connsiteX1458" fmla="*/ 498601 w 2044700"/>
                <a:gd name="connsiteY1458" fmla="*/ 224523 h 800786"/>
                <a:gd name="connsiteX1459" fmla="*/ 495342 w 2044700"/>
                <a:gd name="connsiteY1459" fmla="*/ 216586 h 800786"/>
                <a:gd name="connsiteX1460" fmla="*/ 495342 w 2044700"/>
                <a:gd name="connsiteY1460" fmla="*/ 210236 h 800786"/>
                <a:gd name="connsiteX1461" fmla="*/ 495342 w 2044700"/>
                <a:gd name="connsiteY1461" fmla="*/ 205473 h 800786"/>
                <a:gd name="connsiteX1462" fmla="*/ 383165 w 2044700"/>
                <a:gd name="connsiteY1462" fmla="*/ 184835 h 800786"/>
                <a:gd name="connsiteX1463" fmla="*/ 389680 w 2044700"/>
                <a:gd name="connsiteY1463" fmla="*/ 186423 h 800786"/>
                <a:gd name="connsiteX1464" fmla="*/ 396195 w 2044700"/>
                <a:gd name="connsiteY1464" fmla="*/ 184835 h 800786"/>
                <a:gd name="connsiteX1465" fmla="*/ 401081 w 2044700"/>
                <a:gd name="connsiteY1465" fmla="*/ 184835 h 800786"/>
                <a:gd name="connsiteX1466" fmla="*/ 407596 w 2044700"/>
                <a:gd name="connsiteY1466" fmla="*/ 188010 h 800786"/>
                <a:gd name="connsiteX1467" fmla="*/ 412482 w 2044700"/>
                <a:gd name="connsiteY1467" fmla="*/ 189598 h 800786"/>
                <a:gd name="connsiteX1468" fmla="*/ 415740 w 2044700"/>
                <a:gd name="connsiteY1468" fmla="*/ 191185 h 800786"/>
                <a:gd name="connsiteX1469" fmla="*/ 415740 w 2044700"/>
                <a:gd name="connsiteY1469" fmla="*/ 199123 h 800786"/>
                <a:gd name="connsiteX1470" fmla="*/ 418997 w 2044700"/>
                <a:gd name="connsiteY1470" fmla="*/ 199123 h 800786"/>
                <a:gd name="connsiteX1471" fmla="*/ 425512 w 2044700"/>
                <a:gd name="connsiteY1471" fmla="*/ 195948 h 800786"/>
                <a:gd name="connsiteX1472" fmla="*/ 430399 w 2044700"/>
                <a:gd name="connsiteY1472" fmla="*/ 195948 h 800786"/>
                <a:gd name="connsiteX1473" fmla="*/ 436914 w 2044700"/>
                <a:gd name="connsiteY1473" fmla="*/ 195948 h 800786"/>
                <a:gd name="connsiteX1474" fmla="*/ 441800 w 2044700"/>
                <a:gd name="connsiteY1474" fmla="*/ 197535 h 800786"/>
                <a:gd name="connsiteX1475" fmla="*/ 445057 w 2044700"/>
                <a:gd name="connsiteY1475" fmla="*/ 200710 h 800786"/>
                <a:gd name="connsiteX1476" fmla="*/ 449943 w 2044700"/>
                <a:gd name="connsiteY1476" fmla="*/ 207060 h 800786"/>
                <a:gd name="connsiteX1477" fmla="*/ 454830 w 2044700"/>
                <a:gd name="connsiteY1477" fmla="*/ 203885 h 800786"/>
                <a:gd name="connsiteX1478" fmla="*/ 461345 w 2044700"/>
                <a:gd name="connsiteY1478" fmla="*/ 205473 h 800786"/>
                <a:gd name="connsiteX1479" fmla="*/ 464602 w 2044700"/>
                <a:gd name="connsiteY1479" fmla="*/ 208648 h 800786"/>
                <a:gd name="connsiteX1480" fmla="*/ 467860 w 2044700"/>
                <a:gd name="connsiteY1480" fmla="*/ 213410 h 800786"/>
                <a:gd name="connsiteX1481" fmla="*/ 472746 w 2044700"/>
                <a:gd name="connsiteY1481" fmla="*/ 213410 h 800786"/>
                <a:gd name="connsiteX1482" fmla="*/ 472746 w 2044700"/>
                <a:gd name="connsiteY1482" fmla="*/ 216585 h 800786"/>
                <a:gd name="connsiteX1483" fmla="*/ 471117 w 2044700"/>
                <a:gd name="connsiteY1483" fmla="*/ 219760 h 800786"/>
                <a:gd name="connsiteX1484" fmla="*/ 474375 w 2044700"/>
                <a:gd name="connsiteY1484" fmla="*/ 226110 h 800786"/>
                <a:gd name="connsiteX1485" fmla="*/ 477632 w 2044700"/>
                <a:gd name="connsiteY1485" fmla="*/ 227698 h 800786"/>
                <a:gd name="connsiteX1486" fmla="*/ 482518 w 2044700"/>
                <a:gd name="connsiteY1486" fmla="*/ 230873 h 800786"/>
                <a:gd name="connsiteX1487" fmla="*/ 482518 w 2044700"/>
                <a:gd name="connsiteY1487" fmla="*/ 235635 h 800786"/>
                <a:gd name="connsiteX1488" fmla="*/ 484147 w 2044700"/>
                <a:gd name="connsiteY1488" fmla="*/ 240398 h 800786"/>
                <a:gd name="connsiteX1489" fmla="*/ 479261 w 2044700"/>
                <a:gd name="connsiteY1489" fmla="*/ 245160 h 800786"/>
                <a:gd name="connsiteX1490" fmla="*/ 467860 w 2044700"/>
                <a:gd name="connsiteY1490" fmla="*/ 243573 h 800786"/>
                <a:gd name="connsiteX1491" fmla="*/ 462973 w 2044700"/>
                <a:gd name="connsiteY1491" fmla="*/ 243573 h 800786"/>
                <a:gd name="connsiteX1492" fmla="*/ 453201 w 2044700"/>
                <a:gd name="connsiteY1492" fmla="*/ 241985 h 800786"/>
                <a:gd name="connsiteX1493" fmla="*/ 448315 w 2044700"/>
                <a:gd name="connsiteY1493" fmla="*/ 240398 h 800786"/>
                <a:gd name="connsiteX1494" fmla="*/ 448315 w 2044700"/>
                <a:gd name="connsiteY1494" fmla="*/ 235635 h 800786"/>
                <a:gd name="connsiteX1495" fmla="*/ 445057 w 2044700"/>
                <a:gd name="connsiteY1495" fmla="*/ 234048 h 800786"/>
                <a:gd name="connsiteX1496" fmla="*/ 445057 w 2044700"/>
                <a:gd name="connsiteY1496" fmla="*/ 232460 h 800786"/>
                <a:gd name="connsiteX1497" fmla="*/ 438542 w 2044700"/>
                <a:gd name="connsiteY1497" fmla="*/ 230873 h 800786"/>
                <a:gd name="connsiteX1498" fmla="*/ 435285 w 2044700"/>
                <a:gd name="connsiteY1498" fmla="*/ 230873 h 800786"/>
                <a:gd name="connsiteX1499" fmla="*/ 430399 w 2044700"/>
                <a:gd name="connsiteY1499" fmla="*/ 230873 h 800786"/>
                <a:gd name="connsiteX1500" fmla="*/ 430399 w 2044700"/>
                <a:gd name="connsiteY1500" fmla="*/ 227698 h 800786"/>
                <a:gd name="connsiteX1501" fmla="*/ 425512 w 2044700"/>
                <a:gd name="connsiteY1501" fmla="*/ 226110 h 800786"/>
                <a:gd name="connsiteX1502" fmla="*/ 422255 w 2044700"/>
                <a:gd name="connsiteY1502" fmla="*/ 226110 h 800786"/>
                <a:gd name="connsiteX1503" fmla="*/ 417369 w 2044700"/>
                <a:gd name="connsiteY1503" fmla="*/ 226110 h 800786"/>
                <a:gd name="connsiteX1504" fmla="*/ 414111 w 2044700"/>
                <a:gd name="connsiteY1504" fmla="*/ 226110 h 800786"/>
                <a:gd name="connsiteX1505" fmla="*/ 412482 w 2044700"/>
                <a:gd name="connsiteY1505" fmla="*/ 222935 h 800786"/>
                <a:gd name="connsiteX1506" fmla="*/ 407596 w 2044700"/>
                <a:gd name="connsiteY1506" fmla="*/ 224523 h 800786"/>
                <a:gd name="connsiteX1507" fmla="*/ 402710 w 2044700"/>
                <a:gd name="connsiteY1507" fmla="*/ 226110 h 800786"/>
                <a:gd name="connsiteX1508" fmla="*/ 399453 w 2044700"/>
                <a:gd name="connsiteY1508" fmla="*/ 227698 h 800786"/>
                <a:gd name="connsiteX1509" fmla="*/ 394566 w 2044700"/>
                <a:gd name="connsiteY1509" fmla="*/ 226110 h 800786"/>
                <a:gd name="connsiteX1510" fmla="*/ 388051 w 2044700"/>
                <a:gd name="connsiteY1510" fmla="*/ 227698 h 800786"/>
                <a:gd name="connsiteX1511" fmla="*/ 384794 w 2044700"/>
                <a:gd name="connsiteY1511" fmla="*/ 226110 h 800786"/>
                <a:gd name="connsiteX1512" fmla="*/ 379908 w 2044700"/>
                <a:gd name="connsiteY1512" fmla="*/ 224523 h 800786"/>
                <a:gd name="connsiteX1513" fmla="*/ 375021 w 2044700"/>
                <a:gd name="connsiteY1513" fmla="*/ 221348 h 800786"/>
                <a:gd name="connsiteX1514" fmla="*/ 375021 w 2044700"/>
                <a:gd name="connsiteY1514" fmla="*/ 214998 h 800786"/>
                <a:gd name="connsiteX1515" fmla="*/ 381536 w 2044700"/>
                <a:gd name="connsiteY1515" fmla="*/ 213410 h 800786"/>
                <a:gd name="connsiteX1516" fmla="*/ 388051 w 2044700"/>
                <a:gd name="connsiteY1516" fmla="*/ 211823 h 800786"/>
                <a:gd name="connsiteX1517" fmla="*/ 391309 w 2044700"/>
                <a:gd name="connsiteY1517" fmla="*/ 214998 h 800786"/>
                <a:gd name="connsiteX1518" fmla="*/ 394566 w 2044700"/>
                <a:gd name="connsiteY1518" fmla="*/ 216585 h 800786"/>
                <a:gd name="connsiteX1519" fmla="*/ 399453 w 2044700"/>
                <a:gd name="connsiteY1519" fmla="*/ 216585 h 800786"/>
                <a:gd name="connsiteX1520" fmla="*/ 399453 w 2044700"/>
                <a:gd name="connsiteY1520" fmla="*/ 213410 h 800786"/>
                <a:gd name="connsiteX1521" fmla="*/ 394566 w 2044700"/>
                <a:gd name="connsiteY1521" fmla="*/ 211823 h 800786"/>
                <a:gd name="connsiteX1522" fmla="*/ 399453 w 2044700"/>
                <a:gd name="connsiteY1522" fmla="*/ 211823 h 800786"/>
                <a:gd name="connsiteX1523" fmla="*/ 402710 w 2044700"/>
                <a:gd name="connsiteY1523" fmla="*/ 213410 h 800786"/>
                <a:gd name="connsiteX1524" fmla="*/ 401081 w 2044700"/>
                <a:gd name="connsiteY1524" fmla="*/ 207060 h 800786"/>
                <a:gd name="connsiteX1525" fmla="*/ 394566 w 2044700"/>
                <a:gd name="connsiteY1525" fmla="*/ 207060 h 800786"/>
                <a:gd name="connsiteX1526" fmla="*/ 391309 w 2044700"/>
                <a:gd name="connsiteY1526" fmla="*/ 203885 h 800786"/>
                <a:gd name="connsiteX1527" fmla="*/ 392938 w 2044700"/>
                <a:gd name="connsiteY1527" fmla="*/ 200710 h 800786"/>
                <a:gd name="connsiteX1528" fmla="*/ 388051 w 2044700"/>
                <a:gd name="connsiteY1528" fmla="*/ 200710 h 800786"/>
                <a:gd name="connsiteX1529" fmla="*/ 384794 w 2044700"/>
                <a:gd name="connsiteY1529" fmla="*/ 200710 h 800786"/>
                <a:gd name="connsiteX1530" fmla="*/ 384794 w 2044700"/>
                <a:gd name="connsiteY1530" fmla="*/ 203885 h 800786"/>
                <a:gd name="connsiteX1531" fmla="*/ 378279 w 2044700"/>
                <a:gd name="connsiteY1531" fmla="*/ 205473 h 800786"/>
                <a:gd name="connsiteX1532" fmla="*/ 375021 w 2044700"/>
                <a:gd name="connsiteY1532" fmla="*/ 202298 h 800786"/>
                <a:gd name="connsiteX1533" fmla="*/ 376650 w 2044700"/>
                <a:gd name="connsiteY1533" fmla="*/ 200710 h 800786"/>
                <a:gd name="connsiteX1534" fmla="*/ 375021 w 2044700"/>
                <a:gd name="connsiteY1534" fmla="*/ 197535 h 800786"/>
                <a:gd name="connsiteX1535" fmla="*/ 368506 w 2044700"/>
                <a:gd name="connsiteY1535" fmla="*/ 197535 h 800786"/>
                <a:gd name="connsiteX1536" fmla="*/ 361991 w 2044700"/>
                <a:gd name="connsiteY1536" fmla="*/ 194360 h 800786"/>
                <a:gd name="connsiteX1537" fmla="*/ 363620 w 2044700"/>
                <a:gd name="connsiteY1537" fmla="*/ 189598 h 800786"/>
                <a:gd name="connsiteX1538" fmla="*/ 368506 w 2044700"/>
                <a:gd name="connsiteY1538" fmla="*/ 186423 h 800786"/>
                <a:gd name="connsiteX1539" fmla="*/ 375021 w 2044700"/>
                <a:gd name="connsiteY1539" fmla="*/ 186423 h 800786"/>
                <a:gd name="connsiteX1540" fmla="*/ 383165 w 2044700"/>
                <a:gd name="connsiteY1540" fmla="*/ 184835 h 800786"/>
                <a:gd name="connsiteX1541" fmla="*/ 468842 w 2044700"/>
                <a:gd name="connsiteY1541" fmla="*/ 151498 h 800786"/>
                <a:gd name="connsiteX1542" fmla="*/ 473869 w 2044700"/>
                <a:gd name="connsiteY1542" fmla="*/ 153085 h 800786"/>
                <a:gd name="connsiteX1543" fmla="*/ 480572 w 2044700"/>
                <a:gd name="connsiteY1543" fmla="*/ 153085 h 800786"/>
                <a:gd name="connsiteX1544" fmla="*/ 487275 w 2044700"/>
                <a:gd name="connsiteY1544" fmla="*/ 157848 h 800786"/>
                <a:gd name="connsiteX1545" fmla="*/ 488951 w 2044700"/>
                <a:gd name="connsiteY1545" fmla="*/ 162610 h 800786"/>
                <a:gd name="connsiteX1546" fmla="*/ 485599 w 2044700"/>
                <a:gd name="connsiteY1546" fmla="*/ 168960 h 800786"/>
                <a:gd name="connsiteX1547" fmla="*/ 477221 w 2044700"/>
                <a:gd name="connsiteY1547" fmla="*/ 168960 h 800786"/>
                <a:gd name="connsiteX1548" fmla="*/ 470518 w 2044700"/>
                <a:gd name="connsiteY1548" fmla="*/ 164198 h 800786"/>
                <a:gd name="connsiteX1549" fmla="*/ 465491 w 2044700"/>
                <a:gd name="connsiteY1549" fmla="*/ 165785 h 800786"/>
                <a:gd name="connsiteX1550" fmla="*/ 460463 w 2044700"/>
                <a:gd name="connsiteY1550" fmla="*/ 159435 h 800786"/>
                <a:gd name="connsiteX1551" fmla="*/ 465491 w 2044700"/>
                <a:gd name="connsiteY1551" fmla="*/ 153085 h 800786"/>
                <a:gd name="connsiteX1552" fmla="*/ 468842 w 2044700"/>
                <a:gd name="connsiteY1552" fmla="*/ 151498 h 800786"/>
                <a:gd name="connsiteX1553" fmla="*/ 572616 w 2044700"/>
                <a:gd name="connsiteY1553" fmla="*/ 100698 h 800786"/>
                <a:gd name="connsiteX1554" fmla="*/ 579115 w 2044700"/>
                <a:gd name="connsiteY1554" fmla="*/ 100698 h 800786"/>
                <a:gd name="connsiteX1555" fmla="*/ 585614 w 2044700"/>
                <a:gd name="connsiteY1555" fmla="*/ 100698 h 800786"/>
                <a:gd name="connsiteX1556" fmla="*/ 592113 w 2044700"/>
                <a:gd name="connsiteY1556" fmla="*/ 103949 h 800786"/>
                <a:gd name="connsiteX1557" fmla="*/ 600236 w 2044700"/>
                <a:gd name="connsiteY1557" fmla="*/ 103949 h 800786"/>
                <a:gd name="connsiteX1558" fmla="*/ 605110 w 2044700"/>
                <a:gd name="connsiteY1558" fmla="*/ 107199 h 800786"/>
                <a:gd name="connsiteX1559" fmla="*/ 609984 w 2044700"/>
                <a:gd name="connsiteY1559" fmla="*/ 108824 h 800786"/>
                <a:gd name="connsiteX1560" fmla="*/ 614859 w 2044700"/>
                <a:gd name="connsiteY1560" fmla="*/ 115326 h 800786"/>
                <a:gd name="connsiteX1561" fmla="*/ 619733 w 2044700"/>
                <a:gd name="connsiteY1561" fmla="*/ 120202 h 800786"/>
                <a:gd name="connsiteX1562" fmla="*/ 626232 w 2044700"/>
                <a:gd name="connsiteY1562" fmla="*/ 123452 h 800786"/>
                <a:gd name="connsiteX1563" fmla="*/ 631106 w 2044700"/>
                <a:gd name="connsiteY1563" fmla="*/ 128328 h 800786"/>
                <a:gd name="connsiteX1564" fmla="*/ 632730 w 2044700"/>
                <a:gd name="connsiteY1564" fmla="*/ 134829 h 800786"/>
                <a:gd name="connsiteX1565" fmla="*/ 644103 w 2044700"/>
                <a:gd name="connsiteY1565" fmla="*/ 134829 h 800786"/>
                <a:gd name="connsiteX1566" fmla="*/ 652227 w 2044700"/>
                <a:gd name="connsiteY1566" fmla="*/ 136454 h 800786"/>
                <a:gd name="connsiteX1567" fmla="*/ 657101 w 2044700"/>
                <a:gd name="connsiteY1567" fmla="*/ 138080 h 800786"/>
                <a:gd name="connsiteX1568" fmla="*/ 658726 w 2044700"/>
                <a:gd name="connsiteY1568" fmla="*/ 142956 h 800786"/>
                <a:gd name="connsiteX1569" fmla="*/ 658726 w 2044700"/>
                <a:gd name="connsiteY1569" fmla="*/ 147832 h 800786"/>
                <a:gd name="connsiteX1570" fmla="*/ 661975 w 2044700"/>
                <a:gd name="connsiteY1570" fmla="*/ 151082 h 800786"/>
                <a:gd name="connsiteX1571" fmla="*/ 668474 w 2044700"/>
                <a:gd name="connsiteY1571" fmla="*/ 154333 h 800786"/>
                <a:gd name="connsiteX1572" fmla="*/ 671723 w 2044700"/>
                <a:gd name="connsiteY1572" fmla="*/ 151082 h 800786"/>
                <a:gd name="connsiteX1573" fmla="*/ 666849 w 2044700"/>
                <a:gd name="connsiteY1573" fmla="*/ 146206 h 800786"/>
                <a:gd name="connsiteX1574" fmla="*/ 666849 w 2044700"/>
                <a:gd name="connsiteY1574" fmla="*/ 141330 h 800786"/>
                <a:gd name="connsiteX1575" fmla="*/ 671723 w 2044700"/>
                <a:gd name="connsiteY1575" fmla="*/ 139705 h 800786"/>
                <a:gd name="connsiteX1576" fmla="*/ 683096 w 2044700"/>
                <a:gd name="connsiteY1576" fmla="*/ 142956 h 800786"/>
                <a:gd name="connsiteX1577" fmla="*/ 686346 w 2044700"/>
                <a:gd name="connsiteY1577" fmla="*/ 146206 h 800786"/>
                <a:gd name="connsiteX1578" fmla="*/ 687971 w 2044700"/>
                <a:gd name="connsiteY1578" fmla="*/ 149457 h 800786"/>
                <a:gd name="connsiteX1579" fmla="*/ 676598 w 2044700"/>
                <a:gd name="connsiteY1579" fmla="*/ 154333 h 800786"/>
                <a:gd name="connsiteX1580" fmla="*/ 683096 w 2044700"/>
                <a:gd name="connsiteY1580" fmla="*/ 152707 h 800786"/>
                <a:gd name="connsiteX1581" fmla="*/ 691220 w 2044700"/>
                <a:gd name="connsiteY1581" fmla="*/ 157583 h 800786"/>
                <a:gd name="connsiteX1582" fmla="*/ 696094 w 2044700"/>
                <a:gd name="connsiteY1582" fmla="*/ 159209 h 800786"/>
                <a:gd name="connsiteX1583" fmla="*/ 692845 w 2044700"/>
                <a:gd name="connsiteY1583" fmla="*/ 164085 h 800786"/>
                <a:gd name="connsiteX1584" fmla="*/ 696094 w 2044700"/>
                <a:gd name="connsiteY1584" fmla="*/ 165710 h 800786"/>
                <a:gd name="connsiteX1585" fmla="*/ 697719 w 2044700"/>
                <a:gd name="connsiteY1585" fmla="*/ 167335 h 800786"/>
                <a:gd name="connsiteX1586" fmla="*/ 696094 w 2044700"/>
                <a:gd name="connsiteY1586" fmla="*/ 170586 h 800786"/>
                <a:gd name="connsiteX1587" fmla="*/ 696094 w 2044700"/>
                <a:gd name="connsiteY1587" fmla="*/ 175462 h 800786"/>
                <a:gd name="connsiteX1588" fmla="*/ 702593 w 2044700"/>
                <a:gd name="connsiteY1588" fmla="*/ 173836 h 800786"/>
                <a:gd name="connsiteX1589" fmla="*/ 709092 w 2044700"/>
                <a:gd name="connsiteY1589" fmla="*/ 173836 h 800786"/>
                <a:gd name="connsiteX1590" fmla="*/ 712341 w 2044700"/>
                <a:gd name="connsiteY1590" fmla="*/ 175462 h 800786"/>
                <a:gd name="connsiteX1591" fmla="*/ 715591 w 2044700"/>
                <a:gd name="connsiteY1591" fmla="*/ 177087 h 800786"/>
                <a:gd name="connsiteX1592" fmla="*/ 717215 w 2044700"/>
                <a:gd name="connsiteY1592" fmla="*/ 173836 h 800786"/>
                <a:gd name="connsiteX1593" fmla="*/ 722089 w 2044700"/>
                <a:gd name="connsiteY1593" fmla="*/ 173836 h 800786"/>
                <a:gd name="connsiteX1594" fmla="*/ 725339 w 2044700"/>
                <a:gd name="connsiteY1594" fmla="*/ 177087 h 800786"/>
                <a:gd name="connsiteX1595" fmla="*/ 726964 w 2044700"/>
                <a:gd name="connsiteY1595" fmla="*/ 180338 h 800786"/>
                <a:gd name="connsiteX1596" fmla="*/ 728588 w 2044700"/>
                <a:gd name="connsiteY1596" fmla="*/ 183588 h 800786"/>
                <a:gd name="connsiteX1597" fmla="*/ 730213 w 2044700"/>
                <a:gd name="connsiteY1597" fmla="*/ 186839 h 800786"/>
                <a:gd name="connsiteX1598" fmla="*/ 726964 w 2044700"/>
                <a:gd name="connsiteY1598" fmla="*/ 190089 h 800786"/>
                <a:gd name="connsiteX1599" fmla="*/ 730213 w 2044700"/>
                <a:gd name="connsiteY1599" fmla="*/ 190089 h 800786"/>
                <a:gd name="connsiteX1600" fmla="*/ 723714 w 2044700"/>
                <a:gd name="connsiteY1600" fmla="*/ 193340 h 800786"/>
                <a:gd name="connsiteX1601" fmla="*/ 718840 w 2044700"/>
                <a:gd name="connsiteY1601" fmla="*/ 194965 h 800786"/>
                <a:gd name="connsiteX1602" fmla="*/ 704218 w 2044700"/>
                <a:gd name="connsiteY1602" fmla="*/ 199841 h 800786"/>
                <a:gd name="connsiteX1603" fmla="*/ 696094 w 2044700"/>
                <a:gd name="connsiteY1603" fmla="*/ 204717 h 800786"/>
                <a:gd name="connsiteX1604" fmla="*/ 692845 w 2044700"/>
                <a:gd name="connsiteY1604" fmla="*/ 206342 h 800786"/>
                <a:gd name="connsiteX1605" fmla="*/ 686346 w 2044700"/>
                <a:gd name="connsiteY1605" fmla="*/ 211218 h 800786"/>
                <a:gd name="connsiteX1606" fmla="*/ 681472 w 2044700"/>
                <a:gd name="connsiteY1606" fmla="*/ 211218 h 800786"/>
                <a:gd name="connsiteX1607" fmla="*/ 679847 w 2044700"/>
                <a:gd name="connsiteY1607" fmla="*/ 206342 h 800786"/>
                <a:gd name="connsiteX1608" fmla="*/ 683096 w 2044700"/>
                <a:gd name="connsiteY1608" fmla="*/ 201466 h 800786"/>
                <a:gd name="connsiteX1609" fmla="*/ 678222 w 2044700"/>
                <a:gd name="connsiteY1609" fmla="*/ 199841 h 800786"/>
                <a:gd name="connsiteX1610" fmla="*/ 674973 w 2044700"/>
                <a:gd name="connsiteY1610" fmla="*/ 203092 h 800786"/>
                <a:gd name="connsiteX1611" fmla="*/ 676598 w 2044700"/>
                <a:gd name="connsiteY1611" fmla="*/ 209593 h 800786"/>
                <a:gd name="connsiteX1612" fmla="*/ 679847 w 2044700"/>
                <a:gd name="connsiteY1612" fmla="*/ 212843 h 800786"/>
                <a:gd name="connsiteX1613" fmla="*/ 681472 w 2044700"/>
                <a:gd name="connsiteY1613" fmla="*/ 216094 h 800786"/>
                <a:gd name="connsiteX1614" fmla="*/ 678222 w 2044700"/>
                <a:gd name="connsiteY1614" fmla="*/ 220970 h 800786"/>
                <a:gd name="connsiteX1615" fmla="*/ 678222 w 2044700"/>
                <a:gd name="connsiteY1615" fmla="*/ 219345 h 800786"/>
                <a:gd name="connsiteX1616" fmla="*/ 670099 w 2044700"/>
                <a:gd name="connsiteY1616" fmla="*/ 217719 h 800786"/>
                <a:gd name="connsiteX1617" fmla="*/ 670099 w 2044700"/>
                <a:gd name="connsiteY1617" fmla="*/ 220970 h 800786"/>
                <a:gd name="connsiteX1618" fmla="*/ 668474 w 2044700"/>
                <a:gd name="connsiteY1618" fmla="*/ 229096 h 800786"/>
                <a:gd name="connsiteX1619" fmla="*/ 665225 w 2044700"/>
                <a:gd name="connsiteY1619" fmla="*/ 230722 h 800786"/>
                <a:gd name="connsiteX1620" fmla="*/ 658726 w 2044700"/>
                <a:gd name="connsiteY1620" fmla="*/ 227471 h 800786"/>
                <a:gd name="connsiteX1621" fmla="*/ 653852 w 2044700"/>
                <a:gd name="connsiteY1621" fmla="*/ 224221 h 800786"/>
                <a:gd name="connsiteX1622" fmla="*/ 653852 w 2044700"/>
                <a:gd name="connsiteY1622" fmla="*/ 227471 h 800786"/>
                <a:gd name="connsiteX1623" fmla="*/ 652227 w 2044700"/>
                <a:gd name="connsiteY1623" fmla="*/ 230722 h 800786"/>
                <a:gd name="connsiteX1624" fmla="*/ 648977 w 2044700"/>
                <a:gd name="connsiteY1624" fmla="*/ 227471 h 800786"/>
                <a:gd name="connsiteX1625" fmla="*/ 644103 w 2044700"/>
                <a:gd name="connsiteY1625" fmla="*/ 222595 h 800786"/>
                <a:gd name="connsiteX1626" fmla="*/ 637605 w 2044700"/>
                <a:gd name="connsiteY1626" fmla="*/ 224221 h 800786"/>
                <a:gd name="connsiteX1627" fmla="*/ 639229 w 2044700"/>
                <a:gd name="connsiteY1627" fmla="*/ 230722 h 800786"/>
                <a:gd name="connsiteX1628" fmla="*/ 631106 w 2044700"/>
                <a:gd name="connsiteY1628" fmla="*/ 230722 h 800786"/>
                <a:gd name="connsiteX1629" fmla="*/ 624607 w 2044700"/>
                <a:gd name="connsiteY1629" fmla="*/ 232347 h 800786"/>
                <a:gd name="connsiteX1630" fmla="*/ 618108 w 2044700"/>
                <a:gd name="connsiteY1630" fmla="*/ 232347 h 800786"/>
                <a:gd name="connsiteX1631" fmla="*/ 613234 w 2044700"/>
                <a:gd name="connsiteY1631" fmla="*/ 229096 h 800786"/>
                <a:gd name="connsiteX1632" fmla="*/ 606735 w 2044700"/>
                <a:gd name="connsiteY1632" fmla="*/ 227471 h 800786"/>
                <a:gd name="connsiteX1633" fmla="*/ 598611 w 2044700"/>
                <a:gd name="connsiteY1633" fmla="*/ 225846 h 800786"/>
                <a:gd name="connsiteX1634" fmla="*/ 592113 w 2044700"/>
                <a:gd name="connsiteY1634" fmla="*/ 217719 h 800786"/>
                <a:gd name="connsiteX1635" fmla="*/ 598611 w 2044700"/>
                <a:gd name="connsiteY1635" fmla="*/ 217719 h 800786"/>
                <a:gd name="connsiteX1636" fmla="*/ 609984 w 2044700"/>
                <a:gd name="connsiteY1636" fmla="*/ 216094 h 800786"/>
                <a:gd name="connsiteX1637" fmla="*/ 603486 w 2044700"/>
                <a:gd name="connsiteY1637" fmla="*/ 212843 h 800786"/>
                <a:gd name="connsiteX1638" fmla="*/ 598611 w 2044700"/>
                <a:gd name="connsiteY1638" fmla="*/ 214469 h 800786"/>
                <a:gd name="connsiteX1639" fmla="*/ 592113 w 2044700"/>
                <a:gd name="connsiteY1639" fmla="*/ 214469 h 800786"/>
                <a:gd name="connsiteX1640" fmla="*/ 588863 w 2044700"/>
                <a:gd name="connsiteY1640" fmla="*/ 212843 h 800786"/>
                <a:gd name="connsiteX1641" fmla="*/ 587238 w 2044700"/>
                <a:gd name="connsiteY1641" fmla="*/ 207968 h 800786"/>
                <a:gd name="connsiteX1642" fmla="*/ 580740 w 2044700"/>
                <a:gd name="connsiteY1642" fmla="*/ 207968 h 800786"/>
                <a:gd name="connsiteX1643" fmla="*/ 575866 w 2044700"/>
                <a:gd name="connsiteY1643" fmla="*/ 206342 h 800786"/>
                <a:gd name="connsiteX1644" fmla="*/ 566117 w 2044700"/>
                <a:gd name="connsiteY1644" fmla="*/ 196590 h 800786"/>
                <a:gd name="connsiteX1645" fmla="*/ 570991 w 2044700"/>
                <a:gd name="connsiteY1645" fmla="*/ 196590 h 800786"/>
                <a:gd name="connsiteX1646" fmla="*/ 577490 w 2044700"/>
                <a:gd name="connsiteY1646" fmla="*/ 194965 h 800786"/>
                <a:gd name="connsiteX1647" fmla="*/ 580740 w 2044700"/>
                <a:gd name="connsiteY1647" fmla="*/ 194965 h 800786"/>
                <a:gd name="connsiteX1648" fmla="*/ 588863 w 2044700"/>
                <a:gd name="connsiteY1648" fmla="*/ 193340 h 800786"/>
                <a:gd name="connsiteX1649" fmla="*/ 596987 w 2044700"/>
                <a:gd name="connsiteY1649" fmla="*/ 193340 h 800786"/>
                <a:gd name="connsiteX1650" fmla="*/ 609984 w 2044700"/>
                <a:gd name="connsiteY1650" fmla="*/ 193340 h 800786"/>
                <a:gd name="connsiteX1651" fmla="*/ 619733 w 2044700"/>
                <a:gd name="connsiteY1651" fmla="*/ 188464 h 800786"/>
                <a:gd name="connsiteX1652" fmla="*/ 614859 w 2044700"/>
                <a:gd name="connsiteY1652" fmla="*/ 190089 h 800786"/>
                <a:gd name="connsiteX1653" fmla="*/ 601861 w 2044700"/>
                <a:gd name="connsiteY1653" fmla="*/ 190089 h 800786"/>
                <a:gd name="connsiteX1654" fmla="*/ 595362 w 2044700"/>
                <a:gd name="connsiteY1654" fmla="*/ 188464 h 800786"/>
                <a:gd name="connsiteX1655" fmla="*/ 598611 w 2044700"/>
                <a:gd name="connsiteY1655" fmla="*/ 188464 h 800786"/>
                <a:gd name="connsiteX1656" fmla="*/ 606735 w 2044700"/>
                <a:gd name="connsiteY1656" fmla="*/ 186839 h 800786"/>
                <a:gd name="connsiteX1657" fmla="*/ 609984 w 2044700"/>
                <a:gd name="connsiteY1657" fmla="*/ 183588 h 800786"/>
                <a:gd name="connsiteX1658" fmla="*/ 603486 w 2044700"/>
                <a:gd name="connsiteY1658" fmla="*/ 185213 h 800786"/>
                <a:gd name="connsiteX1659" fmla="*/ 600236 w 2044700"/>
                <a:gd name="connsiteY1659" fmla="*/ 183588 h 800786"/>
                <a:gd name="connsiteX1660" fmla="*/ 593737 w 2044700"/>
                <a:gd name="connsiteY1660" fmla="*/ 180338 h 800786"/>
                <a:gd name="connsiteX1661" fmla="*/ 588863 w 2044700"/>
                <a:gd name="connsiteY1661" fmla="*/ 180338 h 800786"/>
                <a:gd name="connsiteX1662" fmla="*/ 582364 w 2044700"/>
                <a:gd name="connsiteY1662" fmla="*/ 183588 h 800786"/>
                <a:gd name="connsiteX1663" fmla="*/ 579115 w 2044700"/>
                <a:gd name="connsiteY1663" fmla="*/ 185213 h 800786"/>
                <a:gd name="connsiteX1664" fmla="*/ 570991 w 2044700"/>
                <a:gd name="connsiteY1664" fmla="*/ 188464 h 800786"/>
                <a:gd name="connsiteX1665" fmla="*/ 569367 w 2044700"/>
                <a:gd name="connsiteY1665" fmla="*/ 183588 h 800786"/>
                <a:gd name="connsiteX1666" fmla="*/ 567742 w 2044700"/>
                <a:gd name="connsiteY1666" fmla="*/ 183588 h 800786"/>
                <a:gd name="connsiteX1667" fmla="*/ 562868 w 2044700"/>
                <a:gd name="connsiteY1667" fmla="*/ 185213 h 800786"/>
                <a:gd name="connsiteX1668" fmla="*/ 557994 w 2044700"/>
                <a:gd name="connsiteY1668" fmla="*/ 188464 h 800786"/>
                <a:gd name="connsiteX1669" fmla="*/ 556369 w 2044700"/>
                <a:gd name="connsiteY1669" fmla="*/ 186839 h 800786"/>
                <a:gd name="connsiteX1670" fmla="*/ 548245 w 2044700"/>
                <a:gd name="connsiteY1670" fmla="*/ 183588 h 800786"/>
                <a:gd name="connsiteX1671" fmla="*/ 543371 w 2044700"/>
                <a:gd name="connsiteY1671" fmla="*/ 175462 h 800786"/>
                <a:gd name="connsiteX1672" fmla="*/ 549870 w 2044700"/>
                <a:gd name="connsiteY1672" fmla="*/ 173836 h 800786"/>
                <a:gd name="connsiteX1673" fmla="*/ 561243 w 2044700"/>
                <a:gd name="connsiteY1673" fmla="*/ 172211 h 800786"/>
                <a:gd name="connsiteX1674" fmla="*/ 562868 w 2044700"/>
                <a:gd name="connsiteY1674" fmla="*/ 168960 h 800786"/>
                <a:gd name="connsiteX1675" fmla="*/ 556369 w 2044700"/>
                <a:gd name="connsiteY1675" fmla="*/ 170586 h 800786"/>
                <a:gd name="connsiteX1676" fmla="*/ 549870 w 2044700"/>
                <a:gd name="connsiteY1676" fmla="*/ 172211 h 800786"/>
                <a:gd name="connsiteX1677" fmla="*/ 540122 w 2044700"/>
                <a:gd name="connsiteY1677" fmla="*/ 173836 h 800786"/>
                <a:gd name="connsiteX1678" fmla="*/ 535248 w 2044700"/>
                <a:gd name="connsiteY1678" fmla="*/ 172211 h 800786"/>
                <a:gd name="connsiteX1679" fmla="*/ 531998 w 2044700"/>
                <a:gd name="connsiteY1679" fmla="*/ 165710 h 800786"/>
                <a:gd name="connsiteX1680" fmla="*/ 525499 w 2044700"/>
                <a:gd name="connsiteY1680" fmla="*/ 155958 h 800786"/>
                <a:gd name="connsiteX1681" fmla="*/ 525499 w 2044700"/>
                <a:gd name="connsiteY1681" fmla="*/ 152707 h 800786"/>
                <a:gd name="connsiteX1682" fmla="*/ 533623 w 2044700"/>
                <a:gd name="connsiteY1682" fmla="*/ 152707 h 800786"/>
                <a:gd name="connsiteX1683" fmla="*/ 538497 w 2044700"/>
                <a:gd name="connsiteY1683" fmla="*/ 155958 h 800786"/>
                <a:gd name="connsiteX1684" fmla="*/ 544996 w 2044700"/>
                <a:gd name="connsiteY1684" fmla="*/ 155958 h 800786"/>
                <a:gd name="connsiteX1685" fmla="*/ 556369 w 2044700"/>
                <a:gd name="connsiteY1685" fmla="*/ 155958 h 800786"/>
                <a:gd name="connsiteX1686" fmla="*/ 567742 w 2044700"/>
                <a:gd name="connsiteY1686" fmla="*/ 149457 h 800786"/>
                <a:gd name="connsiteX1687" fmla="*/ 561243 w 2044700"/>
                <a:gd name="connsiteY1687" fmla="*/ 152707 h 800786"/>
                <a:gd name="connsiteX1688" fmla="*/ 551495 w 2044700"/>
                <a:gd name="connsiteY1688" fmla="*/ 151082 h 800786"/>
                <a:gd name="connsiteX1689" fmla="*/ 546621 w 2044700"/>
                <a:gd name="connsiteY1689" fmla="*/ 151082 h 800786"/>
                <a:gd name="connsiteX1690" fmla="*/ 540122 w 2044700"/>
                <a:gd name="connsiteY1690" fmla="*/ 151082 h 800786"/>
                <a:gd name="connsiteX1691" fmla="*/ 528749 w 2044700"/>
                <a:gd name="connsiteY1691" fmla="*/ 149457 h 800786"/>
                <a:gd name="connsiteX1692" fmla="*/ 527124 w 2044700"/>
                <a:gd name="connsiteY1692" fmla="*/ 144581 h 800786"/>
                <a:gd name="connsiteX1693" fmla="*/ 528749 w 2044700"/>
                <a:gd name="connsiteY1693" fmla="*/ 142956 h 800786"/>
                <a:gd name="connsiteX1694" fmla="*/ 538497 w 2044700"/>
                <a:gd name="connsiteY1694" fmla="*/ 142956 h 800786"/>
                <a:gd name="connsiteX1695" fmla="*/ 535248 w 2044700"/>
                <a:gd name="connsiteY1695" fmla="*/ 139705 h 800786"/>
                <a:gd name="connsiteX1696" fmla="*/ 540122 w 2044700"/>
                <a:gd name="connsiteY1696" fmla="*/ 134829 h 800786"/>
                <a:gd name="connsiteX1697" fmla="*/ 535248 w 2044700"/>
                <a:gd name="connsiteY1697" fmla="*/ 131579 h 800786"/>
                <a:gd name="connsiteX1698" fmla="*/ 541747 w 2044700"/>
                <a:gd name="connsiteY1698" fmla="*/ 129953 h 800786"/>
                <a:gd name="connsiteX1699" fmla="*/ 546621 w 2044700"/>
                <a:gd name="connsiteY1699" fmla="*/ 129953 h 800786"/>
                <a:gd name="connsiteX1700" fmla="*/ 553120 w 2044700"/>
                <a:gd name="connsiteY1700" fmla="*/ 129953 h 800786"/>
                <a:gd name="connsiteX1701" fmla="*/ 557994 w 2044700"/>
                <a:gd name="connsiteY1701" fmla="*/ 134829 h 800786"/>
                <a:gd name="connsiteX1702" fmla="*/ 561243 w 2044700"/>
                <a:gd name="connsiteY1702" fmla="*/ 133204 h 800786"/>
                <a:gd name="connsiteX1703" fmla="*/ 566117 w 2044700"/>
                <a:gd name="connsiteY1703" fmla="*/ 131579 h 800786"/>
                <a:gd name="connsiteX1704" fmla="*/ 564493 w 2044700"/>
                <a:gd name="connsiteY1704" fmla="*/ 128328 h 800786"/>
                <a:gd name="connsiteX1705" fmla="*/ 557994 w 2044700"/>
                <a:gd name="connsiteY1705" fmla="*/ 128328 h 800786"/>
                <a:gd name="connsiteX1706" fmla="*/ 549870 w 2044700"/>
                <a:gd name="connsiteY1706" fmla="*/ 126703 h 800786"/>
                <a:gd name="connsiteX1707" fmla="*/ 546621 w 2044700"/>
                <a:gd name="connsiteY1707" fmla="*/ 123452 h 800786"/>
                <a:gd name="connsiteX1708" fmla="*/ 546621 w 2044700"/>
                <a:gd name="connsiteY1708" fmla="*/ 118576 h 800786"/>
                <a:gd name="connsiteX1709" fmla="*/ 551495 w 2044700"/>
                <a:gd name="connsiteY1709" fmla="*/ 115326 h 800786"/>
                <a:gd name="connsiteX1710" fmla="*/ 561243 w 2044700"/>
                <a:gd name="connsiteY1710" fmla="*/ 118576 h 800786"/>
                <a:gd name="connsiteX1711" fmla="*/ 564493 w 2044700"/>
                <a:gd name="connsiteY1711" fmla="*/ 118576 h 800786"/>
                <a:gd name="connsiteX1712" fmla="*/ 567742 w 2044700"/>
                <a:gd name="connsiteY1712" fmla="*/ 113700 h 800786"/>
                <a:gd name="connsiteX1713" fmla="*/ 570991 w 2044700"/>
                <a:gd name="connsiteY1713" fmla="*/ 113700 h 800786"/>
                <a:gd name="connsiteX1714" fmla="*/ 579115 w 2044700"/>
                <a:gd name="connsiteY1714" fmla="*/ 113700 h 800786"/>
                <a:gd name="connsiteX1715" fmla="*/ 588863 w 2044700"/>
                <a:gd name="connsiteY1715" fmla="*/ 113700 h 800786"/>
                <a:gd name="connsiteX1716" fmla="*/ 583989 w 2044700"/>
                <a:gd name="connsiteY1716" fmla="*/ 110450 h 800786"/>
                <a:gd name="connsiteX1717" fmla="*/ 577490 w 2044700"/>
                <a:gd name="connsiteY1717" fmla="*/ 110450 h 800786"/>
                <a:gd name="connsiteX1718" fmla="*/ 567742 w 2044700"/>
                <a:gd name="connsiteY1718" fmla="*/ 108824 h 800786"/>
                <a:gd name="connsiteX1719" fmla="*/ 566117 w 2044700"/>
                <a:gd name="connsiteY1719" fmla="*/ 103949 h 800786"/>
                <a:gd name="connsiteX1720" fmla="*/ 572616 w 2044700"/>
                <a:gd name="connsiteY1720" fmla="*/ 100698 h 800786"/>
                <a:gd name="connsiteX1721" fmla="*/ 991378 w 2044700"/>
                <a:gd name="connsiteY1721" fmla="*/ 24498 h 800786"/>
                <a:gd name="connsiteX1722" fmla="*/ 996252 w 2044700"/>
                <a:gd name="connsiteY1722" fmla="*/ 26122 h 800786"/>
                <a:gd name="connsiteX1723" fmla="*/ 997877 w 2044700"/>
                <a:gd name="connsiteY1723" fmla="*/ 26122 h 800786"/>
                <a:gd name="connsiteX1724" fmla="*/ 1001127 w 2044700"/>
                <a:gd name="connsiteY1724" fmla="*/ 27746 h 800786"/>
                <a:gd name="connsiteX1725" fmla="*/ 1009250 w 2044700"/>
                <a:gd name="connsiteY1725" fmla="*/ 29371 h 800786"/>
                <a:gd name="connsiteX1726" fmla="*/ 1012500 w 2044700"/>
                <a:gd name="connsiteY1726" fmla="*/ 29371 h 800786"/>
                <a:gd name="connsiteX1727" fmla="*/ 1015749 w 2044700"/>
                <a:gd name="connsiteY1727" fmla="*/ 30995 h 800786"/>
                <a:gd name="connsiteX1728" fmla="*/ 1020623 w 2044700"/>
                <a:gd name="connsiteY1728" fmla="*/ 30995 h 800786"/>
                <a:gd name="connsiteX1729" fmla="*/ 1023873 w 2044700"/>
                <a:gd name="connsiteY1729" fmla="*/ 32619 h 800786"/>
                <a:gd name="connsiteX1730" fmla="*/ 1028747 w 2044700"/>
                <a:gd name="connsiteY1730" fmla="*/ 30995 h 800786"/>
                <a:gd name="connsiteX1731" fmla="*/ 1033621 w 2044700"/>
                <a:gd name="connsiteY1731" fmla="*/ 30995 h 800786"/>
                <a:gd name="connsiteX1732" fmla="*/ 1040120 w 2044700"/>
                <a:gd name="connsiteY1732" fmla="*/ 32619 h 800786"/>
                <a:gd name="connsiteX1733" fmla="*/ 1041745 w 2044700"/>
                <a:gd name="connsiteY1733" fmla="*/ 34243 h 800786"/>
                <a:gd name="connsiteX1734" fmla="*/ 1044995 w 2044700"/>
                <a:gd name="connsiteY1734" fmla="*/ 34243 h 800786"/>
                <a:gd name="connsiteX1735" fmla="*/ 1054743 w 2044700"/>
                <a:gd name="connsiteY1735" fmla="*/ 35867 h 800786"/>
                <a:gd name="connsiteX1736" fmla="*/ 1059617 w 2044700"/>
                <a:gd name="connsiteY1736" fmla="*/ 34243 h 800786"/>
                <a:gd name="connsiteX1737" fmla="*/ 1066116 w 2044700"/>
                <a:gd name="connsiteY1737" fmla="*/ 35867 h 800786"/>
                <a:gd name="connsiteX1738" fmla="*/ 1066116 w 2044700"/>
                <a:gd name="connsiteY1738" fmla="*/ 37492 h 800786"/>
                <a:gd name="connsiteX1739" fmla="*/ 1062867 w 2044700"/>
                <a:gd name="connsiteY1739" fmla="*/ 39116 h 800786"/>
                <a:gd name="connsiteX1740" fmla="*/ 1053118 w 2044700"/>
                <a:gd name="connsiteY1740" fmla="*/ 42364 h 800786"/>
                <a:gd name="connsiteX1741" fmla="*/ 1043370 w 2044700"/>
                <a:gd name="connsiteY1741" fmla="*/ 42364 h 800786"/>
                <a:gd name="connsiteX1742" fmla="*/ 1023873 w 2044700"/>
                <a:gd name="connsiteY1742" fmla="*/ 50485 h 800786"/>
                <a:gd name="connsiteX1743" fmla="*/ 1031997 w 2044700"/>
                <a:gd name="connsiteY1743" fmla="*/ 47237 h 800786"/>
                <a:gd name="connsiteX1744" fmla="*/ 1040120 w 2044700"/>
                <a:gd name="connsiteY1744" fmla="*/ 47237 h 800786"/>
                <a:gd name="connsiteX1745" fmla="*/ 1044995 w 2044700"/>
                <a:gd name="connsiteY1745" fmla="*/ 47237 h 800786"/>
                <a:gd name="connsiteX1746" fmla="*/ 1057993 w 2044700"/>
                <a:gd name="connsiteY1746" fmla="*/ 43988 h 800786"/>
                <a:gd name="connsiteX1747" fmla="*/ 1064492 w 2044700"/>
                <a:gd name="connsiteY1747" fmla="*/ 42364 h 800786"/>
                <a:gd name="connsiteX1748" fmla="*/ 1070991 w 2044700"/>
                <a:gd name="connsiteY1748" fmla="*/ 39116 h 800786"/>
                <a:gd name="connsiteX1749" fmla="*/ 1077490 w 2044700"/>
                <a:gd name="connsiteY1749" fmla="*/ 40740 h 800786"/>
                <a:gd name="connsiteX1750" fmla="*/ 1082364 w 2044700"/>
                <a:gd name="connsiteY1750" fmla="*/ 40740 h 800786"/>
                <a:gd name="connsiteX1751" fmla="*/ 1085613 w 2044700"/>
                <a:gd name="connsiteY1751" fmla="*/ 35867 h 800786"/>
                <a:gd name="connsiteX1752" fmla="*/ 1096986 w 2044700"/>
                <a:gd name="connsiteY1752" fmla="*/ 37492 h 800786"/>
                <a:gd name="connsiteX1753" fmla="*/ 1108360 w 2044700"/>
                <a:gd name="connsiteY1753" fmla="*/ 37492 h 800786"/>
                <a:gd name="connsiteX1754" fmla="*/ 1119733 w 2044700"/>
                <a:gd name="connsiteY1754" fmla="*/ 37492 h 800786"/>
                <a:gd name="connsiteX1755" fmla="*/ 1116483 w 2044700"/>
                <a:gd name="connsiteY1755" fmla="*/ 45613 h 800786"/>
                <a:gd name="connsiteX1756" fmla="*/ 1127857 w 2044700"/>
                <a:gd name="connsiteY1756" fmla="*/ 53734 h 800786"/>
                <a:gd name="connsiteX1757" fmla="*/ 1135980 w 2044700"/>
                <a:gd name="connsiteY1757" fmla="*/ 53734 h 800786"/>
                <a:gd name="connsiteX1758" fmla="*/ 1145729 w 2044700"/>
                <a:gd name="connsiteY1758" fmla="*/ 53734 h 800786"/>
                <a:gd name="connsiteX1759" fmla="*/ 1157102 w 2044700"/>
                <a:gd name="connsiteY1759" fmla="*/ 56982 h 800786"/>
                <a:gd name="connsiteX1760" fmla="*/ 1163601 w 2044700"/>
                <a:gd name="connsiteY1760" fmla="*/ 61855 h 800786"/>
                <a:gd name="connsiteX1761" fmla="*/ 1161976 w 2044700"/>
                <a:gd name="connsiteY1761" fmla="*/ 65103 h 800786"/>
                <a:gd name="connsiteX1762" fmla="*/ 1157102 w 2044700"/>
                <a:gd name="connsiteY1762" fmla="*/ 66727 h 800786"/>
                <a:gd name="connsiteX1763" fmla="*/ 1155477 w 2044700"/>
                <a:gd name="connsiteY1763" fmla="*/ 68352 h 800786"/>
                <a:gd name="connsiteX1764" fmla="*/ 1153853 w 2044700"/>
                <a:gd name="connsiteY1764" fmla="*/ 69976 h 800786"/>
                <a:gd name="connsiteX1765" fmla="*/ 1150603 w 2044700"/>
                <a:gd name="connsiteY1765" fmla="*/ 73224 h 800786"/>
                <a:gd name="connsiteX1766" fmla="*/ 1144104 w 2044700"/>
                <a:gd name="connsiteY1766" fmla="*/ 73224 h 800786"/>
                <a:gd name="connsiteX1767" fmla="*/ 1137605 w 2044700"/>
                <a:gd name="connsiteY1767" fmla="*/ 78097 h 800786"/>
                <a:gd name="connsiteX1768" fmla="*/ 1132731 w 2044700"/>
                <a:gd name="connsiteY1768" fmla="*/ 79721 h 800786"/>
                <a:gd name="connsiteX1769" fmla="*/ 1124607 w 2044700"/>
                <a:gd name="connsiteY1769" fmla="*/ 81345 h 800786"/>
                <a:gd name="connsiteX1770" fmla="*/ 1121358 w 2044700"/>
                <a:gd name="connsiteY1770" fmla="*/ 81345 h 800786"/>
                <a:gd name="connsiteX1771" fmla="*/ 1118108 w 2044700"/>
                <a:gd name="connsiteY1771" fmla="*/ 82969 h 800786"/>
                <a:gd name="connsiteX1772" fmla="*/ 1114859 w 2044700"/>
                <a:gd name="connsiteY1772" fmla="*/ 82969 h 800786"/>
                <a:gd name="connsiteX1773" fmla="*/ 1108360 w 2044700"/>
                <a:gd name="connsiteY1773" fmla="*/ 84594 h 800786"/>
                <a:gd name="connsiteX1774" fmla="*/ 1106735 w 2044700"/>
                <a:gd name="connsiteY1774" fmla="*/ 86218 h 800786"/>
                <a:gd name="connsiteX1775" fmla="*/ 1096986 w 2044700"/>
                <a:gd name="connsiteY1775" fmla="*/ 87842 h 800786"/>
                <a:gd name="connsiteX1776" fmla="*/ 1092112 w 2044700"/>
                <a:gd name="connsiteY1776" fmla="*/ 89466 h 800786"/>
                <a:gd name="connsiteX1777" fmla="*/ 1075865 w 2044700"/>
                <a:gd name="connsiteY1777" fmla="*/ 92715 h 800786"/>
                <a:gd name="connsiteX1778" fmla="*/ 1069366 w 2044700"/>
                <a:gd name="connsiteY1778" fmla="*/ 94339 h 800786"/>
                <a:gd name="connsiteX1779" fmla="*/ 1059617 w 2044700"/>
                <a:gd name="connsiteY1779" fmla="*/ 97587 h 800786"/>
                <a:gd name="connsiteX1780" fmla="*/ 1056368 w 2044700"/>
                <a:gd name="connsiteY1780" fmla="*/ 99212 h 800786"/>
                <a:gd name="connsiteX1781" fmla="*/ 1062867 w 2044700"/>
                <a:gd name="connsiteY1781" fmla="*/ 100836 h 800786"/>
                <a:gd name="connsiteX1782" fmla="*/ 1070991 w 2044700"/>
                <a:gd name="connsiteY1782" fmla="*/ 97587 h 800786"/>
                <a:gd name="connsiteX1783" fmla="*/ 1075865 w 2044700"/>
                <a:gd name="connsiteY1783" fmla="*/ 95963 h 800786"/>
                <a:gd name="connsiteX1784" fmla="*/ 1082364 w 2044700"/>
                <a:gd name="connsiteY1784" fmla="*/ 95963 h 800786"/>
                <a:gd name="connsiteX1785" fmla="*/ 1092112 w 2044700"/>
                <a:gd name="connsiteY1785" fmla="*/ 94339 h 800786"/>
                <a:gd name="connsiteX1786" fmla="*/ 1100236 w 2044700"/>
                <a:gd name="connsiteY1786" fmla="*/ 92715 h 800786"/>
                <a:gd name="connsiteX1787" fmla="*/ 1105110 w 2044700"/>
                <a:gd name="connsiteY1787" fmla="*/ 94339 h 800786"/>
                <a:gd name="connsiteX1788" fmla="*/ 1105110 w 2044700"/>
                <a:gd name="connsiteY1788" fmla="*/ 95963 h 800786"/>
                <a:gd name="connsiteX1789" fmla="*/ 1077490 w 2044700"/>
                <a:gd name="connsiteY1789" fmla="*/ 107333 h 800786"/>
                <a:gd name="connsiteX1790" fmla="*/ 1074240 w 2044700"/>
                <a:gd name="connsiteY1790" fmla="*/ 108957 h 800786"/>
                <a:gd name="connsiteX1791" fmla="*/ 1069366 w 2044700"/>
                <a:gd name="connsiteY1791" fmla="*/ 112205 h 800786"/>
                <a:gd name="connsiteX1792" fmla="*/ 1064492 w 2044700"/>
                <a:gd name="connsiteY1792" fmla="*/ 113829 h 800786"/>
                <a:gd name="connsiteX1793" fmla="*/ 1059617 w 2044700"/>
                <a:gd name="connsiteY1793" fmla="*/ 117078 h 800786"/>
                <a:gd name="connsiteX1794" fmla="*/ 1053118 w 2044700"/>
                <a:gd name="connsiteY1794" fmla="*/ 117078 h 800786"/>
                <a:gd name="connsiteX1795" fmla="*/ 1048244 w 2044700"/>
                <a:gd name="connsiteY1795" fmla="*/ 120326 h 800786"/>
                <a:gd name="connsiteX1796" fmla="*/ 1041745 w 2044700"/>
                <a:gd name="connsiteY1796" fmla="*/ 120326 h 800786"/>
                <a:gd name="connsiteX1797" fmla="*/ 1025498 w 2044700"/>
                <a:gd name="connsiteY1797" fmla="*/ 133320 h 800786"/>
                <a:gd name="connsiteX1798" fmla="*/ 1017374 w 2044700"/>
                <a:gd name="connsiteY1798" fmla="*/ 139817 h 800786"/>
                <a:gd name="connsiteX1799" fmla="*/ 1012500 w 2044700"/>
                <a:gd name="connsiteY1799" fmla="*/ 141441 h 800786"/>
                <a:gd name="connsiteX1800" fmla="*/ 1007626 w 2044700"/>
                <a:gd name="connsiteY1800" fmla="*/ 141441 h 800786"/>
                <a:gd name="connsiteX1801" fmla="*/ 1001127 w 2044700"/>
                <a:gd name="connsiteY1801" fmla="*/ 141441 h 800786"/>
                <a:gd name="connsiteX1802" fmla="*/ 997877 w 2044700"/>
                <a:gd name="connsiteY1802" fmla="*/ 143065 h 800786"/>
                <a:gd name="connsiteX1803" fmla="*/ 1001127 w 2044700"/>
                <a:gd name="connsiteY1803" fmla="*/ 146314 h 800786"/>
                <a:gd name="connsiteX1804" fmla="*/ 999502 w 2044700"/>
                <a:gd name="connsiteY1804" fmla="*/ 147938 h 800786"/>
                <a:gd name="connsiteX1805" fmla="*/ 997877 w 2044700"/>
                <a:gd name="connsiteY1805" fmla="*/ 149562 h 800786"/>
                <a:gd name="connsiteX1806" fmla="*/ 991378 w 2044700"/>
                <a:gd name="connsiteY1806" fmla="*/ 149562 h 800786"/>
                <a:gd name="connsiteX1807" fmla="*/ 978380 w 2044700"/>
                <a:gd name="connsiteY1807" fmla="*/ 152810 h 800786"/>
                <a:gd name="connsiteX1808" fmla="*/ 980005 w 2044700"/>
                <a:gd name="connsiteY1808" fmla="*/ 152810 h 800786"/>
                <a:gd name="connsiteX1809" fmla="*/ 984879 w 2044700"/>
                <a:gd name="connsiteY1809" fmla="*/ 152810 h 800786"/>
                <a:gd name="connsiteX1810" fmla="*/ 991378 w 2044700"/>
                <a:gd name="connsiteY1810" fmla="*/ 152810 h 800786"/>
                <a:gd name="connsiteX1811" fmla="*/ 993003 w 2044700"/>
                <a:gd name="connsiteY1811" fmla="*/ 154435 h 800786"/>
                <a:gd name="connsiteX1812" fmla="*/ 984879 w 2044700"/>
                <a:gd name="connsiteY1812" fmla="*/ 156059 h 800786"/>
                <a:gd name="connsiteX1813" fmla="*/ 986504 w 2044700"/>
                <a:gd name="connsiteY1813" fmla="*/ 157683 h 800786"/>
                <a:gd name="connsiteX1814" fmla="*/ 986504 w 2044700"/>
                <a:gd name="connsiteY1814" fmla="*/ 160931 h 800786"/>
                <a:gd name="connsiteX1815" fmla="*/ 986504 w 2044700"/>
                <a:gd name="connsiteY1815" fmla="*/ 162556 h 800786"/>
                <a:gd name="connsiteX1816" fmla="*/ 980005 w 2044700"/>
                <a:gd name="connsiteY1816" fmla="*/ 169052 h 800786"/>
                <a:gd name="connsiteX1817" fmla="*/ 975131 w 2044700"/>
                <a:gd name="connsiteY1817" fmla="*/ 170677 h 800786"/>
                <a:gd name="connsiteX1818" fmla="*/ 971881 w 2044700"/>
                <a:gd name="connsiteY1818" fmla="*/ 170677 h 800786"/>
                <a:gd name="connsiteX1819" fmla="*/ 967007 w 2044700"/>
                <a:gd name="connsiteY1819" fmla="*/ 170677 h 800786"/>
                <a:gd name="connsiteX1820" fmla="*/ 963757 w 2044700"/>
                <a:gd name="connsiteY1820" fmla="*/ 170677 h 800786"/>
                <a:gd name="connsiteX1821" fmla="*/ 955634 w 2044700"/>
                <a:gd name="connsiteY1821" fmla="*/ 170677 h 800786"/>
                <a:gd name="connsiteX1822" fmla="*/ 950759 w 2044700"/>
                <a:gd name="connsiteY1822" fmla="*/ 169052 h 800786"/>
                <a:gd name="connsiteX1823" fmla="*/ 947510 w 2044700"/>
                <a:gd name="connsiteY1823" fmla="*/ 167428 h 800786"/>
                <a:gd name="connsiteX1824" fmla="*/ 944260 w 2044700"/>
                <a:gd name="connsiteY1824" fmla="*/ 167428 h 800786"/>
                <a:gd name="connsiteX1825" fmla="*/ 937761 w 2044700"/>
                <a:gd name="connsiteY1825" fmla="*/ 165804 h 800786"/>
                <a:gd name="connsiteX1826" fmla="*/ 941011 w 2044700"/>
                <a:gd name="connsiteY1826" fmla="*/ 169052 h 800786"/>
                <a:gd name="connsiteX1827" fmla="*/ 944260 w 2044700"/>
                <a:gd name="connsiteY1827" fmla="*/ 170677 h 800786"/>
                <a:gd name="connsiteX1828" fmla="*/ 947510 w 2044700"/>
                <a:gd name="connsiteY1828" fmla="*/ 173925 h 800786"/>
                <a:gd name="connsiteX1829" fmla="*/ 945885 w 2044700"/>
                <a:gd name="connsiteY1829" fmla="*/ 177173 h 800786"/>
                <a:gd name="connsiteX1830" fmla="*/ 942636 w 2044700"/>
                <a:gd name="connsiteY1830" fmla="*/ 177173 h 800786"/>
                <a:gd name="connsiteX1831" fmla="*/ 939386 w 2044700"/>
                <a:gd name="connsiteY1831" fmla="*/ 178798 h 800786"/>
                <a:gd name="connsiteX1832" fmla="*/ 934512 w 2044700"/>
                <a:gd name="connsiteY1832" fmla="*/ 180422 h 800786"/>
                <a:gd name="connsiteX1833" fmla="*/ 929638 w 2044700"/>
                <a:gd name="connsiteY1833" fmla="*/ 180422 h 800786"/>
                <a:gd name="connsiteX1834" fmla="*/ 924764 w 2044700"/>
                <a:gd name="connsiteY1834" fmla="*/ 182046 h 800786"/>
                <a:gd name="connsiteX1835" fmla="*/ 921514 w 2044700"/>
                <a:gd name="connsiteY1835" fmla="*/ 180422 h 800786"/>
                <a:gd name="connsiteX1836" fmla="*/ 915015 w 2044700"/>
                <a:gd name="connsiteY1836" fmla="*/ 183670 h 800786"/>
                <a:gd name="connsiteX1837" fmla="*/ 910141 w 2044700"/>
                <a:gd name="connsiteY1837" fmla="*/ 183670 h 800786"/>
                <a:gd name="connsiteX1838" fmla="*/ 905267 w 2044700"/>
                <a:gd name="connsiteY1838" fmla="*/ 183670 h 800786"/>
                <a:gd name="connsiteX1839" fmla="*/ 900392 w 2044700"/>
                <a:gd name="connsiteY1839" fmla="*/ 183670 h 800786"/>
                <a:gd name="connsiteX1840" fmla="*/ 895518 w 2044700"/>
                <a:gd name="connsiteY1840" fmla="*/ 182046 h 800786"/>
                <a:gd name="connsiteX1841" fmla="*/ 893893 w 2044700"/>
                <a:gd name="connsiteY1841" fmla="*/ 180422 h 800786"/>
                <a:gd name="connsiteX1842" fmla="*/ 890644 w 2044700"/>
                <a:gd name="connsiteY1842" fmla="*/ 180422 h 800786"/>
                <a:gd name="connsiteX1843" fmla="*/ 888091 w 2044700"/>
                <a:gd name="connsiteY1843" fmla="*/ 179784 h 800786"/>
                <a:gd name="connsiteX1844" fmla="*/ 888207 w 2044700"/>
                <a:gd name="connsiteY1844" fmla="*/ 179407 h 800786"/>
                <a:gd name="connsiteX1845" fmla="*/ 887394 w 2044700"/>
                <a:gd name="connsiteY1845" fmla="*/ 179610 h 800786"/>
                <a:gd name="connsiteX1846" fmla="*/ 884145 w 2044700"/>
                <a:gd name="connsiteY1846" fmla="*/ 178798 h 800786"/>
                <a:gd name="connsiteX1847" fmla="*/ 879271 w 2044700"/>
                <a:gd name="connsiteY1847" fmla="*/ 178798 h 800786"/>
                <a:gd name="connsiteX1848" fmla="*/ 874396 w 2044700"/>
                <a:gd name="connsiteY1848" fmla="*/ 182046 h 800786"/>
                <a:gd name="connsiteX1849" fmla="*/ 874396 w 2044700"/>
                <a:gd name="connsiteY1849" fmla="*/ 183670 h 800786"/>
                <a:gd name="connsiteX1850" fmla="*/ 884145 w 2044700"/>
                <a:gd name="connsiteY1850" fmla="*/ 180422 h 800786"/>
                <a:gd name="connsiteX1851" fmla="*/ 887394 w 2044700"/>
                <a:gd name="connsiteY1851" fmla="*/ 179610 h 800786"/>
                <a:gd name="connsiteX1852" fmla="*/ 888091 w 2044700"/>
                <a:gd name="connsiteY1852" fmla="*/ 179784 h 800786"/>
                <a:gd name="connsiteX1853" fmla="*/ 887394 w 2044700"/>
                <a:gd name="connsiteY1853" fmla="*/ 182046 h 800786"/>
                <a:gd name="connsiteX1854" fmla="*/ 887394 w 2044700"/>
                <a:gd name="connsiteY1854" fmla="*/ 183670 h 800786"/>
                <a:gd name="connsiteX1855" fmla="*/ 892269 w 2044700"/>
                <a:gd name="connsiteY1855" fmla="*/ 185295 h 800786"/>
                <a:gd name="connsiteX1856" fmla="*/ 895518 w 2044700"/>
                <a:gd name="connsiteY1856" fmla="*/ 185295 h 800786"/>
                <a:gd name="connsiteX1857" fmla="*/ 898768 w 2044700"/>
                <a:gd name="connsiteY1857" fmla="*/ 186919 h 800786"/>
                <a:gd name="connsiteX1858" fmla="*/ 902017 w 2044700"/>
                <a:gd name="connsiteY1858" fmla="*/ 186919 h 800786"/>
                <a:gd name="connsiteX1859" fmla="*/ 908516 w 2044700"/>
                <a:gd name="connsiteY1859" fmla="*/ 186919 h 800786"/>
                <a:gd name="connsiteX1860" fmla="*/ 915015 w 2044700"/>
                <a:gd name="connsiteY1860" fmla="*/ 186919 h 800786"/>
                <a:gd name="connsiteX1861" fmla="*/ 919889 w 2044700"/>
                <a:gd name="connsiteY1861" fmla="*/ 188543 h 800786"/>
                <a:gd name="connsiteX1862" fmla="*/ 919889 w 2044700"/>
                <a:gd name="connsiteY1862" fmla="*/ 191791 h 800786"/>
                <a:gd name="connsiteX1863" fmla="*/ 919889 w 2044700"/>
                <a:gd name="connsiteY1863" fmla="*/ 198288 h 800786"/>
                <a:gd name="connsiteX1864" fmla="*/ 915015 w 2044700"/>
                <a:gd name="connsiteY1864" fmla="*/ 198288 h 800786"/>
                <a:gd name="connsiteX1865" fmla="*/ 910141 w 2044700"/>
                <a:gd name="connsiteY1865" fmla="*/ 198288 h 800786"/>
                <a:gd name="connsiteX1866" fmla="*/ 902017 w 2044700"/>
                <a:gd name="connsiteY1866" fmla="*/ 198288 h 800786"/>
                <a:gd name="connsiteX1867" fmla="*/ 898768 w 2044700"/>
                <a:gd name="connsiteY1867" fmla="*/ 198288 h 800786"/>
                <a:gd name="connsiteX1868" fmla="*/ 908516 w 2044700"/>
                <a:gd name="connsiteY1868" fmla="*/ 201537 h 800786"/>
                <a:gd name="connsiteX1869" fmla="*/ 913390 w 2044700"/>
                <a:gd name="connsiteY1869" fmla="*/ 203161 h 800786"/>
                <a:gd name="connsiteX1870" fmla="*/ 916640 w 2044700"/>
                <a:gd name="connsiteY1870" fmla="*/ 206409 h 800786"/>
                <a:gd name="connsiteX1871" fmla="*/ 924764 w 2044700"/>
                <a:gd name="connsiteY1871" fmla="*/ 208033 h 800786"/>
                <a:gd name="connsiteX1872" fmla="*/ 921514 w 2044700"/>
                <a:gd name="connsiteY1872" fmla="*/ 209658 h 800786"/>
                <a:gd name="connsiteX1873" fmla="*/ 918265 w 2044700"/>
                <a:gd name="connsiteY1873" fmla="*/ 209658 h 800786"/>
                <a:gd name="connsiteX1874" fmla="*/ 918265 w 2044700"/>
                <a:gd name="connsiteY1874" fmla="*/ 212906 h 800786"/>
                <a:gd name="connsiteX1875" fmla="*/ 918265 w 2044700"/>
                <a:gd name="connsiteY1875" fmla="*/ 214530 h 800786"/>
                <a:gd name="connsiteX1876" fmla="*/ 915015 w 2044700"/>
                <a:gd name="connsiteY1876" fmla="*/ 216154 h 800786"/>
                <a:gd name="connsiteX1877" fmla="*/ 911766 w 2044700"/>
                <a:gd name="connsiteY1877" fmla="*/ 216154 h 800786"/>
                <a:gd name="connsiteX1878" fmla="*/ 905267 w 2044700"/>
                <a:gd name="connsiteY1878" fmla="*/ 216154 h 800786"/>
                <a:gd name="connsiteX1879" fmla="*/ 902017 w 2044700"/>
                <a:gd name="connsiteY1879" fmla="*/ 216154 h 800786"/>
                <a:gd name="connsiteX1880" fmla="*/ 902017 w 2044700"/>
                <a:gd name="connsiteY1880" fmla="*/ 219403 h 800786"/>
                <a:gd name="connsiteX1881" fmla="*/ 905267 w 2044700"/>
                <a:gd name="connsiteY1881" fmla="*/ 219403 h 800786"/>
                <a:gd name="connsiteX1882" fmla="*/ 910141 w 2044700"/>
                <a:gd name="connsiteY1882" fmla="*/ 224276 h 800786"/>
                <a:gd name="connsiteX1883" fmla="*/ 906891 w 2044700"/>
                <a:gd name="connsiteY1883" fmla="*/ 225900 h 800786"/>
                <a:gd name="connsiteX1884" fmla="*/ 903642 w 2044700"/>
                <a:gd name="connsiteY1884" fmla="*/ 227524 h 800786"/>
                <a:gd name="connsiteX1885" fmla="*/ 903642 w 2044700"/>
                <a:gd name="connsiteY1885" fmla="*/ 230772 h 800786"/>
                <a:gd name="connsiteX1886" fmla="*/ 903642 w 2044700"/>
                <a:gd name="connsiteY1886" fmla="*/ 235645 h 800786"/>
                <a:gd name="connsiteX1887" fmla="*/ 900392 w 2044700"/>
                <a:gd name="connsiteY1887" fmla="*/ 237269 h 800786"/>
                <a:gd name="connsiteX1888" fmla="*/ 893893 w 2044700"/>
                <a:gd name="connsiteY1888" fmla="*/ 237269 h 800786"/>
                <a:gd name="connsiteX1889" fmla="*/ 892269 w 2044700"/>
                <a:gd name="connsiteY1889" fmla="*/ 238893 h 800786"/>
                <a:gd name="connsiteX1890" fmla="*/ 887394 w 2044700"/>
                <a:gd name="connsiteY1890" fmla="*/ 240518 h 800786"/>
                <a:gd name="connsiteX1891" fmla="*/ 880895 w 2044700"/>
                <a:gd name="connsiteY1891" fmla="*/ 240518 h 800786"/>
                <a:gd name="connsiteX1892" fmla="*/ 877646 w 2044700"/>
                <a:gd name="connsiteY1892" fmla="*/ 240518 h 800786"/>
                <a:gd name="connsiteX1893" fmla="*/ 874396 w 2044700"/>
                <a:gd name="connsiteY1893" fmla="*/ 240518 h 800786"/>
                <a:gd name="connsiteX1894" fmla="*/ 869522 w 2044700"/>
                <a:gd name="connsiteY1894" fmla="*/ 240518 h 800786"/>
                <a:gd name="connsiteX1895" fmla="*/ 866273 w 2044700"/>
                <a:gd name="connsiteY1895" fmla="*/ 240518 h 800786"/>
                <a:gd name="connsiteX1896" fmla="*/ 861398 w 2044700"/>
                <a:gd name="connsiteY1896" fmla="*/ 238893 h 800786"/>
                <a:gd name="connsiteX1897" fmla="*/ 856524 w 2044700"/>
                <a:gd name="connsiteY1897" fmla="*/ 240518 h 800786"/>
                <a:gd name="connsiteX1898" fmla="*/ 856524 w 2044700"/>
                <a:gd name="connsiteY1898" fmla="*/ 242142 h 800786"/>
                <a:gd name="connsiteX1899" fmla="*/ 861398 w 2044700"/>
                <a:gd name="connsiteY1899" fmla="*/ 250263 h 800786"/>
                <a:gd name="connsiteX1900" fmla="*/ 863023 w 2044700"/>
                <a:gd name="connsiteY1900" fmla="*/ 253511 h 800786"/>
                <a:gd name="connsiteX1901" fmla="*/ 861398 w 2044700"/>
                <a:gd name="connsiteY1901" fmla="*/ 255135 h 800786"/>
                <a:gd name="connsiteX1902" fmla="*/ 851650 w 2044700"/>
                <a:gd name="connsiteY1902" fmla="*/ 261632 h 800786"/>
                <a:gd name="connsiteX1903" fmla="*/ 846776 w 2044700"/>
                <a:gd name="connsiteY1903" fmla="*/ 261632 h 800786"/>
                <a:gd name="connsiteX1904" fmla="*/ 845151 w 2044700"/>
                <a:gd name="connsiteY1904" fmla="*/ 263257 h 800786"/>
                <a:gd name="connsiteX1905" fmla="*/ 841902 w 2044700"/>
                <a:gd name="connsiteY1905" fmla="*/ 263257 h 800786"/>
                <a:gd name="connsiteX1906" fmla="*/ 838652 w 2044700"/>
                <a:gd name="connsiteY1906" fmla="*/ 266505 h 800786"/>
                <a:gd name="connsiteX1907" fmla="*/ 840277 w 2044700"/>
                <a:gd name="connsiteY1907" fmla="*/ 268129 h 800786"/>
                <a:gd name="connsiteX1908" fmla="*/ 838652 w 2044700"/>
                <a:gd name="connsiteY1908" fmla="*/ 271378 h 800786"/>
                <a:gd name="connsiteX1909" fmla="*/ 835403 w 2044700"/>
                <a:gd name="connsiteY1909" fmla="*/ 274626 h 800786"/>
                <a:gd name="connsiteX1910" fmla="*/ 837027 w 2044700"/>
                <a:gd name="connsiteY1910" fmla="*/ 276250 h 800786"/>
                <a:gd name="connsiteX1911" fmla="*/ 843526 w 2044700"/>
                <a:gd name="connsiteY1911" fmla="*/ 277874 h 800786"/>
                <a:gd name="connsiteX1912" fmla="*/ 846776 w 2044700"/>
                <a:gd name="connsiteY1912" fmla="*/ 279499 h 800786"/>
                <a:gd name="connsiteX1913" fmla="*/ 850025 w 2044700"/>
                <a:gd name="connsiteY1913" fmla="*/ 276250 h 800786"/>
                <a:gd name="connsiteX1914" fmla="*/ 854899 w 2044700"/>
                <a:gd name="connsiteY1914" fmla="*/ 273002 h 800786"/>
                <a:gd name="connsiteX1915" fmla="*/ 856524 w 2044700"/>
                <a:gd name="connsiteY1915" fmla="*/ 273002 h 800786"/>
                <a:gd name="connsiteX1916" fmla="*/ 863023 w 2044700"/>
                <a:gd name="connsiteY1916" fmla="*/ 281123 h 800786"/>
                <a:gd name="connsiteX1917" fmla="*/ 864648 w 2044700"/>
                <a:gd name="connsiteY1917" fmla="*/ 284371 h 800786"/>
                <a:gd name="connsiteX1918" fmla="*/ 863023 w 2044700"/>
                <a:gd name="connsiteY1918" fmla="*/ 287620 h 800786"/>
                <a:gd name="connsiteX1919" fmla="*/ 861398 w 2044700"/>
                <a:gd name="connsiteY1919" fmla="*/ 289244 h 800786"/>
                <a:gd name="connsiteX1920" fmla="*/ 851650 w 2044700"/>
                <a:gd name="connsiteY1920" fmla="*/ 294116 h 800786"/>
                <a:gd name="connsiteX1921" fmla="*/ 850025 w 2044700"/>
                <a:gd name="connsiteY1921" fmla="*/ 292492 h 800786"/>
                <a:gd name="connsiteX1922" fmla="*/ 848401 w 2044700"/>
                <a:gd name="connsiteY1922" fmla="*/ 290868 h 800786"/>
                <a:gd name="connsiteX1923" fmla="*/ 845151 w 2044700"/>
                <a:gd name="connsiteY1923" fmla="*/ 290868 h 800786"/>
                <a:gd name="connsiteX1924" fmla="*/ 845151 w 2044700"/>
                <a:gd name="connsiteY1924" fmla="*/ 294116 h 800786"/>
                <a:gd name="connsiteX1925" fmla="*/ 843526 w 2044700"/>
                <a:gd name="connsiteY1925" fmla="*/ 295741 h 800786"/>
                <a:gd name="connsiteX1926" fmla="*/ 838652 w 2044700"/>
                <a:gd name="connsiteY1926" fmla="*/ 298989 h 800786"/>
                <a:gd name="connsiteX1927" fmla="*/ 832153 w 2044700"/>
                <a:gd name="connsiteY1927" fmla="*/ 300613 h 800786"/>
                <a:gd name="connsiteX1928" fmla="*/ 828904 w 2044700"/>
                <a:gd name="connsiteY1928" fmla="*/ 300613 h 800786"/>
                <a:gd name="connsiteX1929" fmla="*/ 825654 w 2044700"/>
                <a:gd name="connsiteY1929" fmla="*/ 300613 h 800786"/>
                <a:gd name="connsiteX1930" fmla="*/ 822405 w 2044700"/>
                <a:gd name="connsiteY1930" fmla="*/ 302238 h 800786"/>
                <a:gd name="connsiteX1931" fmla="*/ 820780 w 2044700"/>
                <a:gd name="connsiteY1931" fmla="*/ 302238 h 800786"/>
                <a:gd name="connsiteX1932" fmla="*/ 817530 w 2044700"/>
                <a:gd name="connsiteY1932" fmla="*/ 305486 h 800786"/>
                <a:gd name="connsiteX1933" fmla="*/ 812656 w 2044700"/>
                <a:gd name="connsiteY1933" fmla="*/ 305486 h 800786"/>
                <a:gd name="connsiteX1934" fmla="*/ 807782 w 2044700"/>
                <a:gd name="connsiteY1934" fmla="*/ 305486 h 800786"/>
                <a:gd name="connsiteX1935" fmla="*/ 806157 w 2044700"/>
                <a:gd name="connsiteY1935" fmla="*/ 302238 h 800786"/>
                <a:gd name="connsiteX1936" fmla="*/ 807782 w 2044700"/>
                <a:gd name="connsiteY1936" fmla="*/ 300613 h 800786"/>
                <a:gd name="connsiteX1937" fmla="*/ 809407 w 2044700"/>
                <a:gd name="connsiteY1937" fmla="*/ 295741 h 800786"/>
                <a:gd name="connsiteX1938" fmla="*/ 806157 w 2044700"/>
                <a:gd name="connsiteY1938" fmla="*/ 294116 h 800786"/>
                <a:gd name="connsiteX1939" fmla="*/ 804532 w 2044700"/>
                <a:gd name="connsiteY1939" fmla="*/ 294116 h 800786"/>
                <a:gd name="connsiteX1940" fmla="*/ 799658 w 2044700"/>
                <a:gd name="connsiteY1940" fmla="*/ 294116 h 800786"/>
                <a:gd name="connsiteX1941" fmla="*/ 798033 w 2044700"/>
                <a:gd name="connsiteY1941" fmla="*/ 294116 h 800786"/>
                <a:gd name="connsiteX1942" fmla="*/ 796409 w 2044700"/>
                <a:gd name="connsiteY1942" fmla="*/ 292492 h 800786"/>
                <a:gd name="connsiteX1943" fmla="*/ 793159 w 2044700"/>
                <a:gd name="connsiteY1943" fmla="*/ 292492 h 800786"/>
                <a:gd name="connsiteX1944" fmla="*/ 789910 w 2044700"/>
                <a:gd name="connsiteY1944" fmla="*/ 289244 h 800786"/>
                <a:gd name="connsiteX1945" fmla="*/ 786660 w 2044700"/>
                <a:gd name="connsiteY1945" fmla="*/ 285995 h 800786"/>
                <a:gd name="connsiteX1946" fmla="*/ 783411 w 2044700"/>
                <a:gd name="connsiteY1946" fmla="*/ 287620 h 800786"/>
                <a:gd name="connsiteX1947" fmla="*/ 785035 w 2044700"/>
                <a:gd name="connsiteY1947" fmla="*/ 290868 h 800786"/>
                <a:gd name="connsiteX1948" fmla="*/ 788285 w 2044700"/>
                <a:gd name="connsiteY1948" fmla="*/ 292492 h 800786"/>
                <a:gd name="connsiteX1949" fmla="*/ 791534 w 2044700"/>
                <a:gd name="connsiteY1949" fmla="*/ 294116 h 800786"/>
                <a:gd name="connsiteX1950" fmla="*/ 791534 w 2044700"/>
                <a:gd name="connsiteY1950" fmla="*/ 295741 h 800786"/>
                <a:gd name="connsiteX1951" fmla="*/ 788285 w 2044700"/>
                <a:gd name="connsiteY1951" fmla="*/ 300613 h 800786"/>
                <a:gd name="connsiteX1952" fmla="*/ 786660 w 2044700"/>
                <a:gd name="connsiteY1952" fmla="*/ 302238 h 800786"/>
                <a:gd name="connsiteX1953" fmla="*/ 785035 w 2044700"/>
                <a:gd name="connsiteY1953" fmla="*/ 303862 h 800786"/>
                <a:gd name="connsiteX1954" fmla="*/ 781786 w 2044700"/>
                <a:gd name="connsiteY1954" fmla="*/ 303862 h 800786"/>
                <a:gd name="connsiteX1955" fmla="*/ 776912 w 2044700"/>
                <a:gd name="connsiteY1955" fmla="*/ 302238 h 800786"/>
                <a:gd name="connsiteX1956" fmla="*/ 775287 w 2044700"/>
                <a:gd name="connsiteY1956" fmla="*/ 300613 h 800786"/>
                <a:gd name="connsiteX1957" fmla="*/ 772037 w 2044700"/>
                <a:gd name="connsiteY1957" fmla="*/ 298989 h 800786"/>
                <a:gd name="connsiteX1958" fmla="*/ 772037 w 2044700"/>
                <a:gd name="connsiteY1958" fmla="*/ 297365 h 800786"/>
                <a:gd name="connsiteX1959" fmla="*/ 770413 w 2044700"/>
                <a:gd name="connsiteY1959" fmla="*/ 295741 h 800786"/>
                <a:gd name="connsiteX1960" fmla="*/ 768788 w 2044700"/>
                <a:gd name="connsiteY1960" fmla="*/ 295741 h 800786"/>
                <a:gd name="connsiteX1961" fmla="*/ 765539 w 2044700"/>
                <a:gd name="connsiteY1961" fmla="*/ 294116 h 800786"/>
                <a:gd name="connsiteX1962" fmla="*/ 763914 w 2044700"/>
                <a:gd name="connsiteY1962" fmla="*/ 294116 h 800786"/>
                <a:gd name="connsiteX1963" fmla="*/ 762289 w 2044700"/>
                <a:gd name="connsiteY1963" fmla="*/ 295741 h 800786"/>
                <a:gd name="connsiteX1964" fmla="*/ 757415 w 2044700"/>
                <a:gd name="connsiteY1964" fmla="*/ 294116 h 800786"/>
                <a:gd name="connsiteX1965" fmla="*/ 754165 w 2044700"/>
                <a:gd name="connsiteY1965" fmla="*/ 294116 h 800786"/>
                <a:gd name="connsiteX1966" fmla="*/ 754165 w 2044700"/>
                <a:gd name="connsiteY1966" fmla="*/ 292492 h 800786"/>
                <a:gd name="connsiteX1967" fmla="*/ 750916 w 2044700"/>
                <a:gd name="connsiteY1967" fmla="*/ 289244 h 800786"/>
                <a:gd name="connsiteX1968" fmla="*/ 749291 w 2044700"/>
                <a:gd name="connsiteY1968" fmla="*/ 289244 h 800786"/>
                <a:gd name="connsiteX1969" fmla="*/ 749291 w 2044700"/>
                <a:gd name="connsiteY1969" fmla="*/ 294116 h 800786"/>
                <a:gd name="connsiteX1970" fmla="*/ 747666 w 2044700"/>
                <a:gd name="connsiteY1970" fmla="*/ 295741 h 800786"/>
                <a:gd name="connsiteX1971" fmla="*/ 744417 w 2044700"/>
                <a:gd name="connsiteY1971" fmla="*/ 295741 h 800786"/>
                <a:gd name="connsiteX1972" fmla="*/ 742792 w 2044700"/>
                <a:gd name="connsiteY1972" fmla="*/ 295741 h 800786"/>
                <a:gd name="connsiteX1973" fmla="*/ 739543 w 2044700"/>
                <a:gd name="connsiteY1973" fmla="*/ 294116 h 800786"/>
                <a:gd name="connsiteX1974" fmla="*/ 737918 w 2044700"/>
                <a:gd name="connsiteY1974" fmla="*/ 294116 h 800786"/>
                <a:gd name="connsiteX1975" fmla="*/ 736293 w 2044700"/>
                <a:gd name="connsiteY1975" fmla="*/ 294116 h 800786"/>
                <a:gd name="connsiteX1976" fmla="*/ 737918 w 2044700"/>
                <a:gd name="connsiteY1976" fmla="*/ 297365 h 800786"/>
                <a:gd name="connsiteX1977" fmla="*/ 737918 w 2044700"/>
                <a:gd name="connsiteY1977" fmla="*/ 298989 h 800786"/>
                <a:gd name="connsiteX1978" fmla="*/ 736293 w 2044700"/>
                <a:gd name="connsiteY1978" fmla="*/ 298989 h 800786"/>
                <a:gd name="connsiteX1979" fmla="*/ 734668 w 2044700"/>
                <a:gd name="connsiteY1979" fmla="*/ 300613 h 800786"/>
                <a:gd name="connsiteX1980" fmla="*/ 731419 w 2044700"/>
                <a:gd name="connsiteY1980" fmla="*/ 298989 h 800786"/>
                <a:gd name="connsiteX1981" fmla="*/ 728169 w 2044700"/>
                <a:gd name="connsiteY1981" fmla="*/ 300613 h 800786"/>
                <a:gd name="connsiteX1982" fmla="*/ 724920 w 2044700"/>
                <a:gd name="connsiteY1982" fmla="*/ 300613 h 800786"/>
                <a:gd name="connsiteX1983" fmla="*/ 721670 w 2044700"/>
                <a:gd name="connsiteY1983" fmla="*/ 298989 h 800786"/>
                <a:gd name="connsiteX1984" fmla="*/ 715171 w 2044700"/>
                <a:gd name="connsiteY1984" fmla="*/ 297365 h 800786"/>
                <a:gd name="connsiteX1985" fmla="*/ 711922 w 2044700"/>
                <a:gd name="connsiteY1985" fmla="*/ 295741 h 800786"/>
                <a:gd name="connsiteX1986" fmla="*/ 711922 w 2044700"/>
                <a:gd name="connsiteY1986" fmla="*/ 294116 h 800786"/>
                <a:gd name="connsiteX1987" fmla="*/ 708672 w 2044700"/>
                <a:gd name="connsiteY1987" fmla="*/ 292492 h 800786"/>
                <a:gd name="connsiteX1988" fmla="*/ 707048 w 2044700"/>
                <a:gd name="connsiteY1988" fmla="*/ 297365 h 800786"/>
                <a:gd name="connsiteX1989" fmla="*/ 697299 w 2044700"/>
                <a:gd name="connsiteY1989" fmla="*/ 297365 h 800786"/>
                <a:gd name="connsiteX1990" fmla="*/ 694050 w 2044700"/>
                <a:gd name="connsiteY1990" fmla="*/ 297365 h 800786"/>
                <a:gd name="connsiteX1991" fmla="*/ 690800 w 2044700"/>
                <a:gd name="connsiteY1991" fmla="*/ 295741 h 800786"/>
                <a:gd name="connsiteX1992" fmla="*/ 687551 w 2044700"/>
                <a:gd name="connsiteY1992" fmla="*/ 292492 h 800786"/>
                <a:gd name="connsiteX1993" fmla="*/ 685926 w 2044700"/>
                <a:gd name="connsiteY1993" fmla="*/ 294116 h 800786"/>
                <a:gd name="connsiteX1994" fmla="*/ 682677 w 2044700"/>
                <a:gd name="connsiteY1994" fmla="*/ 295741 h 800786"/>
                <a:gd name="connsiteX1995" fmla="*/ 681052 w 2044700"/>
                <a:gd name="connsiteY1995" fmla="*/ 297365 h 800786"/>
                <a:gd name="connsiteX1996" fmla="*/ 676178 w 2044700"/>
                <a:gd name="connsiteY1996" fmla="*/ 297365 h 800786"/>
                <a:gd name="connsiteX1997" fmla="*/ 671303 w 2044700"/>
                <a:gd name="connsiteY1997" fmla="*/ 294116 h 800786"/>
                <a:gd name="connsiteX1998" fmla="*/ 671303 w 2044700"/>
                <a:gd name="connsiteY1998" fmla="*/ 290868 h 800786"/>
                <a:gd name="connsiteX1999" fmla="*/ 672928 w 2044700"/>
                <a:gd name="connsiteY1999" fmla="*/ 287620 h 800786"/>
                <a:gd name="connsiteX2000" fmla="*/ 669679 w 2044700"/>
                <a:gd name="connsiteY2000" fmla="*/ 285995 h 800786"/>
                <a:gd name="connsiteX2001" fmla="*/ 668054 w 2044700"/>
                <a:gd name="connsiteY2001" fmla="*/ 292492 h 800786"/>
                <a:gd name="connsiteX2002" fmla="*/ 664804 w 2044700"/>
                <a:gd name="connsiteY2002" fmla="*/ 295741 h 800786"/>
                <a:gd name="connsiteX2003" fmla="*/ 659930 w 2044700"/>
                <a:gd name="connsiteY2003" fmla="*/ 295741 h 800786"/>
                <a:gd name="connsiteX2004" fmla="*/ 655056 w 2044700"/>
                <a:gd name="connsiteY2004" fmla="*/ 290868 h 800786"/>
                <a:gd name="connsiteX2005" fmla="*/ 653431 w 2044700"/>
                <a:gd name="connsiteY2005" fmla="*/ 282747 h 800786"/>
                <a:gd name="connsiteX2006" fmla="*/ 656681 w 2044700"/>
                <a:gd name="connsiteY2006" fmla="*/ 279499 h 800786"/>
                <a:gd name="connsiteX2007" fmla="*/ 663180 w 2044700"/>
                <a:gd name="connsiteY2007" fmla="*/ 276250 h 800786"/>
                <a:gd name="connsiteX2008" fmla="*/ 669679 w 2044700"/>
                <a:gd name="connsiteY2008" fmla="*/ 273002 h 800786"/>
                <a:gd name="connsiteX2009" fmla="*/ 672928 w 2044700"/>
                <a:gd name="connsiteY2009" fmla="*/ 269753 h 800786"/>
                <a:gd name="connsiteX2010" fmla="*/ 679427 w 2044700"/>
                <a:gd name="connsiteY2010" fmla="*/ 268129 h 800786"/>
                <a:gd name="connsiteX2011" fmla="*/ 689176 w 2044700"/>
                <a:gd name="connsiteY2011" fmla="*/ 269753 h 800786"/>
                <a:gd name="connsiteX2012" fmla="*/ 697299 w 2044700"/>
                <a:gd name="connsiteY2012" fmla="*/ 269753 h 800786"/>
                <a:gd name="connsiteX2013" fmla="*/ 697299 w 2044700"/>
                <a:gd name="connsiteY2013" fmla="*/ 264881 h 800786"/>
                <a:gd name="connsiteX2014" fmla="*/ 692425 w 2044700"/>
                <a:gd name="connsiteY2014" fmla="*/ 263257 h 800786"/>
                <a:gd name="connsiteX2015" fmla="*/ 687551 w 2044700"/>
                <a:gd name="connsiteY2015" fmla="*/ 261632 h 800786"/>
                <a:gd name="connsiteX2016" fmla="*/ 685926 w 2044700"/>
                <a:gd name="connsiteY2016" fmla="*/ 258384 h 800786"/>
                <a:gd name="connsiteX2017" fmla="*/ 682677 w 2044700"/>
                <a:gd name="connsiteY2017" fmla="*/ 255135 h 800786"/>
                <a:gd name="connsiteX2018" fmla="*/ 681052 w 2044700"/>
                <a:gd name="connsiteY2018" fmla="*/ 253511 h 800786"/>
                <a:gd name="connsiteX2019" fmla="*/ 679427 w 2044700"/>
                <a:gd name="connsiteY2019" fmla="*/ 247014 h 800786"/>
                <a:gd name="connsiteX2020" fmla="*/ 682677 w 2044700"/>
                <a:gd name="connsiteY2020" fmla="*/ 243766 h 800786"/>
                <a:gd name="connsiteX2021" fmla="*/ 685926 w 2044700"/>
                <a:gd name="connsiteY2021" fmla="*/ 242142 h 800786"/>
                <a:gd name="connsiteX2022" fmla="*/ 690800 w 2044700"/>
                <a:gd name="connsiteY2022" fmla="*/ 240518 h 800786"/>
                <a:gd name="connsiteX2023" fmla="*/ 698924 w 2044700"/>
                <a:gd name="connsiteY2023" fmla="*/ 242142 h 800786"/>
                <a:gd name="connsiteX2024" fmla="*/ 703798 w 2044700"/>
                <a:gd name="connsiteY2024" fmla="*/ 242142 h 800786"/>
                <a:gd name="connsiteX2025" fmla="*/ 707048 w 2044700"/>
                <a:gd name="connsiteY2025" fmla="*/ 243766 h 800786"/>
                <a:gd name="connsiteX2026" fmla="*/ 718421 w 2044700"/>
                <a:gd name="connsiteY2026" fmla="*/ 250263 h 800786"/>
                <a:gd name="connsiteX2027" fmla="*/ 728169 w 2044700"/>
                <a:gd name="connsiteY2027" fmla="*/ 258384 h 800786"/>
                <a:gd name="connsiteX2028" fmla="*/ 733044 w 2044700"/>
                <a:gd name="connsiteY2028" fmla="*/ 260008 h 800786"/>
                <a:gd name="connsiteX2029" fmla="*/ 737918 w 2044700"/>
                <a:gd name="connsiteY2029" fmla="*/ 261632 h 800786"/>
                <a:gd name="connsiteX2030" fmla="*/ 742792 w 2044700"/>
                <a:gd name="connsiteY2030" fmla="*/ 260008 h 800786"/>
                <a:gd name="connsiteX2031" fmla="*/ 754165 w 2044700"/>
                <a:gd name="connsiteY2031" fmla="*/ 260008 h 800786"/>
                <a:gd name="connsiteX2032" fmla="*/ 763914 w 2044700"/>
                <a:gd name="connsiteY2032" fmla="*/ 256760 h 800786"/>
                <a:gd name="connsiteX2033" fmla="*/ 767163 w 2044700"/>
                <a:gd name="connsiteY2033" fmla="*/ 253511 h 800786"/>
                <a:gd name="connsiteX2034" fmla="*/ 770413 w 2044700"/>
                <a:gd name="connsiteY2034" fmla="*/ 248639 h 800786"/>
                <a:gd name="connsiteX2035" fmla="*/ 778536 w 2044700"/>
                <a:gd name="connsiteY2035" fmla="*/ 240518 h 800786"/>
                <a:gd name="connsiteX2036" fmla="*/ 778536 w 2044700"/>
                <a:gd name="connsiteY2036" fmla="*/ 237269 h 800786"/>
                <a:gd name="connsiteX2037" fmla="*/ 772037 w 2044700"/>
                <a:gd name="connsiteY2037" fmla="*/ 238893 h 800786"/>
                <a:gd name="connsiteX2038" fmla="*/ 770413 w 2044700"/>
                <a:gd name="connsiteY2038" fmla="*/ 242142 h 800786"/>
                <a:gd name="connsiteX2039" fmla="*/ 767163 w 2044700"/>
                <a:gd name="connsiteY2039" fmla="*/ 247014 h 800786"/>
                <a:gd name="connsiteX2040" fmla="*/ 763914 w 2044700"/>
                <a:gd name="connsiteY2040" fmla="*/ 251887 h 800786"/>
                <a:gd name="connsiteX2041" fmla="*/ 760664 w 2044700"/>
                <a:gd name="connsiteY2041" fmla="*/ 253511 h 800786"/>
                <a:gd name="connsiteX2042" fmla="*/ 742792 w 2044700"/>
                <a:gd name="connsiteY2042" fmla="*/ 253511 h 800786"/>
                <a:gd name="connsiteX2043" fmla="*/ 739543 w 2044700"/>
                <a:gd name="connsiteY2043" fmla="*/ 253511 h 800786"/>
                <a:gd name="connsiteX2044" fmla="*/ 729794 w 2044700"/>
                <a:gd name="connsiteY2044" fmla="*/ 251887 h 800786"/>
                <a:gd name="connsiteX2045" fmla="*/ 731419 w 2044700"/>
                <a:gd name="connsiteY2045" fmla="*/ 248639 h 800786"/>
                <a:gd name="connsiteX2046" fmla="*/ 734668 w 2044700"/>
                <a:gd name="connsiteY2046" fmla="*/ 247014 h 800786"/>
                <a:gd name="connsiteX2047" fmla="*/ 736293 w 2044700"/>
                <a:gd name="connsiteY2047" fmla="*/ 243766 h 800786"/>
                <a:gd name="connsiteX2048" fmla="*/ 733044 w 2044700"/>
                <a:gd name="connsiteY2048" fmla="*/ 240518 h 800786"/>
                <a:gd name="connsiteX2049" fmla="*/ 729794 w 2044700"/>
                <a:gd name="connsiteY2049" fmla="*/ 242142 h 800786"/>
                <a:gd name="connsiteX2050" fmla="*/ 724920 w 2044700"/>
                <a:gd name="connsiteY2050" fmla="*/ 238893 h 800786"/>
                <a:gd name="connsiteX2051" fmla="*/ 729794 w 2044700"/>
                <a:gd name="connsiteY2051" fmla="*/ 235645 h 800786"/>
                <a:gd name="connsiteX2052" fmla="*/ 734668 w 2044700"/>
                <a:gd name="connsiteY2052" fmla="*/ 234021 h 800786"/>
                <a:gd name="connsiteX2053" fmla="*/ 744417 w 2044700"/>
                <a:gd name="connsiteY2053" fmla="*/ 232397 h 800786"/>
                <a:gd name="connsiteX2054" fmla="*/ 747666 w 2044700"/>
                <a:gd name="connsiteY2054" fmla="*/ 230772 h 800786"/>
                <a:gd name="connsiteX2055" fmla="*/ 742792 w 2044700"/>
                <a:gd name="connsiteY2055" fmla="*/ 227524 h 800786"/>
                <a:gd name="connsiteX2056" fmla="*/ 739543 w 2044700"/>
                <a:gd name="connsiteY2056" fmla="*/ 224276 h 800786"/>
                <a:gd name="connsiteX2057" fmla="*/ 739543 w 2044700"/>
                <a:gd name="connsiteY2057" fmla="*/ 219403 h 800786"/>
                <a:gd name="connsiteX2058" fmla="*/ 736293 w 2044700"/>
                <a:gd name="connsiteY2058" fmla="*/ 217779 h 800786"/>
                <a:gd name="connsiteX2059" fmla="*/ 736293 w 2044700"/>
                <a:gd name="connsiteY2059" fmla="*/ 221027 h 800786"/>
                <a:gd name="connsiteX2060" fmla="*/ 733044 w 2044700"/>
                <a:gd name="connsiteY2060" fmla="*/ 225900 h 800786"/>
                <a:gd name="connsiteX2061" fmla="*/ 734668 w 2044700"/>
                <a:gd name="connsiteY2061" fmla="*/ 227524 h 800786"/>
                <a:gd name="connsiteX2062" fmla="*/ 726545 w 2044700"/>
                <a:gd name="connsiteY2062" fmla="*/ 234021 h 800786"/>
                <a:gd name="connsiteX2063" fmla="*/ 721670 w 2044700"/>
                <a:gd name="connsiteY2063" fmla="*/ 234021 h 800786"/>
                <a:gd name="connsiteX2064" fmla="*/ 716796 w 2044700"/>
                <a:gd name="connsiteY2064" fmla="*/ 234021 h 800786"/>
                <a:gd name="connsiteX2065" fmla="*/ 713547 w 2044700"/>
                <a:gd name="connsiteY2065" fmla="*/ 230772 h 800786"/>
                <a:gd name="connsiteX2066" fmla="*/ 711922 w 2044700"/>
                <a:gd name="connsiteY2066" fmla="*/ 227524 h 800786"/>
                <a:gd name="connsiteX2067" fmla="*/ 708672 w 2044700"/>
                <a:gd name="connsiteY2067" fmla="*/ 229148 h 800786"/>
                <a:gd name="connsiteX2068" fmla="*/ 703798 w 2044700"/>
                <a:gd name="connsiteY2068" fmla="*/ 232397 h 800786"/>
                <a:gd name="connsiteX2069" fmla="*/ 698924 w 2044700"/>
                <a:gd name="connsiteY2069" fmla="*/ 234021 h 800786"/>
                <a:gd name="connsiteX2070" fmla="*/ 697299 w 2044700"/>
                <a:gd name="connsiteY2070" fmla="*/ 230772 h 800786"/>
                <a:gd name="connsiteX2071" fmla="*/ 694050 w 2044700"/>
                <a:gd name="connsiteY2071" fmla="*/ 229148 h 800786"/>
                <a:gd name="connsiteX2072" fmla="*/ 690800 w 2044700"/>
                <a:gd name="connsiteY2072" fmla="*/ 227524 h 800786"/>
                <a:gd name="connsiteX2073" fmla="*/ 690800 w 2044700"/>
                <a:gd name="connsiteY2073" fmla="*/ 222651 h 800786"/>
                <a:gd name="connsiteX2074" fmla="*/ 694050 w 2044700"/>
                <a:gd name="connsiteY2074" fmla="*/ 216154 h 800786"/>
                <a:gd name="connsiteX2075" fmla="*/ 698924 w 2044700"/>
                <a:gd name="connsiteY2075" fmla="*/ 211282 h 800786"/>
                <a:gd name="connsiteX2076" fmla="*/ 707048 w 2044700"/>
                <a:gd name="connsiteY2076" fmla="*/ 206409 h 800786"/>
                <a:gd name="connsiteX2077" fmla="*/ 713547 w 2044700"/>
                <a:gd name="connsiteY2077" fmla="*/ 206409 h 800786"/>
                <a:gd name="connsiteX2078" fmla="*/ 718421 w 2044700"/>
                <a:gd name="connsiteY2078" fmla="*/ 203161 h 800786"/>
                <a:gd name="connsiteX2079" fmla="*/ 728169 w 2044700"/>
                <a:gd name="connsiteY2079" fmla="*/ 203161 h 800786"/>
                <a:gd name="connsiteX2080" fmla="*/ 726545 w 2044700"/>
                <a:gd name="connsiteY2080" fmla="*/ 201537 h 800786"/>
                <a:gd name="connsiteX2081" fmla="*/ 731419 w 2044700"/>
                <a:gd name="connsiteY2081" fmla="*/ 201537 h 800786"/>
                <a:gd name="connsiteX2082" fmla="*/ 737918 w 2044700"/>
                <a:gd name="connsiteY2082" fmla="*/ 203161 h 800786"/>
                <a:gd name="connsiteX2083" fmla="*/ 746042 w 2044700"/>
                <a:gd name="connsiteY2083" fmla="*/ 203161 h 800786"/>
                <a:gd name="connsiteX2084" fmla="*/ 757415 w 2044700"/>
                <a:gd name="connsiteY2084" fmla="*/ 204785 h 800786"/>
                <a:gd name="connsiteX2085" fmla="*/ 760664 w 2044700"/>
                <a:gd name="connsiteY2085" fmla="*/ 206409 h 800786"/>
                <a:gd name="connsiteX2086" fmla="*/ 767163 w 2044700"/>
                <a:gd name="connsiteY2086" fmla="*/ 209658 h 800786"/>
                <a:gd name="connsiteX2087" fmla="*/ 772037 w 2044700"/>
                <a:gd name="connsiteY2087" fmla="*/ 212906 h 800786"/>
                <a:gd name="connsiteX2088" fmla="*/ 776912 w 2044700"/>
                <a:gd name="connsiteY2088" fmla="*/ 214530 h 800786"/>
                <a:gd name="connsiteX2089" fmla="*/ 780161 w 2044700"/>
                <a:gd name="connsiteY2089" fmla="*/ 214530 h 800786"/>
                <a:gd name="connsiteX2090" fmla="*/ 783411 w 2044700"/>
                <a:gd name="connsiteY2090" fmla="*/ 212906 h 800786"/>
                <a:gd name="connsiteX2091" fmla="*/ 781786 w 2044700"/>
                <a:gd name="connsiteY2091" fmla="*/ 209658 h 800786"/>
                <a:gd name="connsiteX2092" fmla="*/ 778536 w 2044700"/>
                <a:gd name="connsiteY2092" fmla="*/ 206409 h 800786"/>
                <a:gd name="connsiteX2093" fmla="*/ 773662 w 2044700"/>
                <a:gd name="connsiteY2093" fmla="*/ 206409 h 800786"/>
                <a:gd name="connsiteX2094" fmla="*/ 781786 w 2044700"/>
                <a:gd name="connsiteY2094" fmla="*/ 204785 h 800786"/>
                <a:gd name="connsiteX2095" fmla="*/ 791534 w 2044700"/>
                <a:gd name="connsiteY2095" fmla="*/ 201537 h 800786"/>
                <a:gd name="connsiteX2096" fmla="*/ 794784 w 2044700"/>
                <a:gd name="connsiteY2096" fmla="*/ 198288 h 800786"/>
                <a:gd name="connsiteX2097" fmla="*/ 793159 w 2044700"/>
                <a:gd name="connsiteY2097" fmla="*/ 198288 h 800786"/>
                <a:gd name="connsiteX2098" fmla="*/ 789910 w 2044700"/>
                <a:gd name="connsiteY2098" fmla="*/ 198288 h 800786"/>
                <a:gd name="connsiteX2099" fmla="*/ 785035 w 2044700"/>
                <a:gd name="connsiteY2099" fmla="*/ 199912 h 800786"/>
                <a:gd name="connsiteX2100" fmla="*/ 780161 w 2044700"/>
                <a:gd name="connsiteY2100" fmla="*/ 199912 h 800786"/>
                <a:gd name="connsiteX2101" fmla="*/ 775287 w 2044700"/>
                <a:gd name="connsiteY2101" fmla="*/ 201537 h 800786"/>
                <a:gd name="connsiteX2102" fmla="*/ 773662 w 2044700"/>
                <a:gd name="connsiteY2102" fmla="*/ 201537 h 800786"/>
                <a:gd name="connsiteX2103" fmla="*/ 770413 w 2044700"/>
                <a:gd name="connsiteY2103" fmla="*/ 199912 h 800786"/>
                <a:gd name="connsiteX2104" fmla="*/ 767163 w 2044700"/>
                <a:gd name="connsiteY2104" fmla="*/ 199912 h 800786"/>
                <a:gd name="connsiteX2105" fmla="*/ 763914 w 2044700"/>
                <a:gd name="connsiteY2105" fmla="*/ 198288 h 800786"/>
                <a:gd name="connsiteX2106" fmla="*/ 760664 w 2044700"/>
                <a:gd name="connsiteY2106" fmla="*/ 196664 h 800786"/>
                <a:gd name="connsiteX2107" fmla="*/ 749291 w 2044700"/>
                <a:gd name="connsiteY2107" fmla="*/ 188543 h 800786"/>
                <a:gd name="connsiteX2108" fmla="*/ 746042 w 2044700"/>
                <a:gd name="connsiteY2108" fmla="*/ 186919 h 800786"/>
                <a:gd name="connsiteX2109" fmla="*/ 742792 w 2044700"/>
                <a:gd name="connsiteY2109" fmla="*/ 183670 h 800786"/>
                <a:gd name="connsiteX2110" fmla="*/ 739543 w 2044700"/>
                <a:gd name="connsiteY2110" fmla="*/ 180422 h 800786"/>
                <a:gd name="connsiteX2111" fmla="*/ 736293 w 2044700"/>
                <a:gd name="connsiteY2111" fmla="*/ 175549 h 800786"/>
                <a:gd name="connsiteX2112" fmla="*/ 721670 w 2044700"/>
                <a:gd name="connsiteY2112" fmla="*/ 170677 h 800786"/>
                <a:gd name="connsiteX2113" fmla="*/ 715171 w 2044700"/>
                <a:gd name="connsiteY2113" fmla="*/ 169052 h 800786"/>
                <a:gd name="connsiteX2114" fmla="*/ 710297 w 2044700"/>
                <a:gd name="connsiteY2114" fmla="*/ 167428 h 800786"/>
                <a:gd name="connsiteX2115" fmla="*/ 710297 w 2044700"/>
                <a:gd name="connsiteY2115" fmla="*/ 164180 h 800786"/>
                <a:gd name="connsiteX2116" fmla="*/ 710297 w 2044700"/>
                <a:gd name="connsiteY2116" fmla="*/ 160931 h 800786"/>
                <a:gd name="connsiteX2117" fmla="*/ 708672 w 2044700"/>
                <a:gd name="connsiteY2117" fmla="*/ 159307 h 800786"/>
                <a:gd name="connsiteX2118" fmla="*/ 703798 w 2044700"/>
                <a:gd name="connsiteY2118" fmla="*/ 156059 h 800786"/>
                <a:gd name="connsiteX2119" fmla="*/ 703798 w 2044700"/>
                <a:gd name="connsiteY2119" fmla="*/ 151186 h 800786"/>
                <a:gd name="connsiteX2120" fmla="*/ 707048 w 2044700"/>
                <a:gd name="connsiteY2120" fmla="*/ 146314 h 800786"/>
                <a:gd name="connsiteX2121" fmla="*/ 710297 w 2044700"/>
                <a:gd name="connsiteY2121" fmla="*/ 144689 h 800786"/>
                <a:gd name="connsiteX2122" fmla="*/ 718421 w 2044700"/>
                <a:gd name="connsiteY2122" fmla="*/ 144689 h 800786"/>
                <a:gd name="connsiteX2123" fmla="*/ 723295 w 2044700"/>
                <a:gd name="connsiteY2123" fmla="*/ 146314 h 800786"/>
                <a:gd name="connsiteX2124" fmla="*/ 728169 w 2044700"/>
                <a:gd name="connsiteY2124" fmla="*/ 147938 h 800786"/>
                <a:gd name="connsiteX2125" fmla="*/ 733044 w 2044700"/>
                <a:gd name="connsiteY2125" fmla="*/ 146314 h 800786"/>
                <a:gd name="connsiteX2126" fmla="*/ 737918 w 2044700"/>
                <a:gd name="connsiteY2126" fmla="*/ 146314 h 800786"/>
                <a:gd name="connsiteX2127" fmla="*/ 744417 w 2044700"/>
                <a:gd name="connsiteY2127" fmla="*/ 146314 h 800786"/>
                <a:gd name="connsiteX2128" fmla="*/ 749291 w 2044700"/>
                <a:gd name="connsiteY2128" fmla="*/ 147938 h 800786"/>
                <a:gd name="connsiteX2129" fmla="*/ 755790 w 2044700"/>
                <a:gd name="connsiteY2129" fmla="*/ 147938 h 800786"/>
                <a:gd name="connsiteX2130" fmla="*/ 759040 w 2044700"/>
                <a:gd name="connsiteY2130" fmla="*/ 151186 h 800786"/>
                <a:gd name="connsiteX2131" fmla="*/ 762289 w 2044700"/>
                <a:gd name="connsiteY2131" fmla="*/ 152810 h 800786"/>
                <a:gd name="connsiteX2132" fmla="*/ 768788 w 2044700"/>
                <a:gd name="connsiteY2132" fmla="*/ 156059 h 800786"/>
                <a:gd name="connsiteX2133" fmla="*/ 773662 w 2044700"/>
                <a:gd name="connsiteY2133" fmla="*/ 157683 h 800786"/>
                <a:gd name="connsiteX2134" fmla="*/ 775287 w 2044700"/>
                <a:gd name="connsiteY2134" fmla="*/ 159307 h 800786"/>
                <a:gd name="connsiteX2135" fmla="*/ 783411 w 2044700"/>
                <a:gd name="connsiteY2135" fmla="*/ 160931 h 800786"/>
                <a:gd name="connsiteX2136" fmla="*/ 786660 w 2044700"/>
                <a:gd name="connsiteY2136" fmla="*/ 167428 h 800786"/>
                <a:gd name="connsiteX2137" fmla="*/ 791534 w 2044700"/>
                <a:gd name="connsiteY2137" fmla="*/ 170677 h 800786"/>
                <a:gd name="connsiteX2138" fmla="*/ 798033 w 2044700"/>
                <a:gd name="connsiteY2138" fmla="*/ 172301 h 800786"/>
                <a:gd name="connsiteX2139" fmla="*/ 804532 w 2044700"/>
                <a:gd name="connsiteY2139" fmla="*/ 172301 h 800786"/>
                <a:gd name="connsiteX2140" fmla="*/ 815906 w 2044700"/>
                <a:gd name="connsiteY2140" fmla="*/ 173925 h 800786"/>
                <a:gd name="connsiteX2141" fmla="*/ 825654 w 2044700"/>
                <a:gd name="connsiteY2141" fmla="*/ 172301 h 800786"/>
                <a:gd name="connsiteX2142" fmla="*/ 817530 w 2044700"/>
                <a:gd name="connsiteY2142" fmla="*/ 170677 h 800786"/>
                <a:gd name="connsiteX2143" fmla="*/ 809407 w 2044700"/>
                <a:gd name="connsiteY2143" fmla="*/ 170677 h 800786"/>
                <a:gd name="connsiteX2144" fmla="*/ 802908 w 2044700"/>
                <a:gd name="connsiteY2144" fmla="*/ 170677 h 800786"/>
                <a:gd name="connsiteX2145" fmla="*/ 798033 w 2044700"/>
                <a:gd name="connsiteY2145" fmla="*/ 170677 h 800786"/>
                <a:gd name="connsiteX2146" fmla="*/ 794784 w 2044700"/>
                <a:gd name="connsiteY2146" fmla="*/ 169052 h 800786"/>
                <a:gd name="connsiteX2147" fmla="*/ 798033 w 2044700"/>
                <a:gd name="connsiteY2147" fmla="*/ 165804 h 800786"/>
                <a:gd name="connsiteX2148" fmla="*/ 794784 w 2044700"/>
                <a:gd name="connsiteY2148" fmla="*/ 162556 h 800786"/>
                <a:gd name="connsiteX2149" fmla="*/ 785035 w 2044700"/>
                <a:gd name="connsiteY2149" fmla="*/ 159307 h 800786"/>
                <a:gd name="connsiteX2150" fmla="*/ 780161 w 2044700"/>
                <a:gd name="connsiteY2150" fmla="*/ 154435 h 800786"/>
                <a:gd name="connsiteX2151" fmla="*/ 775287 w 2044700"/>
                <a:gd name="connsiteY2151" fmla="*/ 152810 h 800786"/>
                <a:gd name="connsiteX2152" fmla="*/ 772037 w 2044700"/>
                <a:gd name="connsiteY2152" fmla="*/ 146314 h 800786"/>
                <a:gd name="connsiteX2153" fmla="*/ 773662 w 2044700"/>
                <a:gd name="connsiteY2153" fmla="*/ 144689 h 800786"/>
                <a:gd name="connsiteX2154" fmla="*/ 778536 w 2044700"/>
                <a:gd name="connsiteY2154" fmla="*/ 143065 h 800786"/>
                <a:gd name="connsiteX2155" fmla="*/ 781786 w 2044700"/>
                <a:gd name="connsiteY2155" fmla="*/ 141441 h 800786"/>
                <a:gd name="connsiteX2156" fmla="*/ 788285 w 2044700"/>
                <a:gd name="connsiteY2156" fmla="*/ 143065 h 800786"/>
                <a:gd name="connsiteX2157" fmla="*/ 794784 w 2044700"/>
                <a:gd name="connsiteY2157" fmla="*/ 143065 h 800786"/>
                <a:gd name="connsiteX2158" fmla="*/ 806157 w 2044700"/>
                <a:gd name="connsiteY2158" fmla="*/ 141441 h 800786"/>
                <a:gd name="connsiteX2159" fmla="*/ 811031 w 2044700"/>
                <a:gd name="connsiteY2159" fmla="*/ 141441 h 800786"/>
                <a:gd name="connsiteX2160" fmla="*/ 815906 w 2044700"/>
                <a:gd name="connsiteY2160" fmla="*/ 139817 h 800786"/>
                <a:gd name="connsiteX2161" fmla="*/ 820780 w 2044700"/>
                <a:gd name="connsiteY2161" fmla="*/ 138193 h 800786"/>
                <a:gd name="connsiteX2162" fmla="*/ 827279 w 2044700"/>
                <a:gd name="connsiteY2162" fmla="*/ 133320 h 800786"/>
                <a:gd name="connsiteX2163" fmla="*/ 830528 w 2044700"/>
                <a:gd name="connsiteY2163" fmla="*/ 131696 h 800786"/>
                <a:gd name="connsiteX2164" fmla="*/ 835403 w 2044700"/>
                <a:gd name="connsiteY2164" fmla="*/ 130071 h 800786"/>
                <a:gd name="connsiteX2165" fmla="*/ 840277 w 2044700"/>
                <a:gd name="connsiteY2165" fmla="*/ 128447 h 800786"/>
                <a:gd name="connsiteX2166" fmla="*/ 845151 w 2044700"/>
                <a:gd name="connsiteY2166" fmla="*/ 126823 h 800786"/>
                <a:gd name="connsiteX2167" fmla="*/ 851650 w 2044700"/>
                <a:gd name="connsiteY2167" fmla="*/ 125199 h 800786"/>
                <a:gd name="connsiteX2168" fmla="*/ 858149 w 2044700"/>
                <a:gd name="connsiteY2168" fmla="*/ 125199 h 800786"/>
                <a:gd name="connsiteX2169" fmla="*/ 864648 w 2044700"/>
                <a:gd name="connsiteY2169" fmla="*/ 125199 h 800786"/>
                <a:gd name="connsiteX2170" fmla="*/ 872772 w 2044700"/>
                <a:gd name="connsiteY2170" fmla="*/ 125199 h 800786"/>
                <a:gd name="connsiteX2171" fmla="*/ 872772 w 2044700"/>
                <a:gd name="connsiteY2171" fmla="*/ 123575 h 800786"/>
                <a:gd name="connsiteX2172" fmla="*/ 863023 w 2044700"/>
                <a:gd name="connsiteY2172" fmla="*/ 123575 h 800786"/>
                <a:gd name="connsiteX2173" fmla="*/ 858149 w 2044700"/>
                <a:gd name="connsiteY2173" fmla="*/ 123575 h 800786"/>
                <a:gd name="connsiteX2174" fmla="*/ 853275 w 2044700"/>
                <a:gd name="connsiteY2174" fmla="*/ 123575 h 800786"/>
                <a:gd name="connsiteX2175" fmla="*/ 848401 w 2044700"/>
                <a:gd name="connsiteY2175" fmla="*/ 123575 h 800786"/>
                <a:gd name="connsiteX2176" fmla="*/ 845151 w 2044700"/>
                <a:gd name="connsiteY2176" fmla="*/ 121950 h 800786"/>
                <a:gd name="connsiteX2177" fmla="*/ 845151 w 2044700"/>
                <a:gd name="connsiteY2177" fmla="*/ 120326 h 800786"/>
                <a:gd name="connsiteX2178" fmla="*/ 850025 w 2044700"/>
                <a:gd name="connsiteY2178" fmla="*/ 115454 h 800786"/>
                <a:gd name="connsiteX2179" fmla="*/ 854899 w 2044700"/>
                <a:gd name="connsiteY2179" fmla="*/ 110581 h 800786"/>
                <a:gd name="connsiteX2180" fmla="*/ 876021 w 2044700"/>
                <a:gd name="connsiteY2180" fmla="*/ 100836 h 800786"/>
                <a:gd name="connsiteX2181" fmla="*/ 859774 w 2044700"/>
                <a:gd name="connsiteY2181" fmla="*/ 105708 h 800786"/>
                <a:gd name="connsiteX2182" fmla="*/ 854899 w 2044700"/>
                <a:gd name="connsiteY2182" fmla="*/ 107333 h 800786"/>
                <a:gd name="connsiteX2183" fmla="*/ 851650 w 2044700"/>
                <a:gd name="connsiteY2183" fmla="*/ 110581 h 800786"/>
                <a:gd name="connsiteX2184" fmla="*/ 848401 w 2044700"/>
                <a:gd name="connsiteY2184" fmla="*/ 112205 h 800786"/>
                <a:gd name="connsiteX2185" fmla="*/ 841902 w 2044700"/>
                <a:gd name="connsiteY2185" fmla="*/ 113829 h 800786"/>
                <a:gd name="connsiteX2186" fmla="*/ 837027 w 2044700"/>
                <a:gd name="connsiteY2186" fmla="*/ 118702 h 800786"/>
                <a:gd name="connsiteX2187" fmla="*/ 837027 w 2044700"/>
                <a:gd name="connsiteY2187" fmla="*/ 120326 h 800786"/>
                <a:gd name="connsiteX2188" fmla="*/ 833778 w 2044700"/>
                <a:gd name="connsiteY2188" fmla="*/ 123575 h 800786"/>
                <a:gd name="connsiteX2189" fmla="*/ 830528 w 2044700"/>
                <a:gd name="connsiteY2189" fmla="*/ 125199 h 800786"/>
                <a:gd name="connsiteX2190" fmla="*/ 824029 w 2044700"/>
                <a:gd name="connsiteY2190" fmla="*/ 126823 h 800786"/>
                <a:gd name="connsiteX2191" fmla="*/ 809407 w 2044700"/>
                <a:gd name="connsiteY2191" fmla="*/ 130071 h 800786"/>
                <a:gd name="connsiteX2192" fmla="*/ 801283 w 2044700"/>
                <a:gd name="connsiteY2192" fmla="*/ 133320 h 800786"/>
                <a:gd name="connsiteX2193" fmla="*/ 798033 w 2044700"/>
                <a:gd name="connsiteY2193" fmla="*/ 133320 h 800786"/>
                <a:gd name="connsiteX2194" fmla="*/ 796409 w 2044700"/>
                <a:gd name="connsiteY2194" fmla="*/ 134944 h 800786"/>
                <a:gd name="connsiteX2195" fmla="*/ 788285 w 2044700"/>
                <a:gd name="connsiteY2195" fmla="*/ 136568 h 800786"/>
                <a:gd name="connsiteX2196" fmla="*/ 780161 w 2044700"/>
                <a:gd name="connsiteY2196" fmla="*/ 136568 h 800786"/>
                <a:gd name="connsiteX2197" fmla="*/ 767163 w 2044700"/>
                <a:gd name="connsiteY2197" fmla="*/ 136568 h 800786"/>
                <a:gd name="connsiteX2198" fmla="*/ 765539 w 2044700"/>
                <a:gd name="connsiteY2198" fmla="*/ 134944 h 800786"/>
                <a:gd name="connsiteX2199" fmla="*/ 765539 w 2044700"/>
                <a:gd name="connsiteY2199" fmla="*/ 128447 h 800786"/>
                <a:gd name="connsiteX2200" fmla="*/ 762289 w 2044700"/>
                <a:gd name="connsiteY2200" fmla="*/ 126823 h 800786"/>
                <a:gd name="connsiteX2201" fmla="*/ 759040 w 2044700"/>
                <a:gd name="connsiteY2201" fmla="*/ 128447 h 800786"/>
                <a:gd name="connsiteX2202" fmla="*/ 755790 w 2044700"/>
                <a:gd name="connsiteY2202" fmla="*/ 133320 h 800786"/>
                <a:gd name="connsiteX2203" fmla="*/ 754165 w 2044700"/>
                <a:gd name="connsiteY2203" fmla="*/ 136568 h 800786"/>
                <a:gd name="connsiteX2204" fmla="*/ 752541 w 2044700"/>
                <a:gd name="connsiteY2204" fmla="*/ 138193 h 800786"/>
                <a:gd name="connsiteX2205" fmla="*/ 747666 w 2044700"/>
                <a:gd name="connsiteY2205" fmla="*/ 138193 h 800786"/>
                <a:gd name="connsiteX2206" fmla="*/ 741167 w 2044700"/>
                <a:gd name="connsiteY2206" fmla="*/ 138193 h 800786"/>
                <a:gd name="connsiteX2207" fmla="*/ 736293 w 2044700"/>
                <a:gd name="connsiteY2207" fmla="*/ 138193 h 800786"/>
                <a:gd name="connsiteX2208" fmla="*/ 731419 w 2044700"/>
                <a:gd name="connsiteY2208" fmla="*/ 138193 h 800786"/>
                <a:gd name="connsiteX2209" fmla="*/ 728169 w 2044700"/>
                <a:gd name="connsiteY2209" fmla="*/ 138193 h 800786"/>
                <a:gd name="connsiteX2210" fmla="*/ 711922 w 2044700"/>
                <a:gd name="connsiteY2210" fmla="*/ 136568 h 800786"/>
                <a:gd name="connsiteX2211" fmla="*/ 707048 w 2044700"/>
                <a:gd name="connsiteY2211" fmla="*/ 136568 h 800786"/>
                <a:gd name="connsiteX2212" fmla="*/ 705423 w 2044700"/>
                <a:gd name="connsiteY2212" fmla="*/ 131696 h 800786"/>
                <a:gd name="connsiteX2213" fmla="*/ 708672 w 2044700"/>
                <a:gd name="connsiteY2213" fmla="*/ 128447 h 800786"/>
                <a:gd name="connsiteX2214" fmla="*/ 710297 w 2044700"/>
                <a:gd name="connsiteY2214" fmla="*/ 126823 h 800786"/>
                <a:gd name="connsiteX2215" fmla="*/ 715171 w 2044700"/>
                <a:gd name="connsiteY2215" fmla="*/ 125199 h 800786"/>
                <a:gd name="connsiteX2216" fmla="*/ 721670 w 2044700"/>
                <a:gd name="connsiteY2216" fmla="*/ 120326 h 800786"/>
                <a:gd name="connsiteX2217" fmla="*/ 720046 w 2044700"/>
                <a:gd name="connsiteY2217" fmla="*/ 117078 h 800786"/>
                <a:gd name="connsiteX2218" fmla="*/ 716796 w 2044700"/>
                <a:gd name="connsiteY2218" fmla="*/ 118702 h 800786"/>
                <a:gd name="connsiteX2219" fmla="*/ 708672 w 2044700"/>
                <a:gd name="connsiteY2219" fmla="*/ 120326 h 800786"/>
                <a:gd name="connsiteX2220" fmla="*/ 705423 w 2044700"/>
                <a:gd name="connsiteY2220" fmla="*/ 123575 h 800786"/>
                <a:gd name="connsiteX2221" fmla="*/ 702173 w 2044700"/>
                <a:gd name="connsiteY2221" fmla="*/ 125199 h 800786"/>
                <a:gd name="connsiteX2222" fmla="*/ 698924 w 2044700"/>
                <a:gd name="connsiteY2222" fmla="*/ 130071 h 800786"/>
                <a:gd name="connsiteX2223" fmla="*/ 695674 w 2044700"/>
                <a:gd name="connsiteY2223" fmla="*/ 133320 h 800786"/>
                <a:gd name="connsiteX2224" fmla="*/ 685926 w 2044700"/>
                <a:gd name="connsiteY2224" fmla="*/ 133320 h 800786"/>
                <a:gd name="connsiteX2225" fmla="*/ 681052 w 2044700"/>
                <a:gd name="connsiteY2225" fmla="*/ 133320 h 800786"/>
                <a:gd name="connsiteX2226" fmla="*/ 677802 w 2044700"/>
                <a:gd name="connsiteY2226" fmla="*/ 130071 h 800786"/>
                <a:gd name="connsiteX2227" fmla="*/ 664804 w 2044700"/>
                <a:gd name="connsiteY2227" fmla="*/ 126823 h 800786"/>
                <a:gd name="connsiteX2228" fmla="*/ 658305 w 2044700"/>
                <a:gd name="connsiteY2228" fmla="*/ 125199 h 800786"/>
                <a:gd name="connsiteX2229" fmla="*/ 656681 w 2044700"/>
                <a:gd name="connsiteY2229" fmla="*/ 121950 h 800786"/>
                <a:gd name="connsiteX2230" fmla="*/ 656681 w 2044700"/>
                <a:gd name="connsiteY2230" fmla="*/ 118702 h 800786"/>
                <a:gd name="connsiteX2231" fmla="*/ 651806 w 2044700"/>
                <a:gd name="connsiteY2231" fmla="*/ 117078 h 800786"/>
                <a:gd name="connsiteX2232" fmla="*/ 648557 w 2044700"/>
                <a:gd name="connsiteY2232" fmla="*/ 118702 h 800786"/>
                <a:gd name="connsiteX2233" fmla="*/ 643683 w 2044700"/>
                <a:gd name="connsiteY2233" fmla="*/ 117078 h 800786"/>
                <a:gd name="connsiteX2234" fmla="*/ 638808 w 2044700"/>
                <a:gd name="connsiteY2234" fmla="*/ 115454 h 800786"/>
                <a:gd name="connsiteX2235" fmla="*/ 638808 w 2044700"/>
                <a:gd name="connsiteY2235" fmla="*/ 110581 h 800786"/>
                <a:gd name="connsiteX2236" fmla="*/ 640433 w 2044700"/>
                <a:gd name="connsiteY2236" fmla="*/ 108957 h 800786"/>
                <a:gd name="connsiteX2237" fmla="*/ 645307 w 2044700"/>
                <a:gd name="connsiteY2237" fmla="*/ 104084 h 800786"/>
                <a:gd name="connsiteX2238" fmla="*/ 650182 w 2044700"/>
                <a:gd name="connsiteY2238" fmla="*/ 100836 h 800786"/>
                <a:gd name="connsiteX2239" fmla="*/ 656681 w 2044700"/>
                <a:gd name="connsiteY2239" fmla="*/ 99212 h 800786"/>
                <a:gd name="connsiteX2240" fmla="*/ 663180 w 2044700"/>
                <a:gd name="connsiteY2240" fmla="*/ 95963 h 800786"/>
                <a:gd name="connsiteX2241" fmla="*/ 661555 w 2044700"/>
                <a:gd name="connsiteY2241" fmla="*/ 95963 h 800786"/>
                <a:gd name="connsiteX2242" fmla="*/ 655056 w 2044700"/>
                <a:gd name="connsiteY2242" fmla="*/ 97587 h 800786"/>
                <a:gd name="connsiteX2243" fmla="*/ 648557 w 2044700"/>
                <a:gd name="connsiteY2243" fmla="*/ 99212 h 800786"/>
                <a:gd name="connsiteX2244" fmla="*/ 643683 w 2044700"/>
                <a:gd name="connsiteY2244" fmla="*/ 100836 h 800786"/>
                <a:gd name="connsiteX2245" fmla="*/ 637184 w 2044700"/>
                <a:gd name="connsiteY2245" fmla="*/ 102460 h 800786"/>
                <a:gd name="connsiteX2246" fmla="*/ 630685 w 2044700"/>
                <a:gd name="connsiteY2246" fmla="*/ 99212 h 800786"/>
                <a:gd name="connsiteX2247" fmla="*/ 632309 w 2044700"/>
                <a:gd name="connsiteY2247" fmla="*/ 97587 h 800786"/>
                <a:gd name="connsiteX2248" fmla="*/ 640433 w 2044700"/>
                <a:gd name="connsiteY2248" fmla="*/ 92715 h 800786"/>
                <a:gd name="connsiteX2249" fmla="*/ 645307 w 2044700"/>
                <a:gd name="connsiteY2249" fmla="*/ 91090 h 800786"/>
                <a:gd name="connsiteX2250" fmla="*/ 648557 w 2044700"/>
                <a:gd name="connsiteY2250" fmla="*/ 89466 h 800786"/>
                <a:gd name="connsiteX2251" fmla="*/ 645307 w 2044700"/>
                <a:gd name="connsiteY2251" fmla="*/ 89466 h 800786"/>
                <a:gd name="connsiteX2252" fmla="*/ 635559 w 2044700"/>
                <a:gd name="connsiteY2252" fmla="*/ 89466 h 800786"/>
                <a:gd name="connsiteX2253" fmla="*/ 630685 w 2044700"/>
                <a:gd name="connsiteY2253" fmla="*/ 91090 h 800786"/>
                <a:gd name="connsiteX2254" fmla="*/ 625810 w 2044700"/>
                <a:gd name="connsiteY2254" fmla="*/ 94339 h 800786"/>
                <a:gd name="connsiteX2255" fmla="*/ 620936 w 2044700"/>
                <a:gd name="connsiteY2255" fmla="*/ 95963 h 800786"/>
                <a:gd name="connsiteX2256" fmla="*/ 614437 w 2044700"/>
                <a:gd name="connsiteY2256" fmla="*/ 94339 h 800786"/>
                <a:gd name="connsiteX2257" fmla="*/ 611188 w 2044700"/>
                <a:gd name="connsiteY2257" fmla="*/ 91090 h 800786"/>
                <a:gd name="connsiteX2258" fmla="*/ 612812 w 2044700"/>
                <a:gd name="connsiteY2258" fmla="*/ 87842 h 800786"/>
                <a:gd name="connsiteX2259" fmla="*/ 617687 w 2044700"/>
                <a:gd name="connsiteY2259" fmla="*/ 87842 h 800786"/>
                <a:gd name="connsiteX2260" fmla="*/ 622561 w 2044700"/>
                <a:gd name="connsiteY2260" fmla="*/ 84594 h 800786"/>
                <a:gd name="connsiteX2261" fmla="*/ 625810 w 2044700"/>
                <a:gd name="connsiteY2261" fmla="*/ 82969 h 800786"/>
                <a:gd name="connsiteX2262" fmla="*/ 630685 w 2044700"/>
                <a:gd name="connsiteY2262" fmla="*/ 81345 h 800786"/>
                <a:gd name="connsiteX2263" fmla="*/ 635559 w 2044700"/>
                <a:gd name="connsiteY2263" fmla="*/ 79721 h 800786"/>
                <a:gd name="connsiteX2264" fmla="*/ 640433 w 2044700"/>
                <a:gd name="connsiteY2264" fmla="*/ 78097 h 800786"/>
                <a:gd name="connsiteX2265" fmla="*/ 648557 w 2044700"/>
                <a:gd name="connsiteY2265" fmla="*/ 78097 h 800786"/>
                <a:gd name="connsiteX2266" fmla="*/ 651806 w 2044700"/>
                <a:gd name="connsiteY2266" fmla="*/ 79721 h 800786"/>
                <a:gd name="connsiteX2267" fmla="*/ 655056 w 2044700"/>
                <a:gd name="connsiteY2267" fmla="*/ 81345 h 800786"/>
                <a:gd name="connsiteX2268" fmla="*/ 658305 w 2044700"/>
                <a:gd name="connsiteY2268" fmla="*/ 79721 h 800786"/>
                <a:gd name="connsiteX2269" fmla="*/ 661555 w 2044700"/>
                <a:gd name="connsiteY2269" fmla="*/ 78097 h 800786"/>
                <a:gd name="connsiteX2270" fmla="*/ 668054 w 2044700"/>
                <a:gd name="connsiteY2270" fmla="*/ 73224 h 800786"/>
                <a:gd name="connsiteX2271" fmla="*/ 676178 w 2044700"/>
                <a:gd name="connsiteY2271" fmla="*/ 71600 h 800786"/>
                <a:gd name="connsiteX2272" fmla="*/ 682677 w 2044700"/>
                <a:gd name="connsiteY2272" fmla="*/ 71600 h 800786"/>
                <a:gd name="connsiteX2273" fmla="*/ 690800 w 2044700"/>
                <a:gd name="connsiteY2273" fmla="*/ 71600 h 800786"/>
                <a:gd name="connsiteX2274" fmla="*/ 694050 w 2044700"/>
                <a:gd name="connsiteY2274" fmla="*/ 74848 h 800786"/>
                <a:gd name="connsiteX2275" fmla="*/ 697299 w 2044700"/>
                <a:gd name="connsiteY2275" fmla="*/ 76473 h 800786"/>
                <a:gd name="connsiteX2276" fmla="*/ 700549 w 2044700"/>
                <a:gd name="connsiteY2276" fmla="*/ 76473 h 800786"/>
                <a:gd name="connsiteX2277" fmla="*/ 703798 w 2044700"/>
                <a:gd name="connsiteY2277" fmla="*/ 73224 h 800786"/>
                <a:gd name="connsiteX2278" fmla="*/ 708672 w 2044700"/>
                <a:gd name="connsiteY2278" fmla="*/ 73224 h 800786"/>
                <a:gd name="connsiteX2279" fmla="*/ 718421 w 2044700"/>
                <a:gd name="connsiteY2279" fmla="*/ 74848 h 800786"/>
                <a:gd name="connsiteX2280" fmla="*/ 721670 w 2044700"/>
                <a:gd name="connsiteY2280" fmla="*/ 76473 h 800786"/>
                <a:gd name="connsiteX2281" fmla="*/ 728169 w 2044700"/>
                <a:gd name="connsiteY2281" fmla="*/ 79721 h 800786"/>
                <a:gd name="connsiteX2282" fmla="*/ 736293 w 2044700"/>
                <a:gd name="connsiteY2282" fmla="*/ 78097 h 800786"/>
                <a:gd name="connsiteX2283" fmla="*/ 734668 w 2044700"/>
                <a:gd name="connsiteY2283" fmla="*/ 74848 h 800786"/>
                <a:gd name="connsiteX2284" fmla="*/ 728169 w 2044700"/>
                <a:gd name="connsiteY2284" fmla="*/ 71600 h 800786"/>
                <a:gd name="connsiteX2285" fmla="*/ 723295 w 2044700"/>
                <a:gd name="connsiteY2285" fmla="*/ 69976 h 800786"/>
                <a:gd name="connsiteX2286" fmla="*/ 715171 w 2044700"/>
                <a:gd name="connsiteY2286" fmla="*/ 71600 h 800786"/>
                <a:gd name="connsiteX2287" fmla="*/ 703798 w 2044700"/>
                <a:gd name="connsiteY2287" fmla="*/ 68352 h 800786"/>
                <a:gd name="connsiteX2288" fmla="*/ 702173 w 2044700"/>
                <a:gd name="connsiteY2288" fmla="*/ 66727 h 800786"/>
                <a:gd name="connsiteX2289" fmla="*/ 707048 w 2044700"/>
                <a:gd name="connsiteY2289" fmla="*/ 65103 h 800786"/>
                <a:gd name="connsiteX2290" fmla="*/ 713547 w 2044700"/>
                <a:gd name="connsiteY2290" fmla="*/ 63479 h 800786"/>
                <a:gd name="connsiteX2291" fmla="*/ 720046 w 2044700"/>
                <a:gd name="connsiteY2291" fmla="*/ 65103 h 800786"/>
                <a:gd name="connsiteX2292" fmla="*/ 724920 w 2044700"/>
                <a:gd name="connsiteY2292" fmla="*/ 65103 h 800786"/>
                <a:gd name="connsiteX2293" fmla="*/ 723295 w 2044700"/>
                <a:gd name="connsiteY2293" fmla="*/ 60231 h 800786"/>
                <a:gd name="connsiteX2294" fmla="*/ 724920 w 2044700"/>
                <a:gd name="connsiteY2294" fmla="*/ 56982 h 800786"/>
                <a:gd name="connsiteX2295" fmla="*/ 724920 w 2044700"/>
                <a:gd name="connsiteY2295" fmla="*/ 53734 h 800786"/>
                <a:gd name="connsiteX2296" fmla="*/ 733044 w 2044700"/>
                <a:gd name="connsiteY2296" fmla="*/ 55358 h 800786"/>
                <a:gd name="connsiteX2297" fmla="*/ 739543 w 2044700"/>
                <a:gd name="connsiteY2297" fmla="*/ 56982 h 800786"/>
                <a:gd name="connsiteX2298" fmla="*/ 742792 w 2044700"/>
                <a:gd name="connsiteY2298" fmla="*/ 58606 h 800786"/>
                <a:gd name="connsiteX2299" fmla="*/ 747666 w 2044700"/>
                <a:gd name="connsiteY2299" fmla="*/ 58606 h 800786"/>
                <a:gd name="connsiteX2300" fmla="*/ 754165 w 2044700"/>
                <a:gd name="connsiteY2300" fmla="*/ 58606 h 800786"/>
                <a:gd name="connsiteX2301" fmla="*/ 762289 w 2044700"/>
                <a:gd name="connsiteY2301" fmla="*/ 61855 h 800786"/>
                <a:gd name="connsiteX2302" fmla="*/ 767163 w 2044700"/>
                <a:gd name="connsiteY2302" fmla="*/ 66727 h 800786"/>
                <a:gd name="connsiteX2303" fmla="*/ 770413 w 2044700"/>
                <a:gd name="connsiteY2303" fmla="*/ 69976 h 800786"/>
                <a:gd name="connsiteX2304" fmla="*/ 776912 w 2044700"/>
                <a:gd name="connsiteY2304" fmla="*/ 73224 h 800786"/>
                <a:gd name="connsiteX2305" fmla="*/ 783411 w 2044700"/>
                <a:gd name="connsiteY2305" fmla="*/ 71600 h 800786"/>
                <a:gd name="connsiteX2306" fmla="*/ 781786 w 2044700"/>
                <a:gd name="connsiteY2306" fmla="*/ 69976 h 800786"/>
                <a:gd name="connsiteX2307" fmla="*/ 775287 w 2044700"/>
                <a:gd name="connsiteY2307" fmla="*/ 66727 h 800786"/>
                <a:gd name="connsiteX2308" fmla="*/ 773662 w 2044700"/>
                <a:gd name="connsiteY2308" fmla="*/ 63479 h 800786"/>
                <a:gd name="connsiteX2309" fmla="*/ 776912 w 2044700"/>
                <a:gd name="connsiteY2309" fmla="*/ 63479 h 800786"/>
                <a:gd name="connsiteX2310" fmla="*/ 781786 w 2044700"/>
                <a:gd name="connsiteY2310" fmla="*/ 65103 h 800786"/>
                <a:gd name="connsiteX2311" fmla="*/ 786660 w 2044700"/>
                <a:gd name="connsiteY2311" fmla="*/ 66727 h 800786"/>
                <a:gd name="connsiteX2312" fmla="*/ 793159 w 2044700"/>
                <a:gd name="connsiteY2312" fmla="*/ 69976 h 800786"/>
                <a:gd name="connsiteX2313" fmla="*/ 802908 w 2044700"/>
                <a:gd name="connsiteY2313" fmla="*/ 71600 h 800786"/>
                <a:gd name="connsiteX2314" fmla="*/ 806157 w 2044700"/>
                <a:gd name="connsiteY2314" fmla="*/ 73224 h 800786"/>
                <a:gd name="connsiteX2315" fmla="*/ 815906 w 2044700"/>
                <a:gd name="connsiteY2315" fmla="*/ 74848 h 800786"/>
                <a:gd name="connsiteX2316" fmla="*/ 822405 w 2044700"/>
                <a:gd name="connsiteY2316" fmla="*/ 76473 h 800786"/>
                <a:gd name="connsiteX2317" fmla="*/ 827279 w 2044700"/>
                <a:gd name="connsiteY2317" fmla="*/ 79721 h 800786"/>
                <a:gd name="connsiteX2318" fmla="*/ 833778 w 2044700"/>
                <a:gd name="connsiteY2318" fmla="*/ 82969 h 800786"/>
                <a:gd name="connsiteX2319" fmla="*/ 833778 w 2044700"/>
                <a:gd name="connsiteY2319" fmla="*/ 79721 h 800786"/>
                <a:gd name="connsiteX2320" fmla="*/ 828904 w 2044700"/>
                <a:gd name="connsiteY2320" fmla="*/ 74848 h 800786"/>
                <a:gd name="connsiteX2321" fmla="*/ 824029 w 2044700"/>
                <a:gd name="connsiteY2321" fmla="*/ 73224 h 800786"/>
                <a:gd name="connsiteX2322" fmla="*/ 819155 w 2044700"/>
                <a:gd name="connsiteY2322" fmla="*/ 73224 h 800786"/>
                <a:gd name="connsiteX2323" fmla="*/ 812656 w 2044700"/>
                <a:gd name="connsiteY2323" fmla="*/ 71600 h 800786"/>
                <a:gd name="connsiteX2324" fmla="*/ 806157 w 2044700"/>
                <a:gd name="connsiteY2324" fmla="*/ 69976 h 800786"/>
                <a:gd name="connsiteX2325" fmla="*/ 793159 w 2044700"/>
                <a:gd name="connsiteY2325" fmla="*/ 65103 h 800786"/>
                <a:gd name="connsiteX2326" fmla="*/ 786660 w 2044700"/>
                <a:gd name="connsiteY2326" fmla="*/ 63479 h 800786"/>
                <a:gd name="connsiteX2327" fmla="*/ 783411 w 2044700"/>
                <a:gd name="connsiteY2327" fmla="*/ 63479 h 800786"/>
                <a:gd name="connsiteX2328" fmla="*/ 780161 w 2044700"/>
                <a:gd name="connsiteY2328" fmla="*/ 61855 h 800786"/>
                <a:gd name="connsiteX2329" fmla="*/ 776912 w 2044700"/>
                <a:gd name="connsiteY2329" fmla="*/ 60231 h 800786"/>
                <a:gd name="connsiteX2330" fmla="*/ 776912 w 2044700"/>
                <a:gd name="connsiteY2330" fmla="*/ 56982 h 800786"/>
                <a:gd name="connsiteX2331" fmla="*/ 780161 w 2044700"/>
                <a:gd name="connsiteY2331" fmla="*/ 55358 h 800786"/>
                <a:gd name="connsiteX2332" fmla="*/ 785035 w 2044700"/>
                <a:gd name="connsiteY2332" fmla="*/ 55358 h 800786"/>
                <a:gd name="connsiteX2333" fmla="*/ 785035 w 2044700"/>
                <a:gd name="connsiteY2333" fmla="*/ 52109 h 800786"/>
                <a:gd name="connsiteX2334" fmla="*/ 783411 w 2044700"/>
                <a:gd name="connsiteY2334" fmla="*/ 50485 h 800786"/>
                <a:gd name="connsiteX2335" fmla="*/ 789910 w 2044700"/>
                <a:gd name="connsiteY2335" fmla="*/ 47237 h 800786"/>
                <a:gd name="connsiteX2336" fmla="*/ 796409 w 2044700"/>
                <a:gd name="connsiteY2336" fmla="*/ 47237 h 800786"/>
                <a:gd name="connsiteX2337" fmla="*/ 801283 w 2044700"/>
                <a:gd name="connsiteY2337" fmla="*/ 48861 h 800786"/>
                <a:gd name="connsiteX2338" fmla="*/ 804532 w 2044700"/>
                <a:gd name="connsiteY2338" fmla="*/ 50485 h 800786"/>
                <a:gd name="connsiteX2339" fmla="*/ 809407 w 2044700"/>
                <a:gd name="connsiteY2339" fmla="*/ 50485 h 800786"/>
                <a:gd name="connsiteX2340" fmla="*/ 804532 w 2044700"/>
                <a:gd name="connsiteY2340" fmla="*/ 48861 h 800786"/>
                <a:gd name="connsiteX2341" fmla="*/ 798033 w 2044700"/>
                <a:gd name="connsiteY2341" fmla="*/ 43988 h 800786"/>
                <a:gd name="connsiteX2342" fmla="*/ 796409 w 2044700"/>
                <a:gd name="connsiteY2342" fmla="*/ 42364 h 800786"/>
                <a:gd name="connsiteX2343" fmla="*/ 799658 w 2044700"/>
                <a:gd name="connsiteY2343" fmla="*/ 39116 h 800786"/>
                <a:gd name="connsiteX2344" fmla="*/ 806157 w 2044700"/>
                <a:gd name="connsiteY2344" fmla="*/ 39116 h 800786"/>
                <a:gd name="connsiteX2345" fmla="*/ 812656 w 2044700"/>
                <a:gd name="connsiteY2345" fmla="*/ 39116 h 800786"/>
                <a:gd name="connsiteX2346" fmla="*/ 815906 w 2044700"/>
                <a:gd name="connsiteY2346" fmla="*/ 40740 h 800786"/>
                <a:gd name="connsiteX2347" fmla="*/ 820780 w 2044700"/>
                <a:gd name="connsiteY2347" fmla="*/ 42364 h 800786"/>
                <a:gd name="connsiteX2348" fmla="*/ 824029 w 2044700"/>
                <a:gd name="connsiteY2348" fmla="*/ 43988 h 800786"/>
                <a:gd name="connsiteX2349" fmla="*/ 830528 w 2044700"/>
                <a:gd name="connsiteY2349" fmla="*/ 45613 h 800786"/>
                <a:gd name="connsiteX2350" fmla="*/ 827279 w 2044700"/>
                <a:gd name="connsiteY2350" fmla="*/ 42364 h 800786"/>
                <a:gd name="connsiteX2351" fmla="*/ 822405 w 2044700"/>
                <a:gd name="connsiteY2351" fmla="*/ 40740 h 800786"/>
                <a:gd name="connsiteX2352" fmla="*/ 820780 w 2044700"/>
                <a:gd name="connsiteY2352" fmla="*/ 35867 h 800786"/>
                <a:gd name="connsiteX2353" fmla="*/ 820780 w 2044700"/>
                <a:gd name="connsiteY2353" fmla="*/ 34243 h 800786"/>
                <a:gd name="connsiteX2354" fmla="*/ 824029 w 2044700"/>
                <a:gd name="connsiteY2354" fmla="*/ 34243 h 800786"/>
                <a:gd name="connsiteX2355" fmla="*/ 832153 w 2044700"/>
                <a:gd name="connsiteY2355" fmla="*/ 32619 h 800786"/>
                <a:gd name="connsiteX2356" fmla="*/ 837027 w 2044700"/>
                <a:gd name="connsiteY2356" fmla="*/ 32619 h 800786"/>
                <a:gd name="connsiteX2357" fmla="*/ 840277 w 2044700"/>
                <a:gd name="connsiteY2357" fmla="*/ 34243 h 800786"/>
                <a:gd name="connsiteX2358" fmla="*/ 845151 w 2044700"/>
                <a:gd name="connsiteY2358" fmla="*/ 34243 h 800786"/>
                <a:gd name="connsiteX2359" fmla="*/ 848401 w 2044700"/>
                <a:gd name="connsiteY2359" fmla="*/ 35867 h 800786"/>
                <a:gd name="connsiteX2360" fmla="*/ 853275 w 2044700"/>
                <a:gd name="connsiteY2360" fmla="*/ 37492 h 800786"/>
                <a:gd name="connsiteX2361" fmla="*/ 858149 w 2044700"/>
                <a:gd name="connsiteY2361" fmla="*/ 35867 h 800786"/>
                <a:gd name="connsiteX2362" fmla="*/ 863023 w 2044700"/>
                <a:gd name="connsiteY2362" fmla="*/ 35867 h 800786"/>
                <a:gd name="connsiteX2363" fmla="*/ 869522 w 2044700"/>
                <a:gd name="connsiteY2363" fmla="*/ 35867 h 800786"/>
                <a:gd name="connsiteX2364" fmla="*/ 872772 w 2044700"/>
                <a:gd name="connsiteY2364" fmla="*/ 39116 h 800786"/>
                <a:gd name="connsiteX2365" fmla="*/ 876021 w 2044700"/>
                <a:gd name="connsiteY2365" fmla="*/ 42364 h 800786"/>
                <a:gd name="connsiteX2366" fmla="*/ 877646 w 2044700"/>
                <a:gd name="connsiteY2366" fmla="*/ 43988 h 800786"/>
                <a:gd name="connsiteX2367" fmla="*/ 882520 w 2044700"/>
                <a:gd name="connsiteY2367" fmla="*/ 45613 h 800786"/>
                <a:gd name="connsiteX2368" fmla="*/ 885770 w 2044700"/>
                <a:gd name="connsiteY2368" fmla="*/ 47237 h 800786"/>
                <a:gd name="connsiteX2369" fmla="*/ 889019 w 2044700"/>
                <a:gd name="connsiteY2369" fmla="*/ 48861 h 800786"/>
                <a:gd name="connsiteX2370" fmla="*/ 892269 w 2044700"/>
                <a:gd name="connsiteY2370" fmla="*/ 52109 h 800786"/>
                <a:gd name="connsiteX2371" fmla="*/ 895518 w 2044700"/>
                <a:gd name="connsiteY2371" fmla="*/ 52109 h 800786"/>
                <a:gd name="connsiteX2372" fmla="*/ 895518 w 2044700"/>
                <a:gd name="connsiteY2372" fmla="*/ 48861 h 800786"/>
                <a:gd name="connsiteX2373" fmla="*/ 892269 w 2044700"/>
                <a:gd name="connsiteY2373" fmla="*/ 47237 h 800786"/>
                <a:gd name="connsiteX2374" fmla="*/ 890644 w 2044700"/>
                <a:gd name="connsiteY2374" fmla="*/ 45613 h 800786"/>
                <a:gd name="connsiteX2375" fmla="*/ 885770 w 2044700"/>
                <a:gd name="connsiteY2375" fmla="*/ 42364 h 800786"/>
                <a:gd name="connsiteX2376" fmla="*/ 882520 w 2044700"/>
                <a:gd name="connsiteY2376" fmla="*/ 40740 h 800786"/>
                <a:gd name="connsiteX2377" fmla="*/ 877646 w 2044700"/>
                <a:gd name="connsiteY2377" fmla="*/ 39116 h 800786"/>
                <a:gd name="connsiteX2378" fmla="*/ 874396 w 2044700"/>
                <a:gd name="connsiteY2378" fmla="*/ 35867 h 800786"/>
                <a:gd name="connsiteX2379" fmla="*/ 871147 w 2044700"/>
                <a:gd name="connsiteY2379" fmla="*/ 32619 h 800786"/>
                <a:gd name="connsiteX2380" fmla="*/ 871147 w 2044700"/>
                <a:gd name="connsiteY2380" fmla="*/ 30995 h 800786"/>
                <a:gd name="connsiteX2381" fmla="*/ 877646 w 2044700"/>
                <a:gd name="connsiteY2381" fmla="*/ 27746 h 800786"/>
                <a:gd name="connsiteX2382" fmla="*/ 893893 w 2044700"/>
                <a:gd name="connsiteY2382" fmla="*/ 29371 h 800786"/>
                <a:gd name="connsiteX2383" fmla="*/ 902017 w 2044700"/>
                <a:gd name="connsiteY2383" fmla="*/ 29371 h 800786"/>
                <a:gd name="connsiteX2384" fmla="*/ 906891 w 2044700"/>
                <a:gd name="connsiteY2384" fmla="*/ 29371 h 800786"/>
                <a:gd name="connsiteX2385" fmla="*/ 911766 w 2044700"/>
                <a:gd name="connsiteY2385" fmla="*/ 29371 h 800786"/>
                <a:gd name="connsiteX2386" fmla="*/ 923139 w 2044700"/>
                <a:gd name="connsiteY2386" fmla="*/ 29371 h 800786"/>
                <a:gd name="connsiteX2387" fmla="*/ 926388 w 2044700"/>
                <a:gd name="connsiteY2387" fmla="*/ 32619 h 800786"/>
                <a:gd name="connsiteX2388" fmla="*/ 929638 w 2044700"/>
                <a:gd name="connsiteY2388" fmla="*/ 35867 h 800786"/>
                <a:gd name="connsiteX2389" fmla="*/ 934512 w 2044700"/>
                <a:gd name="connsiteY2389" fmla="*/ 39116 h 800786"/>
                <a:gd name="connsiteX2390" fmla="*/ 937761 w 2044700"/>
                <a:gd name="connsiteY2390" fmla="*/ 40740 h 800786"/>
                <a:gd name="connsiteX2391" fmla="*/ 944260 w 2044700"/>
                <a:gd name="connsiteY2391" fmla="*/ 40740 h 800786"/>
                <a:gd name="connsiteX2392" fmla="*/ 941011 w 2044700"/>
                <a:gd name="connsiteY2392" fmla="*/ 37492 h 800786"/>
                <a:gd name="connsiteX2393" fmla="*/ 937761 w 2044700"/>
                <a:gd name="connsiteY2393" fmla="*/ 34243 h 800786"/>
                <a:gd name="connsiteX2394" fmla="*/ 941011 w 2044700"/>
                <a:gd name="connsiteY2394" fmla="*/ 32619 h 800786"/>
                <a:gd name="connsiteX2395" fmla="*/ 942636 w 2044700"/>
                <a:gd name="connsiteY2395" fmla="*/ 29371 h 800786"/>
                <a:gd name="connsiteX2396" fmla="*/ 947510 w 2044700"/>
                <a:gd name="connsiteY2396" fmla="*/ 26122 h 800786"/>
                <a:gd name="connsiteX2397" fmla="*/ 952384 w 2044700"/>
                <a:gd name="connsiteY2397" fmla="*/ 27746 h 800786"/>
                <a:gd name="connsiteX2398" fmla="*/ 965382 w 2044700"/>
                <a:gd name="connsiteY2398" fmla="*/ 27746 h 800786"/>
                <a:gd name="connsiteX2399" fmla="*/ 970256 w 2044700"/>
                <a:gd name="connsiteY2399" fmla="*/ 27746 h 800786"/>
                <a:gd name="connsiteX2400" fmla="*/ 973506 w 2044700"/>
                <a:gd name="connsiteY2400" fmla="*/ 29371 h 800786"/>
                <a:gd name="connsiteX2401" fmla="*/ 973506 w 2044700"/>
                <a:gd name="connsiteY2401" fmla="*/ 30995 h 800786"/>
                <a:gd name="connsiteX2402" fmla="*/ 973506 w 2044700"/>
                <a:gd name="connsiteY2402" fmla="*/ 32619 h 800786"/>
                <a:gd name="connsiteX2403" fmla="*/ 980005 w 2044700"/>
                <a:gd name="connsiteY2403" fmla="*/ 35867 h 800786"/>
                <a:gd name="connsiteX2404" fmla="*/ 984879 w 2044700"/>
                <a:gd name="connsiteY2404" fmla="*/ 35867 h 800786"/>
                <a:gd name="connsiteX2405" fmla="*/ 984879 w 2044700"/>
                <a:gd name="connsiteY2405" fmla="*/ 34243 h 800786"/>
                <a:gd name="connsiteX2406" fmla="*/ 980005 w 2044700"/>
                <a:gd name="connsiteY2406" fmla="*/ 30995 h 800786"/>
                <a:gd name="connsiteX2407" fmla="*/ 978380 w 2044700"/>
                <a:gd name="connsiteY2407" fmla="*/ 29371 h 800786"/>
                <a:gd name="connsiteX2408" fmla="*/ 981630 w 2044700"/>
                <a:gd name="connsiteY2408" fmla="*/ 27746 h 800786"/>
                <a:gd name="connsiteX2409" fmla="*/ 984879 w 2044700"/>
                <a:gd name="connsiteY2409" fmla="*/ 26122 h 800786"/>
                <a:gd name="connsiteX2410" fmla="*/ 991378 w 2044700"/>
                <a:gd name="connsiteY2410" fmla="*/ 24498 h 800786"/>
                <a:gd name="connsiteX2411" fmla="*/ 1682953 w 2044700"/>
                <a:gd name="connsiteY2411" fmla="*/ 112 h 800786"/>
                <a:gd name="connsiteX2412" fmla="*/ 1697358 w 2044700"/>
                <a:gd name="connsiteY2412" fmla="*/ 721 h 800786"/>
                <a:gd name="connsiteX2413" fmla="*/ 1700604 w 2044700"/>
                <a:gd name="connsiteY2413" fmla="*/ 2344 h 800786"/>
                <a:gd name="connsiteX2414" fmla="*/ 1705474 w 2044700"/>
                <a:gd name="connsiteY2414" fmla="*/ 3966 h 800786"/>
                <a:gd name="connsiteX2415" fmla="*/ 1711966 w 2044700"/>
                <a:gd name="connsiteY2415" fmla="*/ 5589 h 800786"/>
                <a:gd name="connsiteX2416" fmla="*/ 1715212 w 2044700"/>
                <a:gd name="connsiteY2416" fmla="*/ 7212 h 800786"/>
                <a:gd name="connsiteX2417" fmla="*/ 1726574 w 2044700"/>
                <a:gd name="connsiteY2417" fmla="*/ 5589 h 800786"/>
                <a:gd name="connsiteX2418" fmla="*/ 1728197 w 2044700"/>
                <a:gd name="connsiteY2418" fmla="*/ 5589 h 800786"/>
                <a:gd name="connsiteX2419" fmla="*/ 1729820 w 2044700"/>
                <a:gd name="connsiteY2419" fmla="*/ 3966 h 800786"/>
                <a:gd name="connsiteX2420" fmla="*/ 1737935 w 2044700"/>
                <a:gd name="connsiteY2420" fmla="*/ 3966 h 800786"/>
                <a:gd name="connsiteX2421" fmla="*/ 1742805 w 2044700"/>
                <a:gd name="connsiteY2421" fmla="*/ 5589 h 800786"/>
                <a:gd name="connsiteX2422" fmla="*/ 1747674 w 2044700"/>
                <a:gd name="connsiteY2422" fmla="*/ 8835 h 800786"/>
                <a:gd name="connsiteX2423" fmla="*/ 1750920 w 2044700"/>
                <a:gd name="connsiteY2423" fmla="*/ 8835 h 800786"/>
                <a:gd name="connsiteX2424" fmla="*/ 1768774 w 2044700"/>
                <a:gd name="connsiteY2424" fmla="*/ 10458 h 800786"/>
                <a:gd name="connsiteX2425" fmla="*/ 1775267 w 2044700"/>
                <a:gd name="connsiteY2425" fmla="*/ 8835 h 800786"/>
                <a:gd name="connsiteX2426" fmla="*/ 1781759 w 2044700"/>
                <a:gd name="connsiteY2426" fmla="*/ 10458 h 800786"/>
                <a:gd name="connsiteX2427" fmla="*/ 1788251 w 2044700"/>
                <a:gd name="connsiteY2427" fmla="*/ 12081 h 800786"/>
                <a:gd name="connsiteX2428" fmla="*/ 1789874 w 2044700"/>
                <a:gd name="connsiteY2428" fmla="*/ 12081 h 800786"/>
                <a:gd name="connsiteX2429" fmla="*/ 1794744 w 2044700"/>
                <a:gd name="connsiteY2429" fmla="*/ 12081 h 800786"/>
                <a:gd name="connsiteX2430" fmla="*/ 1796367 w 2044700"/>
                <a:gd name="connsiteY2430" fmla="*/ 13704 h 800786"/>
                <a:gd name="connsiteX2431" fmla="*/ 1801236 w 2044700"/>
                <a:gd name="connsiteY2431" fmla="*/ 16949 h 800786"/>
                <a:gd name="connsiteX2432" fmla="*/ 1794744 w 2044700"/>
                <a:gd name="connsiteY2432" fmla="*/ 18572 h 800786"/>
                <a:gd name="connsiteX2433" fmla="*/ 1786628 w 2044700"/>
                <a:gd name="connsiteY2433" fmla="*/ 21818 h 800786"/>
                <a:gd name="connsiteX2434" fmla="*/ 1773643 w 2044700"/>
                <a:gd name="connsiteY2434" fmla="*/ 23441 h 800786"/>
                <a:gd name="connsiteX2435" fmla="*/ 1765528 w 2044700"/>
                <a:gd name="connsiteY2435" fmla="*/ 25064 h 800786"/>
                <a:gd name="connsiteX2436" fmla="*/ 1760659 w 2044700"/>
                <a:gd name="connsiteY2436" fmla="*/ 25064 h 800786"/>
                <a:gd name="connsiteX2437" fmla="*/ 1755789 w 2044700"/>
                <a:gd name="connsiteY2437" fmla="*/ 25064 h 800786"/>
                <a:gd name="connsiteX2438" fmla="*/ 1750920 w 2044700"/>
                <a:gd name="connsiteY2438" fmla="*/ 26686 h 800786"/>
                <a:gd name="connsiteX2439" fmla="*/ 1755789 w 2044700"/>
                <a:gd name="connsiteY2439" fmla="*/ 26686 h 800786"/>
                <a:gd name="connsiteX2440" fmla="*/ 1760659 w 2044700"/>
                <a:gd name="connsiteY2440" fmla="*/ 26686 h 800786"/>
                <a:gd name="connsiteX2441" fmla="*/ 1763905 w 2044700"/>
                <a:gd name="connsiteY2441" fmla="*/ 28309 h 800786"/>
                <a:gd name="connsiteX2442" fmla="*/ 1770397 w 2044700"/>
                <a:gd name="connsiteY2442" fmla="*/ 28309 h 800786"/>
                <a:gd name="connsiteX2443" fmla="*/ 1780136 w 2044700"/>
                <a:gd name="connsiteY2443" fmla="*/ 26686 h 800786"/>
                <a:gd name="connsiteX2444" fmla="*/ 1786628 w 2044700"/>
                <a:gd name="connsiteY2444" fmla="*/ 25064 h 800786"/>
                <a:gd name="connsiteX2445" fmla="*/ 1788251 w 2044700"/>
                <a:gd name="connsiteY2445" fmla="*/ 25064 h 800786"/>
                <a:gd name="connsiteX2446" fmla="*/ 1796367 w 2044700"/>
                <a:gd name="connsiteY2446" fmla="*/ 23441 h 800786"/>
                <a:gd name="connsiteX2447" fmla="*/ 1797990 w 2044700"/>
                <a:gd name="connsiteY2447" fmla="*/ 21818 h 800786"/>
                <a:gd name="connsiteX2448" fmla="*/ 1801236 w 2044700"/>
                <a:gd name="connsiteY2448" fmla="*/ 21818 h 800786"/>
                <a:gd name="connsiteX2449" fmla="*/ 1806105 w 2044700"/>
                <a:gd name="connsiteY2449" fmla="*/ 21818 h 800786"/>
                <a:gd name="connsiteX2450" fmla="*/ 1807728 w 2044700"/>
                <a:gd name="connsiteY2450" fmla="*/ 21818 h 800786"/>
                <a:gd name="connsiteX2451" fmla="*/ 1810975 w 2044700"/>
                <a:gd name="connsiteY2451" fmla="*/ 21818 h 800786"/>
                <a:gd name="connsiteX2452" fmla="*/ 1814221 w 2044700"/>
                <a:gd name="connsiteY2452" fmla="*/ 21818 h 800786"/>
                <a:gd name="connsiteX2453" fmla="*/ 1817467 w 2044700"/>
                <a:gd name="connsiteY2453" fmla="*/ 25064 h 800786"/>
                <a:gd name="connsiteX2454" fmla="*/ 1819090 w 2044700"/>
                <a:gd name="connsiteY2454" fmla="*/ 28309 h 800786"/>
                <a:gd name="connsiteX2455" fmla="*/ 1817467 w 2044700"/>
                <a:gd name="connsiteY2455" fmla="*/ 29932 h 800786"/>
                <a:gd name="connsiteX2456" fmla="*/ 1812598 w 2044700"/>
                <a:gd name="connsiteY2456" fmla="*/ 33178 h 800786"/>
                <a:gd name="connsiteX2457" fmla="*/ 1810975 w 2044700"/>
                <a:gd name="connsiteY2457" fmla="*/ 34801 h 800786"/>
                <a:gd name="connsiteX2458" fmla="*/ 1806105 w 2044700"/>
                <a:gd name="connsiteY2458" fmla="*/ 39669 h 800786"/>
                <a:gd name="connsiteX2459" fmla="*/ 1810975 w 2044700"/>
                <a:gd name="connsiteY2459" fmla="*/ 38046 h 800786"/>
                <a:gd name="connsiteX2460" fmla="*/ 1819090 w 2044700"/>
                <a:gd name="connsiteY2460" fmla="*/ 34801 h 800786"/>
                <a:gd name="connsiteX2461" fmla="*/ 1823959 w 2044700"/>
                <a:gd name="connsiteY2461" fmla="*/ 34801 h 800786"/>
                <a:gd name="connsiteX2462" fmla="*/ 1833698 w 2044700"/>
                <a:gd name="connsiteY2462" fmla="*/ 36423 h 800786"/>
                <a:gd name="connsiteX2463" fmla="*/ 1833698 w 2044700"/>
                <a:gd name="connsiteY2463" fmla="*/ 38046 h 800786"/>
                <a:gd name="connsiteX2464" fmla="*/ 1838567 w 2044700"/>
                <a:gd name="connsiteY2464" fmla="*/ 38046 h 800786"/>
                <a:gd name="connsiteX2465" fmla="*/ 1843437 w 2044700"/>
                <a:gd name="connsiteY2465" fmla="*/ 36423 h 800786"/>
                <a:gd name="connsiteX2466" fmla="*/ 1846683 w 2044700"/>
                <a:gd name="connsiteY2466" fmla="*/ 36423 h 800786"/>
                <a:gd name="connsiteX2467" fmla="*/ 1849929 w 2044700"/>
                <a:gd name="connsiteY2467" fmla="*/ 36423 h 800786"/>
                <a:gd name="connsiteX2468" fmla="*/ 1854798 w 2044700"/>
                <a:gd name="connsiteY2468" fmla="*/ 38046 h 800786"/>
                <a:gd name="connsiteX2469" fmla="*/ 1861291 w 2044700"/>
                <a:gd name="connsiteY2469" fmla="*/ 39669 h 800786"/>
                <a:gd name="connsiteX2470" fmla="*/ 1866160 w 2044700"/>
                <a:gd name="connsiteY2470" fmla="*/ 38046 h 800786"/>
                <a:gd name="connsiteX2471" fmla="*/ 1867783 w 2044700"/>
                <a:gd name="connsiteY2471" fmla="*/ 41292 h 800786"/>
                <a:gd name="connsiteX2472" fmla="*/ 1871029 w 2044700"/>
                <a:gd name="connsiteY2472" fmla="*/ 42915 h 800786"/>
                <a:gd name="connsiteX2473" fmla="*/ 1874275 w 2044700"/>
                <a:gd name="connsiteY2473" fmla="*/ 44538 h 800786"/>
                <a:gd name="connsiteX2474" fmla="*/ 1875898 w 2044700"/>
                <a:gd name="connsiteY2474" fmla="*/ 44538 h 800786"/>
                <a:gd name="connsiteX2475" fmla="*/ 1877522 w 2044700"/>
                <a:gd name="connsiteY2475" fmla="*/ 47783 h 800786"/>
                <a:gd name="connsiteX2476" fmla="*/ 1872652 w 2044700"/>
                <a:gd name="connsiteY2476" fmla="*/ 52652 h 800786"/>
                <a:gd name="connsiteX2477" fmla="*/ 1867783 w 2044700"/>
                <a:gd name="connsiteY2477" fmla="*/ 54275 h 800786"/>
                <a:gd name="connsiteX2478" fmla="*/ 1866160 w 2044700"/>
                <a:gd name="connsiteY2478" fmla="*/ 54275 h 800786"/>
                <a:gd name="connsiteX2479" fmla="*/ 1861291 w 2044700"/>
                <a:gd name="connsiteY2479" fmla="*/ 57521 h 800786"/>
                <a:gd name="connsiteX2480" fmla="*/ 1838567 w 2044700"/>
                <a:gd name="connsiteY2480" fmla="*/ 62389 h 800786"/>
                <a:gd name="connsiteX2481" fmla="*/ 1830452 w 2044700"/>
                <a:gd name="connsiteY2481" fmla="*/ 64012 h 800786"/>
                <a:gd name="connsiteX2482" fmla="*/ 1825583 w 2044700"/>
                <a:gd name="connsiteY2482" fmla="*/ 64012 h 800786"/>
                <a:gd name="connsiteX2483" fmla="*/ 1823959 w 2044700"/>
                <a:gd name="connsiteY2483" fmla="*/ 65635 h 800786"/>
                <a:gd name="connsiteX2484" fmla="*/ 1806105 w 2044700"/>
                <a:gd name="connsiteY2484" fmla="*/ 67258 h 800786"/>
                <a:gd name="connsiteX2485" fmla="*/ 1802859 w 2044700"/>
                <a:gd name="connsiteY2485" fmla="*/ 67258 h 800786"/>
                <a:gd name="connsiteX2486" fmla="*/ 1799613 w 2044700"/>
                <a:gd name="connsiteY2486" fmla="*/ 67258 h 800786"/>
                <a:gd name="connsiteX2487" fmla="*/ 1791498 w 2044700"/>
                <a:gd name="connsiteY2487" fmla="*/ 67258 h 800786"/>
                <a:gd name="connsiteX2488" fmla="*/ 1781759 w 2044700"/>
                <a:gd name="connsiteY2488" fmla="*/ 68880 h 800786"/>
                <a:gd name="connsiteX2489" fmla="*/ 1763905 w 2044700"/>
                <a:gd name="connsiteY2489" fmla="*/ 67258 h 800786"/>
                <a:gd name="connsiteX2490" fmla="*/ 1759036 w 2044700"/>
                <a:gd name="connsiteY2490" fmla="*/ 67258 h 800786"/>
                <a:gd name="connsiteX2491" fmla="*/ 1752543 w 2044700"/>
                <a:gd name="connsiteY2491" fmla="*/ 67258 h 800786"/>
                <a:gd name="connsiteX2492" fmla="*/ 1749297 w 2044700"/>
                <a:gd name="connsiteY2492" fmla="*/ 67258 h 800786"/>
                <a:gd name="connsiteX2493" fmla="*/ 1742805 w 2044700"/>
                <a:gd name="connsiteY2493" fmla="*/ 67258 h 800786"/>
                <a:gd name="connsiteX2494" fmla="*/ 1734689 w 2044700"/>
                <a:gd name="connsiteY2494" fmla="*/ 68880 h 800786"/>
                <a:gd name="connsiteX2495" fmla="*/ 1728197 w 2044700"/>
                <a:gd name="connsiteY2495" fmla="*/ 68880 h 800786"/>
                <a:gd name="connsiteX2496" fmla="*/ 1723328 w 2044700"/>
                <a:gd name="connsiteY2496" fmla="*/ 70503 h 800786"/>
                <a:gd name="connsiteX2497" fmla="*/ 1716835 w 2044700"/>
                <a:gd name="connsiteY2497" fmla="*/ 72126 h 800786"/>
                <a:gd name="connsiteX2498" fmla="*/ 1710343 w 2044700"/>
                <a:gd name="connsiteY2498" fmla="*/ 73749 h 800786"/>
                <a:gd name="connsiteX2499" fmla="*/ 1705474 w 2044700"/>
                <a:gd name="connsiteY2499" fmla="*/ 73749 h 800786"/>
                <a:gd name="connsiteX2500" fmla="*/ 1700604 w 2044700"/>
                <a:gd name="connsiteY2500" fmla="*/ 75372 h 800786"/>
                <a:gd name="connsiteX2501" fmla="*/ 1694112 w 2044700"/>
                <a:gd name="connsiteY2501" fmla="*/ 76995 h 800786"/>
                <a:gd name="connsiteX2502" fmla="*/ 1689243 w 2044700"/>
                <a:gd name="connsiteY2502" fmla="*/ 78618 h 800786"/>
                <a:gd name="connsiteX2503" fmla="*/ 1685996 w 2044700"/>
                <a:gd name="connsiteY2503" fmla="*/ 80240 h 800786"/>
                <a:gd name="connsiteX2504" fmla="*/ 1681127 w 2044700"/>
                <a:gd name="connsiteY2504" fmla="*/ 80240 h 800786"/>
                <a:gd name="connsiteX2505" fmla="*/ 1676258 w 2044700"/>
                <a:gd name="connsiteY2505" fmla="*/ 80240 h 800786"/>
                <a:gd name="connsiteX2506" fmla="*/ 1674635 w 2044700"/>
                <a:gd name="connsiteY2506" fmla="*/ 81863 h 800786"/>
                <a:gd name="connsiteX2507" fmla="*/ 1677881 w 2044700"/>
                <a:gd name="connsiteY2507" fmla="*/ 83486 h 800786"/>
                <a:gd name="connsiteX2508" fmla="*/ 1684373 w 2044700"/>
                <a:gd name="connsiteY2508" fmla="*/ 83486 h 800786"/>
                <a:gd name="connsiteX2509" fmla="*/ 1687620 w 2044700"/>
                <a:gd name="connsiteY2509" fmla="*/ 81863 h 800786"/>
                <a:gd name="connsiteX2510" fmla="*/ 1689243 w 2044700"/>
                <a:gd name="connsiteY2510" fmla="*/ 80240 h 800786"/>
                <a:gd name="connsiteX2511" fmla="*/ 1694112 w 2044700"/>
                <a:gd name="connsiteY2511" fmla="*/ 80240 h 800786"/>
                <a:gd name="connsiteX2512" fmla="*/ 1698981 w 2044700"/>
                <a:gd name="connsiteY2512" fmla="*/ 78618 h 800786"/>
                <a:gd name="connsiteX2513" fmla="*/ 1702227 w 2044700"/>
                <a:gd name="connsiteY2513" fmla="*/ 78618 h 800786"/>
                <a:gd name="connsiteX2514" fmla="*/ 1708720 w 2044700"/>
                <a:gd name="connsiteY2514" fmla="*/ 78618 h 800786"/>
                <a:gd name="connsiteX2515" fmla="*/ 1713589 w 2044700"/>
                <a:gd name="connsiteY2515" fmla="*/ 76995 h 800786"/>
                <a:gd name="connsiteX2516" fmla="*/ 1716835 w 2044700"/>
                <a:gd name="connsiteY2516" fmla="*/ 75372 h 800786"/>
                <a:gd name="connsiteX2517" fmla="*/ 1728197 w 2044700"/>
                <a:gd name="connsiteY2517" fmla="*/ 75372 h 800786"/>
                <a:gd name="connsiteX2518" fmla="*/ 1729820 w 2044700"/>
                <a:gd name="connsiteY2518" fmla="*/ 73749 h 800786"/>
                <a:gd name="connsiteX2519" fmla="*/ 1733066 w 2044700"/>
                <a:gd name="connsiteY2519" fmla="*/ 75372 h 800786"/>
                <a:gd name="connsiteX2520" fmla="*/ 1734689 w 2044700"/>
                <a:gd name="connsiteY2520" fmla="*/ 75372 h 800786"/>
                <a:gd name="connsiteX2521" fmla="*/ 1739559 w 2044700"/>
                <a:gd name="connsiteY2521" fmla="*/ 72126 h 800786"/>
                <a:gd name="connsiteX2522" fmla="*/ 1742805 w 2044700"/>
                <a:gd name="connsiteY2522" fmla="*/ 70503 h 800786"/>
                <a:gd name="connsiteX2523" fmla="*/ 1747674 w 2044700"/>
                <a:gd name="connsiteY2523" fmla="*/ 72126 h 800786"/>
                <a:gd name="connsiteX2524" fmla="*/ 1755789 w 2044700"/>
                <a:gd name="connsiteY2524" fmla="*/ 72126 h 800786"/>
                <a:gd name="connsiteX2525" fmla="*/ 1762282 w 2044700"/>
                <a:gd name="connsiteY2525" fmla="*/ 72126 h 800786"/>
                <a:gd name="connsiteX2526" fmla="*/ 1776890 w 2044700"/>
                <a:gd name="connsiteY2526" fmla="*/ 73749 h 800786"/>
                <a:gd name="connsiteX2527" fmla="*/ 1783382 w 2044700"/>
                <a:gd name="connsiteY2527" fmla="*/ 72126 h 800786"/>
                <a:gd name="connsiteX2528" fmla="*/ 1788251 w 2044700"/>
                <a:gd name="connsiteY2528" fmla="*/ 72126 h 800786"/>
                <a:gd name="connsiteX2529" fmla="*/ 1791498 w 2044700"/>
                <a:gd name="connsiteY2529" fmla="*/ 70503 h 800786"/>
                <a:gd name="connsiteX2530" fmla="*/ 1797990 w 2044700"/>
                <a:gd name="connsiteY2530" fmla="*/ 70503 h 800786"/>
                <a:gd name="connsiteX2531" fmla="*/ 1806105 w 2044700"/>
                <a:gd name="connsiteY2531" fmla="*/ 72126 h 800786"/>
                <a:gd name="connsiteX2532" fmla="*/ 1807728 w 2044700"/>
                <a:gd name="connsiteY2532" fmla="*/ 72126 h 800786"/>
                <a:gd name="connsiteX2533" fmla="*/ 1810975 w 2044700"/>
                <a:gd name="connsiteY2533" fmla="*/ 75372 h 800786"/>
                <a:gd name="connsiteX2534" fmla="*/ 1810975 w 2044700"/>
                <a:gd name="connsiteY2534" fmla="*/ 80240 h 800786"/>
                <a:gd name="connsiteX2535" fmla="*/ 1807728 w 2044700"/>
                <a:gd name="connsiteY2535" fmla="*/ 81863 h 800786"/>
                <a:gd name="connsiteX2536" fmla="*/ 1802859 w 2044700"/>
                <a:gd name="connsiteY2536" fmla="*/ 85109 h 800786"/>
                <a:gd name="connsiteX2537" fmla="*/ 1797990 w 2044700"/>
                <a:gd name="connsiteY2537" fmla="*/ 86732 h 800786"/>
                <a:gd name="connsiteX2538" fmla="*/ 1791498 w 2044700"/>
                <a:gd name="connsiteY2538" fmla="*/ 89978 h 800786"/>
                <a:gd name="connsiteX2539" fmla="*/ 1783382 w 2044700"/>
                <a:gd name="connsiteY2539" fmla="*/ 93223 h 800786"/>
                <a:gd name="connsiteX2540" fmla="*/ 1776890 w 2044700"/>
                <a:gd name="connsiteY2540" fmla="*/ 94846 h 800786"/>
                <a:gd name="connsiteX2541" fmla="*/ 1773643 w 2044700"/>
                <a:gd name="connsiteY2541" fmla="*/ 94846 h 800786"/>
                <a:gd name="connsiteX2542" fmla="*/ 1775267 w 2044700"/>
                <a:gd name="connsiteY2542" fmla="*/ 98092 h 800786"/>
                <a:gd name="connsiteX2543" fmla="*/ 1778513 w 2044700"/>
                <a:gd name="connsiteY2543" fmla="*/ 98092 h 800786"/>
                <a:gd name="connsiteX2544" fmla="*/ 1781759 w 2044700"/>
                <a:gd name="connsiteY2544" fmla="*/ 98092 h 800786"/>
                <a:gd name="connsiteX2545" fmla="*/ 1788251 w 2044700"/>
                <a:gd name="connsiteY2545" fmla="*/ 94846 h 800786"/>
                <a:gd name="connsiteX2546" fmla="*/ 1793121 w 2044700"/>
                <a:gd name="connsiteY2546" fmla="*/ 93223 h 800786"/>
                <a:gd name="connsiteX2547" fmla="*/ 1796367 w 2044700"/>
                <a:gd name="connsiteY2547" fmla="*/ 91600 h 800786"/>
                <a:gd name="connsiteX2548" fmla="*/ 1799613 w 2044700"/>
                <a:gd name="connsiteY2548" fmla="*/ 89978 h 800786"/>
                <a:gd name="connsiteX2549" fmla="*/ 1806105 w 2044700"/>
                <a:gd name="connsiteY2549" fmla="*/ 88355 h 800786"/>
                <a:gd name="connsiteX2550" fmla="*/ 1810975 w 2044700"/>
                <a:gd name="connsiteY2550" fmla="*/ 86732 h 800786"/>
                <a:gd name="connsiteX2551" fmla="*/ 1814221 w 2044700"/>
                <a:gd name="connsiteY2551" fmla="*/ 88355 h 800786"/>
                <a:gd name="connsiteX2552" fmla="*/ 1817467 w 2044700"/>
                <a:gd name="connsiteY2552" fmla="*/ 86732 h 800786"/>
                <a:gd name="connsiteX2553" fmla="*/ 1819090 w 2044700"/>
                <a:gd name="connsiteY2553" fmla="*/ 85109 h 800786"/>
                <a:gd name="connsiteX2554" fmla="*/ 1820713 w 2044700"/>
                <a:gd name="connsiteY2554" fmla="*/ 85109 h 800786"/>
                <a:gd name="connsiteX2555" fmla="*/ 1827206 w 2044700"/>
                <a:gd name="connsiteY2555" fmla="*/ 85109 h 800786"/>
                <a:gd name="connsiteX2556" fmla="*/ 1830452 w 2044700"/>
                <a:gd name="connsiteY2556" fmla="*/ 83486 h 800786"/>
                <a:gd name="connsiteX2557" fmla="*/ 1830452 w 2044700"/>
                <a:gd name="connsiteY2557" fmla="*/ 78618 h 800786"/>
                <a:gd name="connsiteX2558" fmla="*/ 1830452 w 2044700"/>
                <a:gd name="connsiteY2558" fmla="*/ 75372 h 800786"/>
                <a:gd name="connsiteX2559" fmla="*/ 1833698 w 2044700"/>
                <a:gd name="connsiteY2559" fmla="*/ 73749 h 800786"/>
                <a:gd name="connsiteX2560" fmla="*/ 1840190 w 2044700"/>
                <a:gd name="connsiteY2560" fmla="*/ 72126 h 800786"/>
                <a:gd name="connsiteX2561" fmla="*/ 1848306 w 2044700"/>
                <a:gd name="connsiteY2561" fmla="*/ 70503 h 800786"/>
                <a:gd name="connsiteX2562" fmla="*/ 1851552 w 2044700"/>
                <a:gd name="connsiteY2562" fmla="*/ 70503 h 800786"/>
                <a:gd name="connsiteX2563" fmla="*/ 1856421 w 2044700"/>
                <a:gd name="connsiteY2563" fmla="*/ 68880 h 800786"/>
                <a:gd name="connsiteX2564" fmla="*/ 1861291 w 2044700"/>
                <a:gd name="connsiteY2564" fmla="*/ 68880 h 800786"/>
                <a:gd name="connsiteX2565" fmla="*/ 1867783 w 2044700"/>
                <a:gd name="connsiteY2565" fmla="*/ 70503 h 800786"/>
                <a:gd name="connsiteX2566" fmla="*/ 1869406 w 2044700"/>
                <a:gd name="connsiteY2566" fmla="*/ 75372 h 800786"/>
                <a:gd name="connsiteX2567" fmla="*/ 1871029 w 2044700"/>
                <a:gd name="connsiteY2567" fmla="*/ 80240 h 800786"/>
                <a:gd name="connsiteX2568" fmla="*/ 1871029 w 2044700"/>
                <a:gd name="connsiteY2568" fmla="*/ 85109 h 800786"/>
                <a:gd name="connsiteX2569" fmla="*/ 1856421 w 2044700"/>
                <a:gd name="connsiteY2569" fmla="*/ 104583 h 800786"/>
                <a:gd name="connsiteX2570" fmla="*/ 1854798 w 2044700"/>
                <a:gd name="connsiteY2570" fmla="*/ 106206 h 800786"/>
                <a:gd name="connsiteX2571" fmla="*/ 1851552 w 2044700"/>
                <a:gd name="connsiteY2571" fmla="*/ 109452 h 800786"/>
                <a:gd name="connsiteX2572" fmla="*/ 1849929 w 2044700"/>
                <a:gd name="connsiteY2572" fmla="*/ 109452 h 800786"/>
                <a:gd name="connsiteX2573" fmla="*/ 1846683 w 2044700"/>
                <a:gd name="connsiteY2573" fmla="*/ 112697 h 800786"/>
                <a:gd name="connsiteX2574" fmla="*/ 1845060 w 2044700"/>
                <a:gd name="connsiteY2574" fmla="*/ 114320 h 800786"/>
                <a:gd name="connsiteX2575" fmla="*/ 1836944 w 2044700"/>
                <a:gd name="connsiteY2575" fmla="*/ 119189 h 800786"/>
                <a:gd name="connsiteX2576" fmla="*/ 1835321 w 2044700"/>
                <a:gd name="connsiteY2576" fmla="*/ 122435 h 800786"/>
                <a:gd name="connsiteX2577" fmla="*/ 1835321 w 2044700"/>
                <a:gd name="connsiteY2577" fmla="*/ 124057 h 800786"/>
                <a:gd name="connsiteX2578" fmla="*/ 1835321 w 2044700"/>
                <a:gd name="connsiteY2578" fmla="*/ 125680 h 800786"/>
                <a:gd name="connsiteX2579" fmla="*/ 1832075 w 2044700"/>
                <a:gd name="connsiteY2579" fmla="*/ 128926 h 800786"/>
                <a:gd name="connsiteX2580" fmla="*/ 1836944 w 2044700"/>
                <a:gd name="connsiteY2580" fmla="*/ 127303 h 800786"/>
                <a:gd name="connsiteX2581" fmla="*/ 1838567 w 2044700"/>
                <a:gd name="connsiteY2581" fmla="*/ 124057 h 800786"/>
                <a:gd name="connsiteX2582" fmla="*/ 1840190 w 2044700"/>
                <a:gd name="connsiteY2582" fmla="*/ 120812 h 800786"/>
                <a:gd name="connsiteX2583" fmla="*/ 1843437 w 2044700"/>
                <a:gd name="connsiteY2583" fmla="*/ 119189 h 800786"/>
                <a:gd name="connsiteX2584" fmla="*/ 1853175 w 2044700"/>
                <a:gd name="connsiteY2584" fmla="*/ 114320 h 800786"/>
                <a:gd name="connsiteX2585" fmla="*/ 1858044 w 2044700"/>
                <a:gd name="connsiteY2585" fmla="*/ 111075 h 800786"/>
                <a:gd name="connsiteX2586" fmla="*/ 1864537 w 2044700"/>
                <a:gd name="connsiteY2586" fmla="*/ 107829 h 800786"/>
                <a:gd name="connsiteX2587" fmla="*/ 1866160 w 2044700"/>
                <a:gd name="connsiteY2587" fmla="*/ 106206 h 800786"/>
                <a:gd name="connsiteX2588" fmla="*/ 1869406 w 2044700"/>
                <a:gd name="connsiteY2588" fmla="*/ 104583 h 800786"/>
                <a:gd name="connsiteX2589" fmla="*/ 1872652 w 2044700"/>
                <a:gd name="connsiteY2589" fmla="*/ 102960 h 800786"/>
                <a:gd name="connsiteX2590" fmla="*/ 1885637 w 2044700"/>
                <a:gd name="connsiteY2590" fmla="*/ 94846 h 800786"/>
                <a:gd name="connsiteX2591" fmla="*/ 1888883 w 2044700"/>
                <a:gd name="connsiteY2591" fmla="*/ 93223 h 800786"/>
                <a:gd name="connsiteX2592" fmla="*/ 1890506 w 2044700"/>
                <a:gd name="connsiteY2592" fmla="*/ 89978 h 800786"/>
                <a:gd name="connsiteX2593" fmla="*/ 1893752 w 2044700"/>
                <a:gd name="connsiteY2593" fmla="*/ 89978 h 800786"/>
                <a:gd name="connsiteX2594" fmla="*/ 1895376 w 2044700"/>
                <a:gd name="connsiteY2594" fmla="*/ 88355 h 800786"/>
                <a:gd name="connsiteX2595" fmla="*/ 1900245 w 2044700"/>
                <a:gd name="connsiteY2595" fmla="*/ 88355 h 800786"/>
                <a:gd name="connsiteX2596" fmla="*/ 1903491 w 2044700"/>
                <a:gd name="connsiteY2596" fmla="*/ 88355 h 800786"/>
                <a:gd name="connsiteX2597" fmla="*/ 1903491 w 2044700"/>
                <a:gd name="connsiteY2597" fmla="*/ 89978 h 800786"/>
                <a:gd name="connsiteX2598" fmla="*/ 1901868 w 2044700"/>
                <a:gd name="connsiteY2598" fmla="*/ 94846 h 800786"/>
                <a:gd name="connsiteX2599" fmla="*/ 1901868 w 2044700"/>
                <a:gd name="connsiteY2599" fmla="*/ 96469 h 800786"/>
                <a:gd name="connsiteX2600" fmla="*/ 1905114 w 2044700"/>
                <a:gd name="connsiteY2600" fmla="*/ 94846 h 800786"/>
                <a:gd name="connsiteX2601" fmla="*/ 1908360 w 2044700"/>
                <a:gd name="connsiteY2601" fmla="*/ 93223 h 800786"/>
                <a:gd name="connsiteX2602" fmla="*/ 1909983 w 2044700"/>
                <a:gd name="connsiteY2602" fmla="*/ 91600 h 800786"/>
                <a:gd name="connsiteX2603" fmla="*/ 1913230 w 2044700"/>
                <a:gd name="connsiteY2603" fmla="*/ 91600 h 800786"/>
                <a:gd name="connsiteX2604" fmla="*/ 1924591 w 2044700"/>
                <a:gd name="connsiteY2604" fmla="*/ 91600 h 800786"/>
                <a:gd name="connsiteX2605" fmla="*/ 1927837 w 2044700"/>
                <a:gd name="connsiteY2605" fmla="*/ 93223 h 800786"/>
                <a:gd name="connsiteX2606" fmla="*/ 1931084 w 2044700"/>
                <a:gd name="connsiteY2606" fmla="*/ 94846 h 800786"/>
                <a:gd name="connsiteX2607" fmla="*/ 1934330 w 2044700"/>
                <a:gd name="connsiteY2607" fmla="*/ 94846 h 800786"/>
                <a:gd name="connsiteX2608" fmla="*/ 1937576 w 2044700"/>
                <a:gd name="connsiteY2608" fmla="*/ 94846 h 800786"/>
                <a:gd name="connsiteX2609" fmla="*/ 1940822 w 2044700"/>
                <a:gd name="connsiteY2609" fmla="*/ 93223 h 800786"/>
                <a:gd name="connsiteX2610" fmla="*/ 1944068 w 2044700"/>
                <a:gd name="connsiteY2610" fmla="*/ 89978 h 800786"/>
                <a:gd name="connsiteX2611" fmla="*/ 1947315 w 2044700"/>
                <a:gd name="connsiteY2611" fmla="*/ 86732 h 800786"/>
                <a:gd name="connsiteX2612" fmla="*/ 1950561 w 2044700"/>
                <a:gd name="connsiteY2612" fmla="*/ 83486 h 800786"/>
                <a:gd name="connsiteX2613" fmla="*/ 1961922 w 2044700"/>
                <a:gd name="connsiteY2613" fmla="*/ 76995 h 800786"/>
                <a:gd name="connsiteX2614" fmla="*/ 1965169 w 2044700"/>
                <a:gd name="connsiteY2614" fmla="*/ 75372 h 800786"/>
                <a:gd name="connsiteX2615" fmla="*/ 1968415 w 2044700"/>
                <a:gd name="connsiteY2615" fmla="*/ 73749 h 800786"/>
                <a:gd name="connsiteX2616" fmla="*/ 1973284 w 2044700"/>
                <a:gd name="connsiteY2616" fmla="*/ 73749 h 800786"/>
                <a:gd name="connsiteX2617" fmla="*/ 1987892 w 2044700"/>
                <a:gd name="connsiteY2617" fmla="*/ 75372 h 800786"/>
                <a:gd name="connsiteX2618" fmla="*/ 1992761 w 2044700"/>
                <a:gd name="connsiteY2618" fmla="*/ 73749 h 800786"/>
                <a:gd name="connsiteX2619" fmla="*/ 1997630 w 2044700"/>
                <a:gd name="connsiteY2619" fmla="*/ 73749 h 800786"/>
                <a:gd name="connsiteX2620" fmla="*/ 2000877 w 2044700"/>
                <a:gd name="connsiteY2620" fmla="*/ 73749 h 800786"/>
                <a:gd name="connsiteX2621" fmla="*/ 2017108 w 2044700"/>
                <a:gd name="connsiteY2621" fmla="*/ 78618 h 800786"/>
                <a:gd name="connsiteX2622" fmla="*/ 2021977 w 2044700"/>
                <a:gd name="connsiteY2622" fmla="*/ 80240 h 800786"/>
                <a:gd name="connsiteX2623" fmla="*/ 2026846 w 2044700"/>
                <a:gd name="connsiteY2623" fmla="*/ 80240 h 800786"/>
                <a:gd name="connsiteX2624" fmla="*/ 2033339 w 2044700"/>
                <a:gd name="connsiteY2624" fmla="*/ 80240 h 800786"/>
                <a:gd name="connsiteX2625" fmla="*/ 2038208 w 2044700"/>
                <a:gd name="connsiteY2625" fmla="*/ 83486 h 800786"/>
                <a:gd name="connsiteX2626" fmla="*/ 2041454 w 2044700"/>
                <a:gd name="connsiteY2626" fmla="*/ 86732 h 800786"/>
                <a:gd name="connsiteX2627" fmla="*/ 2044700 w 2044700"/>
                <a:gd name="connsiteY2627" fmla="*/ 88355 h 800786"/>
                <a:gd name="connsiteX2628" fmla="*/ 2043077 w 2044700"/>
                <a:gd name="connsiteY2628" fmla="*/ 91600 h 800786"/>
                <a:gd name="connsiteX2629" fmla="*/ 2028469 w 2044700"/>
                <a:gd name="connsiteY2629" fmla="*/ 104583 h 800786"/>
                <a:gd name="connsiteX2630" fmla="*/ 2025223 w 2044700"/>
                <a:gd name="connsiteY2630" fmla="*/ 106206 h 800786"/>
                <a:gd name="connsiteX2631" fmla="*/ 2017108 w 2044700"/>
                <a:gd name="connsiteY2631" fmla="*/ 109452 h 800786"/>
                <a:gd name="connsiteX2632" fmla="*/ 2013861 w 2044700"/>
                <a:gd name="connsiteY2632" fmla="*/ 109452 h 800786"/>
                <a:gd name="connsiteX2633" fmla="*/ 2010615 w 2044700"/>
                <a:gd name="connsiteY2633" fmla="*/ 111075 h 800786"/>
                <a:gd name="connsiteX2634" fmla="*/ 2005746 w 2044700"/>
                <a:gd name="connsiteY2634" fmla="*/ 109452 h 800786"/>
                <a:gd name="connsiteX2635" fmla="*/ 2002500 w 2044700"/>
                <a:gd name="connsiteY2635" fmla="*/ 109452 h 800786"/>
                <a:gd name="connsiteX2636" fmla="*/ 1999254 w 2044700"/>
                <a:gd name="connsiteY2636" fmla="*/ 111075 h 800786"/>
                <a:gd name="connsiteX2637" fmla="*/ 1999254 w 2044700"/>
                <a:gd name="connsiteY2637" fmla="*/ 112697 h 800786"/>
                <a:gd name="connsiteX2638" fmla="*/ 2000877 w 2044700"/>
                <a:gd name="connsiteY2638" fmla="*/ 115943 h 800786"/>
                <a:gd name="connsiteX2639" fmla="*/ 2000877 w 2044700"/>
                <a:gd name="connsiteY2639" fmla="*/ 119189 h 800786"/>
                <a:gd name="connsiteX2640" fmla="*/ 1994384 w 2044700"/>
                <a:gd name="connsiteY2640" fmla="*/ 122435 h 800786"/>
                <a:gd name="connsiteX2641" fmla="*/ 1989515 w 2044700"/>
                <a:gd name="connsiteY2641" fmla="*/ 122435 h 800786"/>
                <a:gd name="connsiteX2642" fmla="*/ 1986269 w 2044700"/>
                <a:gd name="connsiteY2642" fmla="*/ 122435 h 800786"/>
                <a:gd name="connsiteX2643" fmla="*/ 1981400 w 2044700"/>
                <a:gd name="connsiteY2643" fmla="*/ 124057 h 800786"/>
                <a:gd name="connsiteX2644" fmla="*/ 1978153 w 2044700"/>
                <a:gd name="connsiteY2644" fmla="*/ 124057 h 800786"/>
                <a:gd name="connsiteX2645" fmla="*/ 1974907 w 2044700"/>
                <a:gd name="connsiteY2645" fmla="*/ 127303 h 800786"/>
                <a:gd name="connsiteX2646" fmla="*/ 1970038 w 2044700"/>
                <a:gd name="connsiteY2646" fmla="*/ 127303 h 800786"/>
                <a:gd name="connsiteX2647" fmla="*/ 1966792 w 2044700"/>
                <a:gd name="connsiteY2647" fmla="*/ 127303 h 800786"/>
                <a:gd name="connsiteX2648" fmla="*/ 1953807 w 2044700"/>
                <a:gd name="connsiteY2648" fmla="*/ 125680 h 800786"/>
                <a:gd name="connsiteX2649" fmla="*/ 1948938 w 2044700"/>
                <a:gd name="connsiteY2649" fmla="*/ 127303 h 800786"/>
                <a:gd name="connsiteX2650" fmla="*/ 1945691 w 2044700"/>
                <a:gd name="connsiteY2650" fmla="*/ 127303 h 800786"/>
                <a:gd name="connsiteX2651" fmla="*/ 1944068 w 2044700"/>
                <a:gd name="connsiteY2651" fmla="*/ 125680 h 800786"/>
                <a:gd name="connsiteX2652" fmla="*/ 1940822 w 2044700"/>
                <a:gd name="connsiteY2652" fmla="*/ 127303 h 800786"/>
                <a:gd name="connsiteX2653" fmla="*/ 1934330 w 2044700"/>
                <a:gd name="connsiteY2653" fmla="*/ 130549 h 800786"/>
                <a:gd name="connsiteX2654" fmla="*/ 1935953 w 2044700"/>
                <a:gd name="connsiteY2654" fmla="*/ 132172 h 800786"/>
                <a:gd name="connsiteX2655" fmla="*/ 1942445 w 2044700"/>
                <a:gd name="connsiteY2655" fmla="*/ 132172 h 800786"/>
                <a:gd name="connsiteX2656" fmla="*/ 1944068 w 2044700"/>
                <a:gd name="connsiteY2656" fmla="*/ 130549 h 800786"/>
                <a:gd name="connsiteX2657" fmla="*/ 1947315 w 2044700"/>
                <a:gd name="connsiteY2657" fmla="*/ 128926 h 800786"/>
                <a:gd name="connsiteX2658" fmla="*/ 1948938 w 2044700"/>
                <a:gd name="connsiteY2658" fmla="*/ 128926 h 800786"/>
                <a:gd name="connsiteX2659" fmla="*/ 1955430 w 2044700"/>
                <a:gd name="connsiteY2659" fmla="*/ 130549 h 800786"/>
                <a:gd name="connsiteX2660" fmla="*/ 1958676 w 2044700"/>
                <a:gd name="connsiteY2660" fmla="*/ 130549 h 800786"/>
                <a:gd name="connsiteX2661" fmla="*/ 1960299 w 2044700"/>
                <a:gd name="connsiteY2661" fmla="*/ 132172 h 800786"/>
                <a:gd name="connsiteX2662" fmla="*/ 1968415 w 2044700"/>
                <a:gd name="connsiteY2662" fmla="*/ 132172 h 800786"/>
                <a:gd name="connsiteX2663" fmla="*/ 1970038 w 2044700"/>
                <a:gd name="connsiteY2663" fmla="*/ 132172 h 800786"/>
                <a:gd name="connsiteX2664" fmla="*/ 1973284 w 2044700"/>
                <a:gd name="connsiteY2664" fmla="*/ 133794 h 800786"/>
                <a:gd name="connsiteX2665" fmla="*/ 1970038 w 2044700"/>
                <a:gd name="connsiteY2665" fmla="*/ 138663 h 800786"/>
                <a:gd name="connsiteX2666" fmla="*/ 1965169 w 2044700"/>
                <a:gd name="connsiteY2666" fmla="*/ 141909 h 800786"/>
                <a:gd name="connsiteX2667" fmla="*/ 1961922 w 2044700"/>
                <a:gd name="connsiteY2667" fmla="*/ 143532 h 800786"/>
                <a:gd name="connsiteX2668" fmla="*/ 1948938 w 2044700"/>
                <a:gd name="connsiteY2668" fmla="*/ 148400 h 800786"/>
                <a:gd name="connsiteX2669" fmla="*/ 1944068 w 2044700"/>
                <a:gd name="connsiteY2669" fmla="*/ 148400 h 800786"/>
                <a:gd name="connsiteX2670" fmla="*/ 1939199 w 2044700"/>
                <a:gd name="connsiteY2670" fmla="*/ 148400 h 800786"/>
                <a:gd name="connsiteX2671" fmla="*/ 1935953 w 2044700"/>
                <a:gd name="connsiteY2671" fmla="*/ 148400 h 800786"/>
                <a:gd name="connsiteX2672" fmla="*/ 1931084 w 2044700"/>
                <a:gd name="connsiteY2672" fmla="*/ 146777 h 800786"/>
                <a:gd name="connsiteX2673" fmla="*/ 1924591 w 2044700"/>
                <a:gd name="connsiteY2673" fmla="*/ 146777 h 800786"/>
                <a:gd name="connsiteX2674" fmla="*/ 1921345 w 2044700"/>
                <a:gd name="connsiteY2674" fmla="*/ 146777 h 800786"/>
                <a:gd name="connsiteX2675" fmla="*/ 1918099 w 2044700"/>
                <a:gd name="connsiteY2675" fmla="*/ 146777 h 800786"/>
                <a:gd name="connsiteX2676" fmla="*/ 1916476 w 2044700"/>
                <a:gd name="connsiteY2676" fmla="*/ 146777 h 800786"/>
                <a:gd name="connsiteX2677" fmla="*/ 1913230 w 2044700"/>
                <a:gd name="connsiteY2677" fmla="*/ 146777 h 800786"/>
                <a:gd name="connsiteX2678" fmla="*/ 1911606 w 2044700"/>
                <a:gd name="connsiteY2678" fmla="*/ 146777 h 800786"/>
                <a:gd name="connsiteX2679" fmla="*/ 1908360 w 2044700"/>
                <a:gd name="connsiteY2679" fmla="*/ 146777 h 800786"/>
                <a:gd name="connsiteX2680" fmla="*/ 1906737 w 2044700"/>
                <a:gd name="connsiteY2680" fmla="*/ 146777 h 800786"/>
                <a:gd name="connsiteX2681" fmla="*/ 1900245 w 2044700"/>
                <a:gd name="connsiteY2681" fmla="*/ 151646 h 800786"/>
                <a:gd name="connsiteX2682" fmla="*/ 1898622 w 2044700"/>
                <a:gd name="connsiteY2682" fmla="*/ 153269 h 800786"/>
                <a:gd name="connsiteX2683" fmla="*/ 1893752 w 2044700"/>
                <a:gd name="connsiteY2683" fmla="*/ 156514 h 800786"/>
                <a:gd name="connsiteX2684" fmla="*/ 1893752 w 2044700"/>
                <a:gd name="connsiteY2684" fmla="*/ 159760 h 800786"/>
                <a:gd name="connsiteX2685" fmla="*/ 1896999 w 2044700"/>
                <a:gd name="connsiteY2685" fmla="*/ 163006 h 800786"/>
                <a:gd name="connsiteX2686" fmla="*/ 1900245 w 2044700"/>
                <a:gd name="connsiteY2686" fmla="*/ 163006 h 800786"/>
                <a:gd name="connsiteX2687" fmla="*/ 1900245 w 2044700"/>
                <a:gd name="connsiteY2687" fmla="*/ 159760 h 800786"/>
                <a:gd name="connsiteX2688" fmla="*/ 1903491 w 2044700"/>
                <a:gd name="connsiteY2688" fmla="*/ 156514 h 800786"/>
                <a:gd name="connsiteX2689" fmla="*/ 1905114 w 2044700"/>
                <a:gd name="connsiteY2689" fmla="*/ 154892 h 800786"/>
                <a:gd name="connsiteX2690" fmla="*/ 1905114 w 2044700"/>
                <a:gd name="connsiteY2690" fmla="*/ 151646 h 800786"/>
                <a:gd name="connsiteX2691" fmla="*/ 1905114 w 2044700"/>
                <a:gd name="connsiteY2691" fmla="*/ 150023 h 800786"/>
                <a:gd name="connsiteX2692" fmla="*/ 1908360 w 2044700"/>
                <a:gd name="connsiteY2692" fmla="*/ 148400 h 800786"/>
                <a:gd name="connsiteX2693" fmla="*/ 1913230 w 2044700"/>
                <a:gd name="connsiteY2693" fmla="*/ 146777 h 800786"/>
                <a:gd name="connsiteX2694" fmla="*/ 1916476 w 2044700"/>
                <a:gd name="connsiteY2694" fmla="*/ 148400 h 800786"/>
                <a:gd name="connsiteX2695" fmla="*/ 1918099 w 2044700"/>
                <a:gd name="connsiteY2695" fmla="*/ 150023 h 800786"/>
                <a:gd name="connsiteX2696" fmla="*/ 1919722 w 2044700"/>
                <a:gd name="connsiteY2696" fmla="*/ 151646 h 800786"/>
                <a:gd name="connsiteX2697" fmla="*/ 1922968 w 2044700"/>
                <a:gd name="connsiteY2697" fmla="*/ 150023 h 800786"/>
                <a:gd name="connsiteX2698" fmla="*/ 1926214 w 2044700"/>
                <a:gd name="connsiteY2698" fmla="*/ 150023 h 800786"/>
                <a:gd name="connsiteX2699" fmla="*/ 1929461 w 2044700"/>
                <a:gd name="connsiteY2699" fmla="*/ 150023 h 800786"/>
                <a:gd name="connsiteX2700" fmla="*/ 1931084 w 2044700"/>
                <a:gd name="connsiteY2700" fmla="*/ 151646 h 800786"/>
                <a:gd name="connsiteX2701" fmla="*/ 1934330 w 2044700"/>
                <a:gd name="connsiteY2701" fmla="*/ 150023 h 800786"/>
                <a:gd name="connsiteX2702" fmla="*/ 1939199 w 2044700"/>
                <a:gd name="connsiteY2702" fmla="*/ 150023 h 800786"/>
                <a:gd name="connsiteX2703" fmla="*/ 1940822 w 2044700"/>
                <a:gd name="connsiteY2703" fmla="*/ 150023 h 800786"/>
                <a:gd name="connsiteX2704" fmla="*/ 1942445 w 2044700"/>
                <a:gd name="connsiteY2704" fmla="*/ 150023 h 800786"/>
                <a:gd name="connsiteX2705" fmla="*/ 1945691 w 2044700"/>
                <a:gd name="connsiteY2705" fmla="*/ 151646 h 800786"/>
                <a:gd name="connsiteX2706" fmla="*/ 1947315 w 2044700"/>
                <a:gd name="connsiteY2706" fmla="*/ 151646 h 800786"/>
                <a:gd name="connsiteX2707" fmla="*/ 1948938 w 2044700"/>
                <a:gd name="connsiteY2707" fmla="*/ 153269 h 800786"/>
                <a:gd name="connsiteX2708" fmla="*/ 1947315 w 2044700"/>
                <a:gd name="connsiteY2708" fmla="*/ 158137 h 800786"/>
                <a:gd name="connsiteX2709" fmla="*/ 1942445 w 2044700"/>
                <a:gd name="connsiteY2709" fmla="*/ 161383 h 800786"/>
                <a:gd name="connsiteX2710" fmla="*/ 1939199 w 2044700"/>
                <a:gd name="connsiteY2710" fmla="*/ 163006 h 800786"/>
                <a:gd name="connsiteX2711" fmla="*/ 1934330 w 2044700"/>
                <a:gd name="connsiteY2711" fmla="*/ 167874 h 800786"/>
                <a:gd name="connsiteX2712" fmla="*/ 1931084 w 2044700"/>
                <a:gd name="connsiteY2712" fmla="*/ 167874 h 800786"/>
                <a:gd name="connsiteX2713" fmla="*/ 1926214 w 2044700"/>
                <a:gd name="connsiteY2713" fmla="*/ 167874 h 800786"/>
                <a:gd name="connsiteX2714" fmla="*/ 1922968 w 2044700"/>
                <a:gd name="connsiteY2714" fmla="*/ 166252 h 800786"/>
                <a:gd name="connsiteX2715" fmla="*/ 1919722 w 2044700"/>
                <a:gd name="connsiteY2715" fmla="*/ 164629 h 800786"/>
                <a:gd name="connsiteX2716" fmla="*/ 1914853 w 2044700"/>
                <a:gd name="connsiteY2716" fmla="*/ 166252 h 800786"/>
                <a:gd name="connsiteX2717" fmla="*/ 1913230 w 2044700"/>
                <a:gd name="connsiteY2717" fmla="*/ 171120 h 800786"/>
                <a:gd name="connsiteX2718" fmla="*/ 1911606 w 2044700"/>
                <a:gd name="connsiteY2718" fmla="*/ 172743 h 800786"/>
                <a:gd name="connsiteX2719" fmla="*/ 1911606 w 2044700"/>
                <a:gd name="connsiteY2719" fmla="*/ 179234 h 800786"/>
                <a:gd name="connsiteX2720" fmla="*/ 1913230 w 2044700"/>
                <a:gd name="connsiteY2720" fmla="*/ 180857 h 800786"/>
                <a:gd name="connsiteX2721" fmla="*/ 1919722 w 2044700"/>
                <a:gd name="connsiteY2721" fmla="*/ 182480 h 800786"/>
                <a:gd name="connsiteX2722" fmla="*/ 1921345 w 2044700"/>
                <a:gd name="connsiteY2722" fmla="*/ 185726 h 800786"/>
                <a:gd name="connsiteX2723" fmla="*/ 1918099 w 2044700"/>
                <a:gd name="connsiteY2723" fmla="*/ 187349 h 800786"/>
                <a:gd name="connsiteX2724" fmla="*/ 1913230 w 2044700"/>
                <a:gd name="connsiteY2724" fmla="*/ 188971 h 800786"/>
                <a:gd name="connsiteX2725" fmla="*/ 1909983 w 2044700"/>
                <a:gd name="connsiteY2725" fmla="*/ 192217 h 800786"/>
                <a:gd name="connsiteX2726" fmla="*/ 1905114 w 2044700"/>
                <a:gd name="connsiteY2726" fmla="*/ 195463 h 800786"/>
                <a:gd name="connsiteX2727" fmla="*/ 1906737 w 2044700"/>
                <a:gd name="connsiteY2727" fmla="*/ 197086 h 800786"/>
                <a:gd name="connsiteX2728" fmla="*/ 1903491 w 2044700"/>
                <a:gd name="connsiteY2728" fmla="*/ 200331 h 800786"/>
                <a:gd name="connsiteX2729" fmla="*/ 1900245 w 2044700"/>
                <a:gd name="connsiteY2729" fmla="*/ 200331 h 800786"/>
                <a:gd name="connsiteX2730" fmla="*/ 1893752 w 2044700"/>
                <a:gd name="connsiteY2730" fmla="*/ 201954 h 800786"/>
                <a:gd name="connsiteX2731" fmla="*/ 1892129 w 2044700"/>
                <a:gd name="connsiteY2731" fmla="*/ 201954 h 800786"/>
                <a:gd name="connsiteX2732" fmla="*/ 1888883 w 2044700"/>
                <a:gd name="connsiteY2732" fmla="*/ 203577 h 800786"/>
                <a:gd name="connsiteX2733" fmla="*/ 1885637 w 2044700"/>
                <a:gd name="connsiteY2733" fmla="*/ 206823 h 800786"/>
                <a:gd name="connsiteX2734" fmla="*/ 1885637 w 2044700"/>
                <a:gd name="connsiteY2734" fmla="*/ 210068 h 800786"/>
                <a:gd name="connsiteX2735" fmla="*/ 1885637 w 2044700"/>
                <a:gd name="connsiteY2735" fmla="*/ 213314 h 800786"/>
                <a:gd name="connsiteX2736" fmla="*/ 1885637 w 2044700"/>
                <a:gd name="connsiteY2736" fmla="*/ 216560 h 800786"/>
                <a:gd name="connsiteX2737" fmla="*/ 1882391 w 2044700"/>
                <a:gd name="connsiteY2737" fmla="*/ 218183 h 800786"/>
                <a:gd name="connsiteX2738" fmla="*/ 1879145 w 2044700"/>
                <a:gd name="connsiteY2738" fmla="*/ 226297 h 800786"/>
                <a:gd name="connsiteX2739" fmla="*/ 1880768 w 2044700"/>
                <a:gd name="connsiteY2739" fmla="*/ 227920 h 800786"/>
                <a:gd name="connsiteX2740" fmla="*/ 1879145 w 2044700"/>
                <a:gd name="connsiteY2740" fmla="*/ 231166 h 800786"/>
                <a:gd name="connsiteX2741" fmla="*/ 1877522 w 2044700"/>
                <a:gd name="connsiteY2741" fmla="*/ 234411 h 800786"/>
                <a:gd name="connsiteX2742" fmla="*/ 1874275 w 2044700"/>
                <a:gd name="connsiteY2742" fmla="*/ 237657 h 800786"/>
                <a:gd name="connsiteX2743" fmla="*/ 1872652 w 2044700"/>
                <a:gd name="connsiteY2743" fmla="*/ 239280 h 800786"/>
                <a:gd name="connsiteX2744" fmla="*/ 1872652 w 2044700"/>
                <a:gd name="connsiteY2744" fmla="*/ 244148 h 800786"/>
                <a:gd name="connsiteX2745" fmla="*/ 1872652 w 2044700"/>
                <a:gd name="connsiteY2745" fmla="*/ 245771 h 800786"/>
                <a:gd name="connsiteX2746" fmla="*/ 1874275 w 2044700"/>
                <a:gd name="connsiteY2746" fmla="*/ 247394 h 800786"/>
                <a:gd name="connsiteX2747" fmla="*/ 1879145 w 2044700"/>
                <a:gd name="connsiteY2747" fmla="*/ 242525 h 800786"/>
                <a:gd name="connsiteX2748" fmla="*/ 1880768 w 2044700"/>
                <a:gd name="connsiteY2748" fmla="*/ 239280 h 800786"/>
                <a:gd name="connsiteX2749" fmla="*/ 1884014 w 2044700"/>
                <a:gd name="connsiteY2749" fmla="*/ 236034 h 800786"/>
                <a:gd name="connsiteX2750" fmla="*/ 1887260 w 2044700"/>
                <a:gd name="connsiteY2750" fmla="*/ 236034 h 800786"/>
                <a:gd name="connsiteX2751" fmla="*/ 1888883 w 2044700"/>
                <a:gd name="connsiteY2751" fmla="*/ 236034 h 800786"/>
                <a:gd name="connsiteX2752" fmla="*/ 1893752 w 2044700"/>
                <a:gd name="connsiteY2752" fmla="*/ 236034 h 800786"/>
                <a:gd name="connsiteX2753" fmla="*/ 1898622 w 2044700"/>
                <a:gd name="connsiteY2753" fmla="*/ 237657 h 800786"/>
                <a:gd name="connsiteX2754" fmla="*/ 1900245 w 2044700"/>
                <a:gd name="connsiteY2754" fmla="*/ 239280 h 800786"/>
                <a:gd name="connsiteX2755" fmla="*/ 1903491 w 2044700"/>
                <a:gd name="connsiteY2755" fmla="*/ 239280 h 800786"/>
                <a:gd name="connsiteX2756" fmla="*/ 1908360 w 2044700"/>
                <a:gd name="connsiteY2756" fmla="*/ 239280 h 800786"/>
                <a:gd name="connsiteX2757" fmla="*/ 1911606 w 2044700"/>
                <a:gd name="connsiteY2757" fmla="*/ 239280 h 800786"/>
                <a:gd name="connsiteX2758" fmla="*/ 1913230 w 2044700"/>
                <a:gd name="connsiteY2758" fmla="*/ 240903 h 800786"/>
                <a:gd name="connsiteX2759" fmla="*/ 1914853 w 2044700"/>
                <a:gd name="connsiteY2759" fmla="*/ 242525 h 800786"/>
                <a:gd name="connsiteX2760" fmla="*/ 1918099 w 2044700"/>
                <a:gd name="connsiteY2760" fmla="*/ 242525 h 800786"/>
                <a:gd name="connsiteX2761" fmla="*/ 1921345 w 2044700"/>
                <a:gd name="connsiteY2761" fmla="*/ 244148 h 800786"/>
                <a:gd name="connsiteX2762" fmla="*/ 1924591 w 2044700"/>
                <a:gd name="connsiteY2762" fmla="*/ 247394 h 800786"/>
                <a:gd name="connsiteX2763" fmla="*/ 1924591 w 2044700"/>
                <a:gd name="connsiteY2763" fmla="*/ 249017 h 800786"/>
                <a:gd name="connsiteX2764" fmla="*/ 1921345 w 2044700"/>
                <a:gd name="connsiteY2764" fmla="*/ 250640 h 800786"/>
                <a:gd name="connsiteX2765" fmla="*/ 1918099 w 2044700"/>
                <a:gd name="connsiteY2765" fmla="*/ 250640 h 800786"/>
                <a:gd name="connsiteX2766" fmla="*/ 1916476 w 2044700"/>
                <a:gd name="connsiteY2766" fmla="*/ 250640 h 800786"/>
                <a:gd name="connsiteX2767" fmla="*/ 1913230 w 2044700"/>
                <a:gd name="connsiteY2767" fmla="*/ 250640 h 800786"/>
                <a:gd name="connsiteX2768" fmla="*/ 1909983 w 2044700"/>
                <a:gd name="connsiteY2768" fmla="*/ 249017 h 800786"/>
                <a:gd name="connsiteX2769" fmla="*/ 1906737 w 2044700"/>
                <a:gd name="connsiteY2769" fmla="*/ 247394 h 800786"/>
                <a:gd name="connsiteX2770" fmla="*/ 1903491 w 2044700"/>
                <a:gd name="connsiteY2770" fmla="*/ 245771 h 800786"/>
                <a:gd name="connsiteX2771" fmla="*/ 1900245 w 2044700"/>
                <a:gd name="connsiteY2771" fmla="*/ 244148 h 800786"/>
                <a:gd name="connsiteX2772" fmla="*/ 1896999 w 2044700"/>
                <a:gd name="connsiteY2772" fmla="*/ 245771 h 800786"/>
                <a:gd name="connsiteX2773" fmla="*/ 1895376 w 2044700"/>
                <a:gd name="connsiteY2773" fmla="*/ 245771 h 800786"/>
                <a:gd name="connsiteX2774" fmla="*/ 1895376 w 2044700"/>
                <a:gd name="connsiteY2774" fmla="*/ 249017 h 800786"/>
                <a:gd name="connsiteX2775" fmla="*/ 1896999 w 2044700"/>
                <a:gd name="connsiteY2775" fmla="*/ 250640 h 800786"/>
                <a:gd name="connsiteX2776" fmla="*/ 1898622 w 2044700"/>
                <a:gd name="connsiteY2776" fmla="*/ 252263 h 800786"/>
                <a:gd name="connsiteX2777" fmla="*/ 1900245 w 2044700"/>
                <a:gd name="connsiteY2777" fmla="*/ 253885 h 800786"/>
                <a:gd name="connsiteX2778" fmla="*/ 1903491 w 2044700"/>
                <a:gd name="connsiteY2778" fmla="*/ 255508 h 800786"/>
                <a:gd name="connsiteX2779" fmla="*/ 1906737 w 2044700"/>
                <a:gd name="connsiteY2779" fmla="*/ 255508 h 800786"/>
                <a:gd name="connsiteX2780" fmla="*/ 1909983 w 2044700"/>
                <a:gd name="connsiteY2780" fmla="*/ 257131 h 800786"/>
                <a:gd name="connsiteX2781" fmla="*/ 1913230 w 2044700"/>
                <a:gd name="connsiteY2781" fmla="*/ 258754 h 800786"/>
                <a:gd name="connsiteX2782" fmla="*/ 1914853 w 2044700"/>
                <a:gd name="connsiteY2782" fmla="*/ 260377 h 800786"/>
                <a:gd name="connsiteX2783" fmla="*/ 1919722 w 2044700"/>
                <a:gd name="connsiteY2783" fmla="*/ 260377 h 800786"/>
                <a:gd name="connsiteX2784" fmla="*/ 1922968 w 2044700"/>
                <a:gd name="connsiteY2784" fmla="*/ 258754 h 800786"/>
                <a:gd name="connsiteX2785" fmla="*/ 1927837 w 2044700"/>
                <a:gd name="connsiteY2785" fmla="*/ 258754 h 800786"/>
                <a:gd name="connsiteX2786" fmla="*/ 1934330 w 2044700"/>
                <a:gd name="connsiteY2786" fmla="*/ 262000 h 800786"/>
                <a:gd name="connsiteX2787" fmla="*/ 1935953 w 2044700"/>
                <a:gd name="connsiteY2787" fmla="*/ 260377 h 800786"/>
                <a:gd name="connsiteX2788" fmla="*/ 1937576 w 2044700"/>
                <a:gd name="connsiteY2788" fmla="*/ 265245 h 800786"/>
                <a:gd name="connsiteX2789" fmla="*/ 1939199 w 2044700"/>
                <a:gd name="connsiteY2789" fmla="*/ 268491 h 800786"/>
                <a:gd name="connsiteX2790" fmla="*/ 1939199 w 2044700"/>
                <a:gd name="connsiteY2790" fmla="*/ 273360 h 800786"/>
                <a:gd name="connsiteX2791" fmla="*/ 1937576 w 2044700"/>
                <a:gd name="connsiteY2791" fmla="*/ 276605 h 800786"/>
                <a:gd name="connsiteX2792" fmla="*/ 1935953 w 2044700"/>
                <a:gd name="connsiteY2792" fmla="*/ 279851 h 800786"/>
                <a:gd name="connsiteX2793" fmla="*/ 1932707 w 2044700"/>
                <a:gd name="connsiteY2793" fmla="*/ 279851 h 800786"/>
                <a:gd name="connsiteX2794" fmla="*/ 1927837 w 2044700"/>
                <a:gd name="connsiteY2794" fmla="*/ 279851 h 800786"/>
                <a:gd name="connsiteX2795" fmla="*/ 1924591 w 2044700"/>
                <a:gd name="connsiteY2795" fmla="*/ 279851 h 800786"/>
                <a:gd name="connsiteX2796" fmla="*/ 1919722 w 2044700"/>
                <a:gd name="connsiteY2796" fmla="*/ 279851 h 800786"/>
                <a:gd name="connsiteX2797" fmla="*/ 1914853 w 2044700"/>
                <a:gd name="connsiteY2797" fmla="*/ 278228 h 800786"/>
                <a:gd name="connsiteX2798" fmla="*/ 1911606 w 2044700"/>
                <a:gd name="connsiteY2798" fmla="*/ 276605 h 800786"/>
                <a:gd name="connsiteX2799" fmla="*/ 1908360 w 2044700"/>
                <a:gd name="connsiteY2799" fmla="*/ 276605 h 800786"/>
                <a:gd name="connsiteX2800" fmla="*/ 1906737 w 2044700"/>
                <a:gd name="connsiteY2800" fmla="*/ 276605 h 800786"/>
                <a:gd name="connsiteX2801" fmla="*/ 1905114 w 2044700"/>
                <a:gd name="connsiteY2801" fmla="*/ 274982 h 800786"/>
                <a:gd name="connsiteX2802" fmla="*/ 1900245 w 2044700"/>
                <a:gd name="connsiteY2802" fmla="*/ 276605 h 800786"/>
                <a:gd name="connsiteX2803" fmla="*/ 1898622 w 2044700"/>
                <a:gd name="connsiteY2803" fmla="*/ 276605 h 800786"/>
                <a:gd name="connsiteX2804" fmla="*/ 1893752 w 2044700"/>
                <a:gd name="connsiteY2804" fmla="*/ 278228 h 800786"/>
                <a:gd name="connsiteX2805" fmla="*/ 1888883 w 2044700"/>
                <a:gd name="connsiteY2805" fmla="*/ 278228 h 800786"/>
                <a:gd name="connsiteX2806" fmla="*/ 1885637 w 2044700"/>
                <a:gd name="connsiteY2806" fmla="*/ 279851 h 800786"/>
                <a:gd name="connsiteX2807" fmla="*/ 1879145 w 2044700"/>
                <a:gd name="connsiteY2807" fmla="*/ 283097 h 800786"/>
                <a:gd name="connsiteX2808" fmla="*/ 1875898 w 2044700"/>
                <a:gd name="connsiteY2808" fmla="*/ 284720 h 800786"/>
                <a:gd name="connsiteX2809" fmla="*/ 1874275 w 2044700"/>
                <a:gd name="connsiteY2809" fmla="*/ 286342 h 800786"/>
                <a:gd name="connsiteX2810" fmla="*/ 1871029 w 2044700"/>
                <a:gd name="connsiteY2810" fmla="*/ 283097 h 800786"/>
                <a:gd name="connsiteX2811" fmla="*/ 1869406 w 2044700"/>
                <a:gd name="connsiteY2811" fmla="*/ 279851 h 800786"/>
                <a:gd name="connsiteX2812" fmla="*/ 1866160 w 2044700"/>
                <a:gd name="connsiteY2812" fmla="*/ 278228 h 800786"/>
                <a:gd name="connsiteX2813" fmla="*/ 1862914 w 2044700"/>
                <a:gd name="connsiteY2813" fmla="*/ 279851 h 800786"/>
                <a:gd name="connsiteX2814" fmla="*/ 1861291 w 2044700"/>
                <a:gd name="connsiteY2814" fmla="*/ 281474 h 800786"/>
                <a:gd name="connsiteX2815" fmla="*/ 1861291 w 2044700"/>
                <a:gd name="connsiteY2815" fmla="*/ 284720 h 800786"/>
                <a:gd name="connsiteX2816" fmla="*/ 1862914 w 2044700"/>
                <a:gd name="connsiteY2816" fmla="*/ 286342 h 800786"/>
                <a:gd name="connsiteX2817" fmla="*/ 1866160 w 2044700"/>
                <a:gd name="connsiteY2817" fmla="*/ 286342 h 800786"/>
                <a:gd name="connsiteX2818" fmla="*/ 1867783 w 2044700"/>
                <a:gd name="connsiteY2818" fmla="*/ 286342 h 800786"/>
                <a:gd name="connsiteX2819" fmla="*/ 1872652 w 2044700"/>
                <a:gd name="connsiteY2819" fmla="*/ 289588 h 800786"/>
                <a:gd name="connsiteX2820" fmla="*/ 1874275 w 2044700"/>
                <a:gd name="connsiteY2820" fmla="*/ 296080 h 800786"/>
                <a:gd name="connsiteX2821" fmla="*/ 1875898 w 2044700"/>
                <a:gd name="connsiteY2821" fmla="*/ 296080 h 800786"/>
                <a:gd name="connsiteX2822" fmla="*/ 1880768 w 2044700"/>
                <a:gd name="connsiteY2822" fmla="*/ 297702 h 800786"/>
                <a:gd name="connsiteX2823" fmla="*/ 1884014 w 2044700"/>
                <a:gd name="connsiteY2823" fmla="*/ 297702 h 800786"/>
                <a:gd name="connsiteX2824" fmla="*/ 1885637 w 2044700"/>
                <a:gd name="connsiteY2824" fmla="*/ 297702 h 800786"/>
                <a:gd name="connsiteX2825" fmla="*/ 1895376 w 2044700"/>
                <a:gd name="connsiteY2825" fmla="*/ 297702 h 800786"/>
                <a:gd name="connsiteX2826" fmla="*/ 1898622 w 2044700"/>
                <a:gd name="connsiteY2826" fmla="*/ 299325 h 800786"/>
                <a:gd name="connsiteX2827" fmla="*/ 1901868 w 2044700"/>
                <a:gd name="connsiteY2827" fmla="*/ 297702 h 800786"/>
                <a:gd name="connsiteX2828" fmla="*/ 1905114 w 2044700"/>
                <a:gd name="connsiteY2828" fmla="*/ 297702 h 800786"/>
                <a:gd name="connsiteX2829" fmla="*/ 1906737 w 2044700"/>
                <a:gd name="connsiteY2829" fmla="*/ 299325 h 800786"/>
                <a:gd name="connsiteX2830" fmla="*/ 1909983 w 2044700"/>
                <a:gd name="connsiteY2830" fmla="*/ 302571 h 800786"/>
                <a:gd name="connsiteX2831" fmla="*/ 1911606 w 2044700"/>
                <a:gd name="connsiteY2831" fmla="*/ 305817 h 800786"/>
                <a:gd name="connsiteX2832" fmla="*/ 1913230 w 2044700"/>
                <a:gd name="connsiteY2832" fmla="*/ 305817 h 800786"/>
                <a:gd name="connsiteX2833" fmla="*/ 1918099 w 2044700"/>
                <a:gd name="connsiteY2833" fmla="*/ 307439 h 800786"/>
                <a:gd name="connsiteX2834" fmla="*/ 1922968 w 2044700"/>
                <a:gd name="connsiteY2834" fmla="*/ 318799 h 800786"/>
                <a:gd name="connsiteX2835" fmla="*/ 1922968 w 2044700"/>
                <a:gd name="connsiteY2835" fmla="*/ 320422 h 800786"/>
                <a:gd name="connsiteX2836" fmla="*/ 1922968 w 2044700"/>
                <a:gd name="connsiteY2836" fmla="*/ 322045 h 800786"/>
                <a:gd name="connsiteX2837" fmla="*/ 1921345 w 2044700"/>
                <a:gd name="connsiteY2837" fmla="*/ 323668 h 800786"/>
                <a:gd name="connsiteX2838" fmla="*/ 1918099 w 2044700"/>
                <a:gd name="connsiteY2838" fmla="*/ 326914 h 800786"/>
                <a:gd name="connsiteX2839" fmla="*/ 1916476 w 2044700"/>
                <a:gd name="connsiteY2839" fmla="*/ 330159 h 800786"/>
                <a:gd name="connsiteX2840" fmla="*/ 1916476 w 2044700"/>
                <a:gd name="connsiteY2840" fmla="*/ 333405 h 800786"/>
                <a:gd name="connsiteX2841" fmla="*/ 1914853 w 2044700"/>
                <a:gd name="connsiteY2841" fmla="*/ 336651 h 800786"/>
                <a:gd name="connsiteX2842" fmla="*/ 1911606 w 2044700"/>
                <a:gd name="connsiteY2842" fmla="*/ 338274 h 800786"/>
                <a:gd name="connsiteX2843" fmla="*/ 1908360 w 2044700"/>
                <a:gd name="connsiteY2843" fmla="*/ 339896 h 800786"/>
                <a:gd name="connsiteX2844" fmla="*/ 1905114 w 2044700"/>
                <a:gd name="connsiteY2844" fmla="*/ 338274 h 800786"/>
                <a:gd name="connsiteX2845" fmla="*/ 1901868 w 2044700"/>
                <a:gd name="connsiteY2845" fmla="*/ 335028 h 800786"/>
                <a:gd name="connsiteX2846" fmla="*/ 1900245 w 2044700"/>
                <a:gd name="connsiteY2846" fmla="*/ 333405 h 800786"/>
                <a:gd name="connsiteX2847" fmla="*/ 1898622 w 2044700"/>
                <a:gd name="connsiteY2847" fmla="*/ 333405 h 800786"/>
                <a:gd name="connsiteX2848" fmla="*/ 1895376 w 2044700"/>
                <a:gd name="connsiteY2848" fmla="*/ 335028 h 800786"/>
                <a:gd name="connsiteX2849" fmla="*/ 1895376 w 2044700"/>
                <a:gd name="connsiteY2849" fmla="*/ 339896 h 800786"/>
                <a:gd name="connsiteX2850" fmla="*/ 1895376 w 2044700"/>
                <a:gd name="connsiteY2850" fmla="*/ 341519 h 800786"/>
                <a:gd name="connsiteX2851" fmla="*/ 1896999 w 2044700"/>
                <a:gd name="connsiteY2851" fmla="*/ 343142 h 800786"/>
                <a:gd name="connsiteX2852" fmla="*/ 1900245 w 2044700"/>
                <a:gd name="connsiteY2852" fmla="*/ 344765 h 800786"/>
                <a:gd name="connsiteX2853" fmla="*/ 1909983 w 2044700"/>
                <a:gd name="connsiteY2853" fmla="*/ 348011 h 800786"/>
                <a:gd name="connsiteX2854" fmla="*/ 1911606 w 2044700"/>
                <a:gd name="connsiteY2854" fmla="*/ 351256 h 800786"/>
                <a:gd name="connsiteX2855" fmla="*/ 1908360 w 2044700"/>
                <a:gd name="connsiteY2855" fmla="*/ 351256 h 800786"/>
                <a:gd name="connsiteX2856" fmla="*/ 1906737 w 2044700"/>
                <a:gd name="connsiteY2856" fmla="*/ 354502 h 800786"/>
                <a:gd name="connsiteX2857" fmla="*/ 1906737 w 2044700"/>
                <a:gd name="connsiteY2857" fmla="*/ 356125 h 800786"/>
                <a:gd name="connsiteX2858" fmla="*/ 1911606 w 2044700"/>
                <a:gd name="connsiteY2858" fmla="*/ 357748 h 800786"/>
                <a:gd name="connsiteX2859" fmla="*/ 1913230 w 2044700"/>
                <a:gd name="connsiteY2859" fmla="*/ 356125 h 800786"/>
                <a:gd name="connsiteX2860" fmla="*/ 1914853 w 2044700"/>
                <a:gd name="connsiteY2860" fmla="*/ 356125 h 800786"/>
                <a:gd name="connsiteX2861" fmla="*/ 1916476 w 2044700"/>
                <a:gd name="connsiteY2861" fmla="*/ 356125 h 800786"/>
                <a:gd name="connsiteX2862" fmla="*/ 1918099 w 2044700"/>
                <a:gd name="connsiteY2862" fmla="*/ 357748 h 800786"/>
                <a:gd name="connsiteX2863" fmla="*/ 1919722 w 2044700"/>
                <a:gd name="connsiteY2863" fmla="*/ 359371 h 800786"/>
                <a:gd name="connsiteX2864" fmla="*/ 1922968 w 2044700"/>
                <a:gd name="connsiteY2864" fmla="*/ 357748 h 800786"/>
                <a:gd name="connsiteX2865" fmla="*/ 1926214 w 2044700"/>
                <a:gd name="connsiteY2865" fmla="*/ 357748 h 800786"/>
                <a:gd name="connsiteX2866" fmla="*/ 1927837 w 2044700"/>
                <a:gd name="connsiteY2866" fmla="*/ 359371 h 800786"/>
                <a:gd name="connsiteX2867" fmla="*/ 1922968 w 2044700"/>
                <a:gd name="connsiteY2867" fmla="*/ 364239 h 800786"/>
                <a:gd name="connsiteX2868" fmla="*/ 1916476 w 2044700"/>
                <a:gd name="connsiteY2868" fmla="*/ 367485 h 800786"/>
                <a:gd name="connsiteX2869" fmla="*/ 1913230 w 2044700"/>
                <a:gd name="connsiteY2869" fmla="*/ 372353 h 800786"/>
                <a:gd name="connsiteX2870" fmla="*/ 1908360 w 2044700"/>
                <a:gd name="connsiteY2870" fmla="*/ 372353 h 800786"/>
                <a:gd name="connsiteX2871" fmla="*/ 1903491 w 2044700"/>
                <a:gd name="connsiteY2871" fmla="*/ 372353 h 800786"/>
                <a:gd name="connsiteX2872" fmla="*/ 1901868 w 2044700"/>
                <a:gd name="connsiteY2872" fmla="*/ 372353 h 800786"/>
                <a:gd name="connsiteX2873" fmla="*/ 1898622 w 2044700"/>
                <a:gd name="connsiteY2873" fmla="*/ 373976 h 800786"/>
                <a:gd name="connsiteX2874" fmla="*/ 1895376 w 2044700"/>
                <a:gd name="connsiteY2874" fmla="*/ 375599 h 800786"/>
                <a:gd name="connsiteX2875" fmla="*/ 1890506 w 2044700"/>
                <a:gd name="connsiteY2875" fmla="*/ 375599 h 800786"/>
                <a:gd name="connsiteX2876" fmla="*/ 1887260 w 2044700"/>
                <a:gd name="connsiteY2876" fmla="*/ 375599 h 800786"/>
                <a:gd name="connsiteX2877" fmla="*/ 1882391 w 2044700"/>
                <a:gd name="connsiteY2877" fmla="*/ 378845 h 800786"/>
                <a:gd name="connsiteX2878" fmla="*/ 1879145 w 2044700"/>
                <a:gd name="connsiteY2878" fmla="*/ 377222 h 800786"/>
                <a:gd name="connsiteX2879" fmla="*/ 1875898 w 2044700"/>
                <a:gd name="connsiteY2879" fmla="*/ 373976 h 800786"/>
                <a:gd name="connsiteX2880" fmla="*/ 1871029 w 2044700"/>
                <a:gd name="connsiteY2880" fmla="*/ 373976 h 800786"/>
                <a:gd name="connsiteX2881" fmla="*/ 1867783 w 2044700"/>
                <a:gd name="connsiteY2881" fmla="*/ 373976 h 800786"/>
                <a:gd name="connsiteX2882" fmla="*/ 1864537 w 2044700"/>
                <a:gd name="connsiteY2882" fmla="*/ 375599 h 800786"/>
                <a:gd name="connsiteX2883" fmla="*/ 1864537 w 2044700"/>
                <a:gd name="connsiteY2883" fmla="*/ 378845 h 800786"/>
                <a:gd name="connsiteX2884" fmla="*/ 1867783 w 2044700"/>
                <a:gd name="connsiteY2884" fmla="*/ 380468 h 800786"/>
                <a:gd name="connsiteX2885" fmla="*/ 1871029 w 2044700"/>
                <a:gd name="connsiteY2885" fmla="*/ 378845 h 800786"/>
                <a:gd name="connsiteX2886" fmla="*/ 1874275 w 2044700"/>
                <a:gd name="connsiteY2886" fmla="*/ 378845 h 800786"/>
                <a:gd name="connsiteX2887" fmla="*/ 1877522 w 2044700"/>
                <a:gd name="connsiteY2887" fmla="*/ 378845 h 800786"/>
                <a:gd name="connsiteX2888" fmla="*/ 1879145 w 2044700"/>
                <a:gd name="connsiteY2888" fmla="*/ 380468 h 800786"/>
                <a:gd name="connsiteX2889" fmla="*/ 1884014 w 2044700"/>
                <a:gd name="connsiteY2889" fmla="*/ 382091 h 800786"/>
                <a:gd name="connsiteX2890" fmla="*/ 1887260 w 2044700"/>
                <a:gd name="connsiteY2890" fmla="*/ 382091 h 800786"/>
                <a:gd name="connsiteX2891" fmla="*/ 1892129 w 2044700"/>
                <a:gd name="connsiteY2891" fmla="*/ 382091 h 800786"/>
                <a:gd name="connsiteX2892" fmla="*/ 1896999 w 2044700"/>
                <a:gd name="connsiteY2892" fmla="*/ 383713 h 800786"/>
                <a:gd name="connsiteX2893" fmla="*/ 1898622 w 2044700"/>
                <a:gd name="connsiteY2893" fmla="*/ 385336 h 800786"/>
                <a:gd name="connsiteX2894" fmla="*/ 1896999 w 2044700"/>
                <a:gd name="connsiteY2894" fmla="*/ 391828 h 800786"/>
                <a:gd name="connsiteX2895" fmla="*/ 1896999 w 2044700"/>
                <a:gd name="connsiteY2895" fmla="*/ 395073 h 800786"/>
                <a:gd name="connsiteX2896" fmla="*/ 1892129 w 2044700"/>
                <a:gd name="connsiteY2896" fmla="*/ 398319 h 800786"/>
                <a:gd name="connsiteX2897" fmla="*/ 1890506 w 2044700"/>
                <a:gd name="connsiteY2897" fmla="*/ 396696 h 800786"/>
                <a:gd name="connsiteX2898" fmla="*/ 1884014 w 2044700"/>
                <a:gd name="connsiteY2898" fmla="*/ 398319 h 800786"/>
                <a:gd name="connsiteX2899" fmla="*/ 1877522 w 2044700"/>
                <a:gd name="connsiteY2899" fmla="*/ 399942 h 800786"/>
                <a:gd name="connsiteX2900" fmla="*/ 1875898 w 2044700"/>
                <a:gd name="connsiteY2900" fmla="*/ 401565 h 800786"/>
                <a:gd name="connsiteX2901" fmla="*/ 1869406 w 2044700"/>
                <a:gd name="connsiteY2901" fmla="*/ 403188 h 800786"/>
                <a:gd name="connsiteX2902" fmla="*/ 1862914 w 2044700"/>
                <a:gd name="connsiteY2902" fmla="*/ 406433 h 800786"/>
                <a:gd name="connsiteX2903" fmla="*/ 1853175 w 2044700"/>
                <a:gd name="connsiteY2903" fmla="*/ 406433 h 800786"/>
                <a:gd name="connsiteX2904" fmla="*/ 1849929 w 2044700"/>
                <a:gd name="connsiteY2904" fmla="*/ 403188 h 800786"/>
                <a:gd name="connsiteX2905" fmla="*/ 1841813 w 2044700"/>
                <a:gd name="connsiteY2905" fmla="*/ 401565 h 800786"/>
                <a:gd name="connsiteX2906" fmla="*/ 1838567 w 2044700"/>
                <a:gd name="connsiteY2906" fmla="*/ 399942 h 800786"/>
                <a:gd name="connsiteX2907" fmla="*/ 1835321 w 2044700"/>
                <a:gd name="connsiteY2907" fmla="*/ 396696 h 800786"/>
                <a:gd name="connsiteX2908" fmla="*/ 1835321 w 2044700"/>
                <a:gd name="connsiteY2908" fmla="*/ 393451 h 800786"/>
                <a:gd name="connsiteX2909" fmla="*/ 1835321 w 2044700"/>
                <a:gd name="connsiteY2909" fmla="*/ 390205 h 800786"/>
                <a:gd name="connsiteX2910" fmla="*/ 1840190 w 2044700"/>
                <a:gd name="connsiteY2910" fmla="*/ 390205 h 800786"/>
                <a:gd name="connsiteX2911" fmla="*/ 1845060 w 2044700"/>
                <a:gd name="connsiteY2911" fmla="*/ 390205 h 800786"/>
                <a:gd name="connsiteX2912" fmla="*/ 1849929 w 2044700"/>
                <a:gd name="connsiteY2912" fmla="*/ 393451 h 800786"/>
                <a:gd name="connsiteX2913" fmla="*/ 1854798 w 2044700"/>
                <a:gd name="connsiteY2913" fmla="*/ 393451 h 800786"/>
                <a:gd name="connsiteX2914" fmla="*/ 1851552 w 2044700"/>
                <a:gd name="connsiteY2914" fmla="*/ 391828 h 800786"/>
                <a:gd name="connsiteX2915" fmla="*/ 1848306 w 2044700"/>
                <a:gd name="connsiteY2915" fmla="*/ 388582 h 800786"/>
                <a:gd name="connsiteX2916" fmla="*/ 1843437 w 2044700"/>
                <a:gd name="connsiteY2916" fmla="*/ 386959 h 800786"/>
                <a:gd name="connsiteX2917" fmla="*/ 1840190 w 2044700"/>
                <a:gd name="connsiteY2917" fmla="*/ 386959 h 800786"/>
                <a:gd name="connsiteX2918" fmla="*/ 1833698 w 2044700"/>
                <a:gd name="connsiteY2918" fmla="*/ 386959 h 800786"/>
                <a:gd name="connsiteX2919" fmla="*/ 1830452 w 2044700"/>
                <a:gd name="connsiteY2919" fmla="*/ 386959 h 800786"/>
                <a:gd name="connsiteX2920" fmla="*/ 1825583 w 2044700"/>
                <a:gd name="connsiteY2920" fmla="*/ 390205 h 800786"/>
                <a:gd name="connsiteX2921" fmla="*/ 1822336 w 2044700"/>
                <a:gd name="connsiteY2921" fmla="*/ 393451 h 800786"/>
                <a:gd name="connsiteX2922" fmla="*/ 1819090 w 2044700"/>
                <a:gd name="connsiteY2922" fmla="*/ 393451 h 800786"/>
                <a:gd name="connsiteX2923" fmla="*/ 1815844 w 2044700"/>
                <a:gd name="connsiteY2923" fmla="*/ 391828 h 800786"/>
                <a:gd name="connsiteX2924" fmla="*/ 1814221 w 2044700"/>
                <a:gd name="connsiteY2924" fmla="*/ 391828 h 800786"/>
                <a:gd name="connsiteX2925" fmla="*/ 1810975 w 2044700"/>
                <a:gd name="connsiteY2925" fmla="*/ 393451 h 800786"/>
                <a:gd name="connsiteX2926" fmla="*/ 1814221 w 2044700"/>
                <a:gd name="connsiteY2926" fmla="*/ 396696 h 800786"/>
                <a:gd name="connsiteX2927" fmla="*/ 1819090 w 2044700"/>
                <a:gd name="connsiteY2927" fmla="*/ 395073 h 800786"/>
                <a:gd name="connsiteX2928" fmla="*/ 1820713 w 2044700"/>
                <a:gd name="connsiteY2928" fmla="*/ 396696 h 800786"/>
                <a:gd name="connsiteX2929" fmla="*/ 1822336 w 2044700"/>
                <a:gd name="connsiteY2929" fmla="*/ 398319 h 800786"/>
                <a:gd name="connsiteX2930" fmla="*/ 1832075 w 2044700"/>
                <a:gd name="connsiteY2930" fmla="*/ 399942 h 800786"/>
                <a:gd name="connsiteX2931" fmla="*/ 1838567 w 2044700"/>
                <a:gd name="connsiteY2931" fmla="*/ 406433 h 800786"/>
                <a:gd name="connsiteX2932" fmla="*/ 1830452 w 2044700"/>
                <a:gd name="connsiteY2932" fmla="*/ 406433 h 800786"/>
                <a:gd name="connsiteX2933" fmla="*/ 1823959 w 2044700"/>
                <a:gd name="connsiteY2933" fmla="*/ 403188 h 800786"/>
                <a:gd name="connsiteX2934" fmla="*/ 1814221 w 2044700"/>
                <a:gd name="connsiteY2934" fmla="*/ 403188 h 800786"/>
                <a:gd name="connsiteX2935" fmla="*/ 1812598 w 2044700"/>
                <a:gd name="connsiteY2935" fmla="*/ 398319 h 800786"/>
                <a:gd name="connsiteX2936" fmla="*/ 1810975 w 2044700"/>
                <a:gd name="connsiteY2936" fmla="*/ 399942 h 800786"/>
                <a:gd name="connsiteX2937" fmla="*/ 1807728 w 2044700"/>
                <a:gd name="connsiteY2937" fmla="*/ 398319 h 800786"/>
                <a:gd name="connsiteX2938" fmla="*/ 1806105 w 2044700"/>
                <a:gd name="connsiteY2938" fmla="*/ 399942 h 800786"/>
                <a:gd name="connsiteX2939" fmla="*/ 1804482 w 2044700"/>
                <a:gd name="connsiteY2939" fmla="*/ 403188 h 800786"/>
                <a:gd name="connsiteX2940" fmla="*/ 1797990 w 2044700"/>
                <a:gd name="connsiteY2940" fmla="*/ 404810 h 800786"/>
                <a:gd name="connsiteX2941" fmla="*/ 1794744 w 2044700"/>
                <a:gd name="connsiteY2941" fmla="*/ 403188 h 800786"/>
                <a:gd name="connsiteX2942" fmla="*/ 1791498 w 2044700"/>
                <a:gd name="connsiteY2942" fmla="*/ 403188 h 800786"/>
                <a:gd name="connsiteX2943" fmla="*/ 1788251 w 2044700"/>
                <a:gd name="connsiteY2943" fmla="*/ 401565 h 800786"/>
                <a:gd name="connsiteX2944" fmla="*/ 1785005 w 2044700"/>
                <a:gd name="connsiteY2944" fmla="*/ 401565 h 800786"/>
                <a:gd name="connsiteX2945" fmla="*/ 1783382 w 2044700"/>
                <a:gd name="connsiteY2945" fmla="*/ 401565 h 800786"/>
                <a:gd name="connsiteX2946" fmla="*/ 1783382 w 2044700"/>
                <a:gd name="connsiteY2946" fmla="*/ 404810 h 800786"/>
                <a:gd name="connsiteX2947" fmla="*/ 1786628 w 2044700"/>
                <a:gd name="connsiteY2947" fmla="*/ 406433 h 800786"/>
                <a:gd name="connsiteX2948" fmla="*/ 1791498 w 2044700"/>
                <a:gd name="connsiteY2948" fmla="*/ 406433 h 800786"/>
                <a:gd name="connsiteX2949" fmla="*/ 1796367 w 2044700"/>
                <a:gd name="connsiteY2949" fmla="*/ 406433 h 800786"/>
                <a:gd name="connsiteX2950" fmla="*/ 1802859 w 2044700"/>
                <a:gd name="connsiteY2950" fmla="*/ 406433 h 800786"/>
                <a:gd name="connsiteX2951" fmla="*/ 1807728 w 2044700"/>
                <a:gd name="connsiteY2951" fmla="*/ 408056 h 800786"/>
                <a:gd name="connsiteX2952" fmla="*/ 1810975 w 2044700"/>
                <a:gd name="connsiteY2952" fmla="*/ 409679 h 800786"/>
                <a:gd name="connsiteX2953" fmla="*/ 1814221 w 2044700"/>
                <a:gd name="connsiteY2953" fmla="*/ 409679 h 800786"/>
                <a:gd name="connsiteX2954" fmla="*/ 1814221 w 2044700"/>
                <a:gd name="connsiteY2954" fmla="*/ 414548 h 800786"/>
                <a:gd name="connsiteX2955" fmla="*/ 1810975 w 2044700"/>
                <a:gd name="connsiteY2955" fmla="*/ 416170 h 800786"/>
                <a:gd name="connsiteX2956" fmla="*/ 1814221 w 2044700"/>
                <a:gd name="connsiteY2956" fmla="*/ 417793 h 800786"/>
                <a:gd name="connsiteX2957" fmla="*/ 1817467 w 2044700"/>
                <a:gd name="connsiteY2957" fmla="*/ 421039 h 800786"/>
                <a:gd name="connsiteX2958" fmla="*/ 1817467 w 2044700"/>
                <a:gd name="connsiteY2958" fmla="*/ 422662 h 800786"/>
                <a:gd name="connsiteX2959" fmla="*/ 1820713 w 2044700"/>
                <a:gd name="connsiteY2959" fmla="*/ 425908 h 800786"/>
                <a:gd name="connsiteX2960" fmla="*/ 1819090 w 2044700"/>
                <a:gd name="connsiteY2960" fmla="*/ 430776 h 800786"/>
                <a:gd name="connsiteX2961" fmla="*/ 1820713 w 2044700"/>
                <a:gd name="connsiteY2961" fmla="*/ 434022 h 800786"/>
                <a:gd name="connsiteX2962" fmla="*/ 1825583 w 2044700"/>
                <a:gd name="connsiteY2962" fmla="*/ 434022 h 800786"/>
                <a:gd name="connsiteX2963" fmla="*/ 1830452 w 2044700"/>
                <a:gd name="connsiteY2963" fmla="*/ 437267 h 800786"/>
                <a:gd name="connsiteX2964" fmla="*/ 1835321 w 2044700"/>
                <a:gd name="connsiteY2964" fmla="*/ 438890 h 800786"/>
                <a:gd name="connsiteX2965" fmla="*/ 1840190 w 2044700"/>
                <a:gd name="connsiteY2965" fmla="*/ 442136 h 800786"/>
                <a:gd name="connsiteX2966" fmla="*/ 1843437 w 2044700"/>
                <a:gd name="connsiteY2966" fmla="*/ 443759 h 800786"/>
                <a:gd name="connsiteX2967" fmla="*/ 1846683 w 2044700"/>
                <a:gd name="connsiteY2967" fmla="*/ 443759 h 800786"/>
                <a:gd name="connsiteX2968" fmla="*/ 1849929 w 2044700"/>
                <a:gd name="connsiteY2968" fmla="*/ 448627 h 800786"/>
                <a:gd name="connsiteX2969" fmla="*/ 1853175 w 2044700"/>
                <a:gd name="connsiteY2969" fmla="*/ 450250 h 800786"/>
                <a:gd name="connsiteX2970" fmla="*/ 1854798 w 2044700"/>
                <a:gd name="connsiteY2970" fmla="*/ 453496 h 800786"/>
                <a:gd name="connsiteX2971" fmla="*/ 1858044 w 2044700"/>
                <a:gd name="connsiteY2971" fmla="*/ 455119 h 800786"/>
                <a:gd name="connsiteX2972" fmla="*/ 1858044 w 2044700"/>
                <a:gd name="connsiteY2972" fmla="*/ 456742 h 800786"/>
                <a:gd name="connsiteX2973" fmla="*/ 1859667 w 2044700"/>
                <a:gd name="connsiteY2973" fmla="*/ 458365 h 800786"/>
                <a:gd name="connsiteX2974" fmla="*/ 1861291 w 2044700"/>
                <a:gd name="connsiteY2974" fmla="*/ 463233 h 800786"/>
                <a:gd name="connsiteX2975" fmla="*/ 1861291 w 2044700"/>
                <a:gd name="connsiteY2975" fmla="*/ 466479 h 800786"/>
                <a:gd name="connsiteX2976" fmla="*/ 1866160 w 2044700"/>
                <a:gd name="connsiteY2976" fmla="*/ 463233 h 800786"/>
                <a:gd name="connsiteX2977" fmla="*/ 1875898 w 2044700"/>
                <a:gd name="connsiteY2977" fmla="*/ 468102 h 800786"/>
                <a:gd name="connsiteX2978" fmla="*/ 1877522 w 2044700"/>
                <a:gd name="connsiteY2978" fmla="*/ 471347 h 800786"/>
                <a:gd name="connsiteX2979" fmla="*/ 1877522 w 2044700"/>
                <a:gd name="connsiteY2979" fmla="*/ 474593 h 800786"/>
                <a:gd name="connsiteX2980" fmla="*/ 1872652 w 2044700"/>
                <a:gd name="connsiteY2980" fmla="*/ 477839 h 800786"/>
                <a:gd name="connsiteX2981" fmla="*/ 1871029 w 2044700"/>
                <a:gd name="connsiteY2981" fmla="*/ 479462 h 800786"/>
                <a:gd name="connsiteX2982" fmla="*/ 1866160 w 2044700"/>
                <a:gd name="connsiteY2982" fmla="*/ 479462 h 800786"/>
                <a:gd name="connsiteX2983" fmla="*/ 1867783 w 2044700"/>
                <a:gd name="connsiteY2983" fmla="*/ 481085 h 800786"/>
                <a:gd name="connsiteX2984" fmla="*/ 1872652 w 2044700"/>
                <a:gd name="connsiteY2984" fmla="*/ 482707 h 800786"/>
                <a:gd name="connsiteX2985" fmla="*/ 1874275 w 2044700"/>
                <a:gd name="connsiteY2985" fmla="*/ 485953 h 800786"/>
                <a:gd name="connsiteX2986" fmla="*/ 1874275 w 2044700"/>
                <a:gd name="connsiteY2986" fmla="*/ 490822 h 800786"/>
                <a:gd name="connsiteX2987" fmla="*/ 1869406 w 2044700"/>
                <a:gd name="connsiteY2987" fmla="*/ 495690 h 800786"/>
                <a:gd name="connsiteX2988" fmla="*/ 1864537 w 2044700"/>
                <a:gd name="connsiteY2988" fmla="*/ 497313 h 800786"/>
                <a:gd name="connsiteX2989" fmla="*/ 1859667 w 2044700"/>
                <a:gd name="connsiteY2989" fmla="*/ 495690 h 800786"/>
                <a:gd name="connsiteX2990" fmla="*/ 1859667 w 2044700"/>
                <a:gd name="connsiteY2990" fmla="*/ 492445 h 800786"/>
                <a:gd name="connsiteX2991" fmla="*/ 1858044 w 2044700"/>
                <a:gd name="connsiteY2991" fmla="*/ 489199 h 800786"/>
                <a:gd name="connsiteX2992" fmla="*/ 1854798 w 2044700"/>
                <a:gd name="connsiteY2992" fmla="*/ 489199 h 800786"/>
                <a:gd name="connsiteX2993" fmla="*/ 1854798 w 2044700"/>
                <a:gd name="connsiteY2993" fmla="*/ 490822 h 800786"/>
                <a:gd name="connsiteX2994" fmla="*/ 1854798 w 2044700"/>
                <a:gd name="connsiteY2994" fmla="*/ 495690 h 800786"/>
                <a:gd name="connsiteX2995" fmla="*/ 1851552 w 2044700"/>
                <a:gd name="connsiteY2995" fmla="*/ 497313 h 800786"/>
                <a:gd name="connsiteX2996" fmla="*/ 1846683 w 2044700"/>
                <a:gd name="connsiteY2996" fmla="*/ 495690 h 800786"/>
                <a:gd name="connsiteX2997" fmla="*/ 1840190 w 2044700"/>
                <a:gd name="connsiteY2997" fmla="*/ 494067 h 800786"/>
                <a:gd name="connsiteX2998" fmla="*/ 1836944 w 2044700"/>
                <a:gd name="connsiteY2998" fmla="*/ 490822 h 800786"/>
                <a:gd name="connsiteX2999" fmla="*/ 1830452 w 2044700"/>
                <a:gd name="connsiteY2999" fmla="*/ 490822 h 800786"/>
                <a:gd name="connsiteX3000" fmla="*/ 1828829 w 2044700"/>
                <a:gd name="connsiteY3000" fmla="*/ 485953 h 800786"/>
                <a:gd name="connsiteX3001" fmla="*/ 1828829 w 2044700"/>
                <a:gd name="connsiteY3001" fmla="*/ 482707 h 800786"/>
                <a:gd name="connsiteX3002" fmla="*/ 1825583 w 2044700"/>
                <a:gd name="connsiteY3002" fmla="*/ 476216 h 800786"/>
                <a:gd name="connsiteX3003" fmla="*/ 1822336 w 2044700"/>
                <a:gd name="connsiteY3003" fmla="*/ 474593 h 800786"/>
                <a:gd name="connsiteX3004" fmla="*/ 1817467 w 2044700"/>
                <a:gd name="connsiteY3004" fmla="*/ 472970 h 800786"/>
                <a:gd name="connsiteX3005" fmla="*/ 1810975 w 2044700"/>
                <a:gd name="connsiteY3005" fmla="*/ 468102 h 800786"/>
                <a:gd name="connsiteX3006" fmla="*/ 1804482 w 2044700"/>
                <a:gd name="connsiteY3006" fmla="*/ 464856 h 800786"/>
                <a:gd name="connsiteX3007" fmla="*/ 1801236 w 2044700"/>
                <a:gd name="connsiteY3007" fmla="*/ 463233 h 800786"/>
                <a:gd name="connsiteX3008" fmla="*/ 1796367 w 2044700"/>
                <a:gd name="connsiteY3008" fmla="*/ 461610 h 800786"/>
                <a:gd name="connsiteX3009" fmla="*/ 1793121 w 2044700"/>
                <a:gd name="connsiteY3009" fmla="*/ 459987 h 800786"/>
                <a:gd name="connsiteX3010" fmla="*/ 1788251 w 2044700"/>
                <a:gd name="connsiteY3010" fmla="*/ 458365 h 800786"/>
                <a:gd name="connsiteX3011" fmla="*/ 1785005 w 2044700"/>
                <a:gd name="connsiteY3011" fmla="*/ 458365 h 800786"/>
                <a:gd name="connsiteX3012" fmla="*/ 1780136 w 2044700"/>
                <a:gd name="connsiteY3012" fmla="*/ 458365 h 800786"/>
                <a:gd name="connsiteX3013" fmla="*/ 1776890 w 2044700"/>
                <a:gd name="connsiteY3013" fmla="*/ 459987 h 800786"/>
                <a:gd name="connsiteX3014" fmla="*/ 1780136 w 2044700"/>
                <a:gd name="connsiteY3014" fmla="*/ 461610 h 800786"/>
                <a:gd name="connsiteX3015" fmla="*/ 1785005 w 2044700"/>
                <a:gd name="connsiteY3015" fmla="*/ 461610 h 800786"/>
                <a:gd name="connsiteX3016" fmla="*/ 1788251 w 2044700"/>
                <a:gd name="connsiteY3016" fmla="*/ 461610 h 800786"/>
                <a:gd name="connsiteX3017" fmla="*/ 1793121 w 2044700"/>
                <a:gd name="connsiteY3017" fmla="*/ 463233 h 800786"/>
                <a:gd name="connsiteX3018" fmla="*/ 1807728 w 2044700"/>
                <a:gd name="connsiteY3018" fmla="*/ 468102 h 800786"/>
                <a:gd name="connsiteX3019" fmla="*/ 1807728 w 2044700"/>
                <a:gd name="connsiteY3019" fmla="*/ 471347 h 800786"/>
                <a:gd name="connsiteX3020" fmla="*/ 1806105 w 2044700"/>
                <a:gd name="connsiteY3020" fmla="*/ 472970 h 800786"/>
                <a:gd name="connsiteX3021" fmla="*/ 1801236 w 2044700"/>
                <a:gd name="connsiteY3021" fmla="*/ 474593 h 800786"/>
                <a:gd name="connsiteX3022" fmla="*/ 1793121 w 2044700"/>
                <a:gd name="connsiteY3022" fmla="*/ 477839 h 800786"/>
                <a:gd name="connsiteX3023" fmla="*/ 1786628 w 2044700"/>
                <a:gd name="connsiteY3023" fmla="*/ 477839 h 800786"/>
                <a:gd name="connsiteX3024" fmla="*/ 1783382 w 2044700"/>
                <a:gd name="connsiteY3024" fmla="*/ 479462 h 800786"/>
                <a:gd name="connsiteX3025" fmla="*/ 1767151 w 2044700"/>
                <a:gd name="connsiteY3025" fmla="*/ 479462 h 800786"/>
                <a:gd name="connsiteX3026" fmla="*/ 1762282 w 2044700"/>
                <a:gd name="connsiteY3026" fmla="*/ 482707 h 800786"/>
                <a:gd name="connsiteX3027" fmla="*/ 1759036 w 2044700"/>
                <a:gd name="connsiteY3027" fmla="*/ 489199 h 800786"/>
                <a:gd name="connsiteX3028" fmla="*/ 1755789 w 2044700"/>
                <a:gd name="connsiteY3028" fmla="*/ 490822 h 800786"/>
                <a:gd name="connsiteX3029" fmla="*/ 1750920 w 2044700"/>
                <a:gd name="connsiteY3029" fmla="*/ 492445 h 800786"/>
                <a:gd name="connsiteX3030" fmla="*/ 1749297 w 2044700"/>
                <a:gd name="connsiteY3030" fmla="*/ 495690 h 800786"/>
                <a:gd name="connsiteX3031" fmla="*/ 1750920 w 2044700"/>
                <a:gd name="connsiteY3031" fmla="*/ 497313 h 800786"/>
                <a:gd name="connsiteX3032" fmla="*/ 1754166 w 2044700"/>
                <a:gd name="connsiteY3032" fmla="*/ 495690 h 800786"/>
                <a:gd name="connsiteX3033" fmla="*/ 1757413 w 2044700"/>
                <a:gd name="connsiteY3033" fmla="*/ 495690 h 800786"/>
                <a:gd name="connsiteX3034" fmla="*/ 1759036 w 2044700"/>
                <a:gd name="connsiteY3034" fmla="*/ 498936 h 800786"/>
                <a:gd name="connsiteX3035" fmla="*/ 1762282 w 2044700"/>
                <a:gd name="connsiteY3035" fmla="*/ 497313 h 800786"/>
                <a:gd name="connsiteX3036" fmla="*/ 1765528 w 2044700"/>
                <a:gd name="connsiteY3036" fmla="*/ 497313 h 800786"/>
                <a:gd name="connsiteX3037" fmla="*/ 1762282 w 2044700"/>
                <a:gd name="connsiteY3037" fmla="*/ 494067 h 800786"/>
                <a:gd name="connsiteX3038" fmla="*/ 1768774 w 2044700"/>
                <a:gd name="connsiteY3038" fmla="*/ 489199 h 800786"/>
                <a:gd name="connsiteX3039" fmla="*/ 1772020 w 2044700"/>
                <a:gd name="connsiteY3039" fmla="*/ 485953 h 800786"/>
                <a:gd name="connsiteX3040" fmla="*/ 1776890 w 2044700"/>
                <a:gd name="connsiteY3040" fmla="*/ 482707 h 800786"/>
                <a:gd name="connsiteX3041" fmla="*/ 1778513 w 2044700"/>
                <a:gd name="connsiteY3041" fmla="*/ 482707 h 800786"/>
                <a:gd name="connsiteX3042" fmla="*/ 1789874 w 2044700"/>
                <a:gd name="connsiteY3042" fmla="*/ 479462 h 800786"/>
                <a:gd name="connsiteX3043" fmla="*/ 1794744 w 2044700"/>
                <a:gd name="connsiteY3043" fmla="*/ 479462 h 800786"/>
                <a:gd name="connsiteX3044" fmla="*/ 1804482 w 2044700"/>
                <a:gd name="connsiteY3044" fmla="*/ 479462 h 800786"/>
                <a:gd name="connsiteX3045" fmla="*/ 1809352 w 2044700"/>
                <a:gd name="connsiteY3045" fmla="*/ 484330 h 800786"/>
                <a:gd name="connsiteX3046" fmla="*/ 1809352 w 2044700"/>
                <a:gd name="connsiteY3046" fmla="*/ 487576 h 800786"/>
                <a:gd name="connsiteX3047" fmla="*/ 1806105 w 2044700"/>
                <a:gd name="connsiteY3047" fmla="*/ 490822 h 800786"/>
                <a:gd name="connsiteX3048" fmla="*/ 1796367 w 2044700"/>
                <a:gd name="connsiteY3048" fmla="*/ 494067 h 800786"/>
                <a:gd name="connsiteX3049" fmla="*/ 1791498 w 2044700"/>
                <a:gd name="connsiteY3049" fmla="*/ 494067 h 800786"/>
                <a:gd name="connsiteX3050" fmla="*/ 1789874 w 2044700"/>
                <a:gd name="connsiteY3050" fmla="*/ 497313 h 800786"/>
                <a:gd name="connsiteX3051" fmla="*/ 1785005 w 2044700"/>
                <a:gd name="connsiteY3051" fmla="*/ 502182 h 800786"/>
                <a:gd name="connsiteX3052" fmla="*/ 1780136 w 2044700"/>
                <a:gd name="connsiteY3052" fmla="*/ 502182 h 800786"/>
                <a:gd name="connsiteX3053" fmla="*/ 1775267 w 2044700"/>
                <a:gd name="connsiteY3053" fmla="*/ 503804 h 800786"/>
                <a:gd name="connsiteX3054" fmla="*/ 1773643 w 2044700"/>
                <a:gd name="connsiteY3054" fmla="*/ 505427 h 800786"/>
                <a:gd name="connsiteX3055" fmla="*/ 1767151 w 2044700"/>
                <a:gd name="connsiteY3055" fmla="*/ 507050 h 800786"/>
                <a:gd name="connsiteX3056" fmla="*/ 1762282 w 2044700"/>
                <a:gd name="connsiteY3056" fmla="*/ 508673 h 800786"/>
                <a:gd name="connsiteX3057" fmla="*/ 1759036 w 2044700"/>
                <a:gd name="connsiteY3057" fmla="*/ 507050 h 800786"/>
                <a:gd name="connsiteX3058" fmla="*/ 1755789 w 2044700"/>
                <a:gd name="connsiteY3058" fmla="*/ 508673 h 800786"/>
                <a:gd name="connsiteX3059" fmla="*/ 1762282 w 2044700"/>
                <a:gd name="connsiteY3059" fmla="*/ 510296 h 800786"/>
                <a:gd name="connsiteX3060" fmla="*/ 1767151 w 2044700"/>
                <a:gd name="connsiteY3060" fmla="*/ 510296 h 800786"/>
                <a:gd name="connsiteX3061" fmla="*/ 1775267 w 2044700"/>
                <a:gd name="connsiteY3061" fmla="*/ 508673 h 800786"/>
                <a:gd name="connsiteX3062" fmla="*/ 1778513 w 2044700"/>
                <a:gd name="connsiteY3062" fmla="*/ 505427 h 800786"/>
                <a:gd name="connsiteX3063" fmla="*/ 1780136 w 2044700"/>
                <a:gd name="connsiteY3063" fmla="*/ 503804 h 800786"/>
                <a:gd name="connsiteX3064" fmla="*/ 1785005 w 2044700"/>
                <a:gd name="connsiteY3064" fmla="*/ 503804 h 800786"/>
                <a:gd name="connsiteX3065" fmla="*/ 1789874 w 2044700"/>
                <a:gd name="connsiteY3065" fmla="*/ 503804 h 800786"/>
                <a:gd name="connsiteX3066" fmla="*/ 1802859 w 2044700"/>
                <a:gd name="connsiteY3066" fmla="*/ 500559 h 800786"/>
                <a:gd name="connsiteX3067" fmla="*/ 1806105 w 2044700"/>
                <a:gd name="connsiteY3067" fmla="*/ 498936 h 800786"/>
                <a:gd name="connsiteX3068" fmla="*/ 1810975 w 2044700"/>
                <a:gd name="connsiteY3068" fmla="*/ 498936 h 800786"/>
                <a:gd name="connsiteX3069" fmla="*/ 1815844 w 2044700"/>
                <a:gd name="connsiteY3069" fmla="*/ 500559 h 800786"/>
                <a:gd name="connsiteX3070" fmla="*/ 1822336 w 2044700"/>
                <a:gd name="connsiteY3070" fmla="*/ 502182 h 800786"/>
                <a:gd name="connsiteX3071" fmla="*/ 1827206 w 2044700"/>
                <a:gd name="connsiteY3071" fmla="*/ 502182 h 800786"/>
                <a:gd name="connsiteX3072" fmla="*/ 1833698 w 2044700"/>
                <a:gd name="connsiteY3072" fmla="*/ 503804 h 800786"/>
                <a:gd name="connsiteX3073" fmla="*/ 1840190 w 2044700"/>
                <a:gd name="connsiteY3073" fmla="*/ 508673 h 800786"/>
                <a:gd name="connsiteX3074" fmla="*/ 1845060 w 2044700"/>
                <a:gd name="connsiteY3074" fmla="*/ 508673 h 800786"/>
                <a:gd name="connsiteX3075" fmla="*/ 1853175 w 2044700"/>
                <a:gd name="connsiteY3075" fmla="*/ 507050 h 800786"/>
                <a:gd name="connsiteX3076" fmla="*/ 1859667 w 2044700"/>
                <a:gd name="connsiteY3076" fmla="*/ 505427 h 800786"/>
                <a:gd name="connsiteX3077" fmla="*/ 1862914 w 2044700"/>
                <a:gd name="connsiteY3077" fmla="*/ 507050 h 800786"/>
                <a:gd name="connsiteX3078" fmla="*/ 1864537 w 2044700"/>
                <a:gd name="connsiteY3078" fmla="*/ 510296 h 800786"/>
                <a:gd name="connsiteX3079" fmla="*/ 1858044 w 2044700"/>
                <a:gd name="connsiteY3079" fmla="*/ 513542 h 800786"/>
                <a:gd name="connsiteX3080" fmla="*/ 1849929 w 2044700"/>
                <a:gd name="connsiteY3080" fmla="*/ 516787 h 800786"/>
                <a:gd name="connsiteX3081" fmla="*/ 1843437 w 2044700"/>
                <a:gd name="connsiteY3081" fmla="*/ 520033 h 800786"/>
                <a:gd name="connsiteX3082" fmla="*/ 1838567 w 2044700"/>
                <a:gd name="connsiteY3082" fmla="*/ 520033 h 800786"/>
                <a:gd name="connsiteX3083" fmla="*/ 1820713 w 2044700"/>
                <a:gd name="connsiteY3083" fmla="*/ 533016 h 800786"/>
                <a:gd name="connsiteX3084" fmla="*/ 1817467 w 2044700"/>
                <a:gd name="connsiteY3084" fmla="*/ 536262 h 800786"/>
                <a:gd name="connsiteX3085" fmla="*/ 1810975 w 2044700"/>
                <a:gd name="connsiteY3085" fmla="*/ 541130 h 800786"/>
                <a:gd name="connsiteX3086" fmla="*/ 1806105 w 2044700"/>
                <a:gd name="connsiteY3086" fmla="*/ 542753 h 800786"/>
                <a:gd name="connsiteX3087" fmla="*/ 1799613 w 2044700"/>
                <a:gd name="connsiteY3087" fmla="*/ 545999 h 800786"/>
                <a:gd name="connsiteX3088" fmla="*/ 1797990 w 2044700"/>
                <a:gd name="connsiteY3088" fmla="*/ 549244 h 800786"/>
                <a:gd name="connsiteX3089" fmla="*/ 1794744 w 2044700"/>
                <a:gd name="connsiteY3089" fmla="*/ 549244 h 800786"/>
                <a:gd name="connsiteX3090" fmla="*/ 1791498 w 2044700"/>
                <a:gd name="connsiteY3090" fmla="*/ 550867 h 800786"/>
                <a:gd name="connsiteX3091" fmla="*/ 1786628 w 2044700"/>
                <a:gd name="connsiteY3091" fmla="*/ 552490 h 800786"/>
                <a:gd name="connsiteX3092" fmla="*/ 1780136 w 2044700"/>
                <a:gd name="connsiteY3092" fmla="*/ 552490 h 800786"/>
                <a:gd name="connsiteX3093" fmla="*/ 1775267 w 2044700"/>
                <a:gd name="connsiteY3093" fmla="*/ 554113 h 800786"/>
                <a:gd name="connsiteX3094" fmla="*/ 1763905 w 2044700"/>
                <a:gd name="connsiteY3094" fmla="*/ 558981 h 800786"/>
                <a:gd name="connsiteX3095" fmla="*/ 1760659 w 2044700"/>
                <a:gd name="connsiteY3095" fmla="*/ 558981 h 800786"/>
                <a:gd name="connsiteX3096" fmla="*/ 1755789 w 2044700"/>
                <a:gd name="connsiteY3096" fmla="*/ 558981 h 800786"/>
                <a:gd name="connsiteX3097" fmla="*/ 1747674 w 2044700"/>
                <a:gd name="connsiteY3097" fmla="*/ 562227 h 800786"/>
                <a:gd name="connsiteX3098" fmla="*/ 1739559 w 2044700"/>
                <a:gd name="connsiteY3098" fmla="*/ 562227 h 800786"/>
                <a:gd name="connsiteX3099" fmla="*/ 1733066 w 2044700"/>
                <a:gd name="connsiteY3099" fmla="*/ 567096 h 800786"/>
                <a:gd name="connsiteX3100" fmla="*/ 1731443 w 2044700"/>
                <a:gd name="connsiteY3100" fmla="*/ 565473 h 800786"/>
                <a:gd name="connsiteX3101" fmla="*/ 1726574 w 2044700"/>
                <a:gd name="connsiteY3101" fmla="*/ 562227 h 800786"/>
                <a:gd name="connsiteX3102" fmla="*/ 1723328 w 2044700"/>
                <a:gd name="connsiteY3102" fmla="*/ 563850 h 800786"/>
                <a:gd name="connsiteX3103" fmla="*/ 1723328 w 2044700"/>
                <a:gd name="connsiteY3103" fmla="*/ 565473 h 800786"/>
                <a:gd name="connsiteX3104" fmla="*/ 1726574 w 2044700"/>
                <a:gd name="connsiteY3104" fmla="*/ 565473 h 800786"/>
                <a:gd name="connsiteX3105" fmla="*/ 1726574 w 2044700"/>
                <a:gd name="connsiteY3105" fmla="*/ 568719 h 800786"/>
                <a:gd name="connsiteX3106" fmla="*/ 1720081 w 2044700"/>
                <a:gd name="connsiteY3106" fmla="*/ 570341 h 800786"/>
                <a:gd name="connsiteX3107" fmla="*/ 1715212 w 2044700"/>
                <a:gd name="connsiteY3107" fmla="*/ 567096 h 800786"/>
                <a:gd name="connsiteX3108" fmla="*/ 1711966 w 2044700"/>
                <a:gd name="connsiteY3108" fmla="*/ 567096 h 800786"/>
                <a:gd name="connsiteX3109" fmla="*/ 1710343 w 2044700"/>
                <a:gd name="connsiteY3109" fmla="*/ 570341 h 800786"/>
                <a:gd name="connsiteX3110" fmla="*/ 1702227 w 2044700"/>
                <a:gd name="connsiteY3110" fmla="*/ 571964 h 800786"/>
                <a:gd name="connsiteX3111" fmla="*/ 1697358 w 2044700"/>
                <a:gd name="connsiteY3111" fmla="*/ 567096 h 800786"/>
                <a:gd name="connsiteX3112" fmla="*/ 1690866 w 2044700"/>
                <a:gd name="connsiteY3112" fmla="*/ 563850 h 800786"/>
                <a:gd name="connsiteX3113" fmla="*/ 1685996 w 2044700"/>
                <a:gd name="connsiteY3113" fmla="*/ 558981 h 800786"/>
                <a:gd name="connsiteX3114" fmla="*/ 1682750 w 2044700"/>
                <a:gd name="connsiteY3114" fmla="*/ 560604 h 800786"/>
                <a:gd name="connsiteX3115" fmla="*/ 1684373 w 2044700"/>
                <a:gd name="connsiteY3115" fmla="*/ 563850 h 800786"/>
                <a:gd name="connsiteX3116" fmla="*/ 1685996 w 2044700"/>
                <a:gd name="connsiteY3116" fmla="*/ 568719 h 800786"/>
                <a:gd name="connsiteX3117" fmla="*/ 1689243 w 2044700"/>
                <a:gd name="connsiteY3117" fmla="*/ 573587 h 800786"/>
                <a:gd name="connsiteX3118" fmla="*/ 1687620 w 2044700"/>
                <a:gd name="connsiteY3118" fmla="*/ 576833 h 800786"/>
                <a:gd name="connsiteX3119" fmla="*/ 1681127 w 2044700"/>
                <a:gd name="connsiteY3119" fmla="*/ 576833 h 800786"/>
                <a:gd name="connsiteX3120" fmla="*/ 1676258 w 2044700"/>
                <a:gd name="connsiteY3120" fmla="*/ 580078 h 800786"/>
                <a:gd name="connsiteX3121" fmla="*/ 1671389 w 2044700"/>
                <a:gd name="connsiteY3121" fmla="*/ 583324 h 800786"/>
                <a:gd name="connsiteX3122" fmla="*/ 1668142 w 2044700"/>
                <a:gd name="connsiteY3122" fmla="*/ 586570 h 800786"/>
                <a:gd name="connsiteX3123" fmla="*/ 1663273 w 2044700"/>
                <a:gd name="connsiteY3123" fmla="*/ 588193 h 800786"/>
                <a:gd name="connsiteX3124" fmla="*/ 1661650 w 2044700"/>
                <a:gd name="connsiteY3124" fmla="*/ 594684 h 800786"/>
                <a:gd name="connsiteX3125" fmla="*/ 1661650 w 2044700"/>
                <a:gd name="connsiteY3125" fmla="*/ 599553 h 800786"/>
                <a:gd name="connsiteX3126" fmla="*/ 1656781 w 2044700"/>
                <a:gd name="connsiteY3126" fmla="*/ 602798 h 800786"/>
                <a:gd name="connsiteX3127" fmla="*/ 1653535 w 2044700"/>
                <a:gd name="connsiteY3127" fmla="*/ 606044 h 800786"/>
                <a:gd name="connsiteX3128" fmla="*/ 1651911 w 2044700"/>
                <a:gd name="connsiteY3128" fmla="*/ 607667 h 800786"/>
                <a:gd name="connsiteX3129" fmla="*/ 1650288 w 2044700"/>
                <a:gd name="connsiteY3129" fmla="*/ 612535 h 800786"/>
                <a:gd name="connsiteX3130" fmla="*/ 1647042 w 2044700"/>
                <a:gd name="connsiteY3130" fmla="*/ 615781 h 800786"/>
                <a:gd name="connsiteX3131" fmla="*/ 1643796 w 2044700"/>
                <a:gd name="connsiteY3131" fmla="*/ 612535 h 800786"/>
                <a:gd name="connsiteX3132" fmla="*/ 1643796 w 2044700"/>
                <a:gd name="connsiteY3132" fmla="*/ 620650 h 800786"/>
                <a:gd name="connsiteX3133" fmla="*/ 1642173 w 2044700"/>
                <a:gd name="connsiteY3133" fmla="*/ 623895 h 800786"/>
                <a:gd name="connsiteX3134" fmla="*/ 1634057 w 2044700"/>
                <a:gd name="connsiteY3134" fmla="*/ 625518 h 800786"/>
                <a:gd name="connsiteX3135" fmla="*/ 1629188 w 2044700"/>
                <a:gd name="connsiteY3135" fmla="*/ 625518 h 800786"/>
                <a:gd name="connsiteX3136" fmla="*/ 1625942 w 2044700"/>
                <a:gd name="connsiteY3136" fmla="*/ 625518 h 800786"/>
                <a:gd name="connsiteX3137" fmla="*/ 1622696 w 2044700"/>
                <a:gd name="connsiteY3137" fmla="*/ 628764 h 800786"/>
                <a:gd name="connsiteX3138" fmla="*/ 1619450 w 2044700"/>
                <a:gd name="connsiteY3138" fmla="*/ 630387 h 800786"/>
                <a:gd name="connsiteX3139" fmla="*/ 1616203 w 2044700"/>
                <a:gd name="connsiteY3139" fmla="*/ 632010 h 800786"/>
                <a:gd name="connsiteX3140" fmla="*/ 1616203 w 2044700"/>
                <a:gd name="connsiteY3140" fmla="*/ 635255 h 800786"/>
                <a:gd name="connsiteX3141" fmla="*/ 1609711 w 2044700"/>
                <a:gd name="connsiteY3141" fmla="*/ 632010 h 800786"/>
                <a:gd name="connsiteX3142" fmla="*/ 1609711 w 2044700"/>
                <a:gd name="connsiteY3142" fmla="*/ 630387 h 800786"/>
                <a:gd name="connsiteX3143" fmla="*/ 1604842 w 2044700"/>
                <a:gd name="connsiteY3143" fmla="*/ 633633 h 800786"/>
                <a:gd name="connsiteX3144" fmla="*/ 1604842 w 2044700"/>
                <a:gd name="connsiteY3144" fmla="*/ 635255 h 800786"/>
                <a:gd name="connsiteX3145" fmla="*/ 1604842 w 2044700"/>
                <a:gd name="connsiteY3145" fmla="*/ 638501 h 800786"/>
                <a:gd name="connsiteX3146" fmla="*/ 1599972 w 2044700"/>
                <a:gd name="connsiteY3146" fmla="*/ 635255 h 800786"/>
                <a:gd name="connsiteX3147" fmla="*/ 1596726 w 2044700"/>
                <a:gd name="connsiteY3147" fmla="*/ 636878 h 800786"/>
                <a:gd name="connsiteX3148" fmla="*/ 1595103 w 2044700"/>
                <a:gd name="connsiteY3148" fmla="*/ 638501 h 800786"/>
                <a:gd name="connsiteX3149" fmla="*/ 1593480 w 2044700"/>
                <a:gd name="connsiteY3149" fmla="*/ 638501 h 800786"/>
                <a:gd name="connsiteX3150" fmla="*/ 1590234 w 2044700"/>
                <a:gd name="connsiteY3150" fmla="*/ 635255 h 800786"/>
                <a:gd name="connsiteX3151" fmla="*/ 1588611 w 2044700"/>
                <a:gd name="connsiteY3151" fmla="*/ 640124 h 800786"/>
                <a:gd name="connsiteX3152" fmla="*/ 1588611 w 2044700"/>
                <a:gd name="connsiteY3152" fmla="*/ 643370 h 800786"/>
                <a:gd name="connsiteX3153" fmla="*/ 1582118 w 2044700"/>
                <a:gd name="connsiteY3153" fmla="*/ 644992 h 800786"/>
                <a:gd name="connsiteX3154" fmla="*/ 1580495 w 2044700"/>
                <a:gd name="connsiteY3154" fmla="*/ 638501 h 800786"/>
                <a:gd name="connsiteX3155" fmla="*/ 1583741 w 2044700"/>
                <a:gd name="connsiteY3155" fmla="*/ 635255 h 800786"/>
                <a:gd name="connsiteX3156" fmla="*/ 1586988 w 2044700"/>
                <a:gd name="connsiteY3156" fmla="*/ 632010 h 800786"/>
                <a:gd name="connsiteX3157" fmla="*/ 1586988 w 2044700"/>
                <a:gd name="connsiteY3157" fmla="*/ 628764 h 800786"/>
                <a:gd name="connsiteX3158" fmla="*/ 1590234 w 2044700"/>
                <a:gd name="connsiteY3158" fmla="*/ 627141 h 800786"/>
                <a:gd name="connsiteX3159" fmla="*/ 1590234 w 2044700"/>
                <a:gd name="connsiteY3159" fmla="*/ 625518 h 800786"/>
                <a:gd name="connsiteX3160" fmla="*/ 1586988 w 2044700"/>
                <a:gd name="connsiteY3160" fmla="*/ 623895 h 800786"/>
                <a:gd name="connsiteX3161" fmla="*/ 1585365 w 2044700"/>
                <a:gd name="connsiteY3161" fmla="*/ 623895 h 800786"/>
                <a:gd name="connsiteX3162" fmla="*/ 1583741 w 2044700"/>
                <a:gd name="connsiteY3162" fmla="*/ 627141 h 800786"/>
                <a:gd name="connsiteX3163" fmla="*/ 1583741 w 2044700"/>
                <a:gd name="connsiteY3163" fmla="*/ 630387 h 800786"/>
                <a:gd name="connsiteX3164" fmla="*/ 1582118 w 2044700"/>
                <a:gd name="connsiteY3164" fmla="*/ 633633 h 800786"/>
                <a:gd name="connsiteX3165" fmla="*/ 1578872 w 2044700"/>
                <a:gd name="connsiteY3165" fmla="*/ 635255 h 800786"/>
                <a:gd name="connsiteX3166" fmla="*/ 1577249 w 2044700"/>
                <a:gd name="connsiteY3166" fmla="*/ 636878 h 800786"/>
                <a:gd name="connsiteX3167" fmla="*/ 1574003 w 2044700"/>
                <a:gd name="connsiteY3167" fmla="*/ 643370 h 800786"/>
                <a:gd name="connsiteX3168" fmla="*/ 1564264 w 2044700"/>
                <a:gd name="connsiteY3168" fmla="*/ 644992 h 800786"/>
                <a:gd name="connsiteX3169" fmla="*/ 1557772 w 2044700"/>
                <a:gd name="connsiteY3169" fmla="*/ 644992 h 800786"/>
                <a:gd name="connsiteX3170" fmla="*/ 1552903 w 2044700"/>
                <a:gd name="connsiteY3170" fmla="*/ 644992 h 800786"/>
                <a:gd name="connsiteX3171" fmla="*/ 1548033 w 2044700"/>
                <a:gd name="connsiteY3171" fmla="*/ 644992 h 800786"/>
                <a:gd name="connsiteX3172" fmla="*/ 1546410 w 2044700"/>
                <a:gd name="connsiteY3172" fmla="*/ 649861 h 800786"/>
                <a:gd name="connsiteX3173" fmla="*/ 1549656 w 2044700"/>
                <a:gd name="connsiteY3173" fmla="*/ 651484 h 800786"/>
                <a:gd name="connsiteX3174" fmla="*/ 1552903 w 2044700"/>
                <a:gd name="connsiteY3174" fmla="*/ 651484 h 800786"/>
                <a:gd name="connsiteX3175" fmla="*/ 1552903 w 2044700"/>
                <a:gd name="connsiteY3175" fmla="*/ 654730 h 800786"/>
                <a:gd name="connsiteX3176" fmla="*/ 1548033 w 2044700"/>
                <a:gd name="connsiteY3176" fmla="*/ 654730 h 800786"/>
                <a:gd name="connsiteX3177" fmla="*/ 1546410 w 2044700"/>
                <a:gd name="connsiteY3177" fmla="*/ 657975 h 800786"/>
                <a:gd name="connsiteX3178" fmla="*/ 1541541 w 2044700"/>
                <a:gd name="connsiteY3178" fmla="*/ 661221 h 800786"/>
                <a:gd name="connsiteX3179" fmla="*/ 1536672 w 2044700"/>
                <a:gd name="connsiteY3179" fmla="*/ 659598 h 800786"/>
                <a:gd name="connsiteX3180" fmla="*/ 1533426 w 2044700"/>
                <a:gd name="connsiteY3180" fmla="*/ 657975 h 800786"/>
                <a:gd name="connsiteX3181" fmla="*/ 1526933 w 2044700"/>
                <a:gd name="connsiteY3181" fmla="*/ 659598 h 800786"/>
                <a:gd name="connsiteX3182" fmla="*/ 1528556 w 2044700"/>
                <a:gd name="connsiteY3182" fmla="*/ 664467 h 800786"/>
                <a:gd name="connsiteX3183" fmla="*/ 1531802 w 2044700"/>
                <a:gd name="connsiteY3183" fmla="*/ 666090 h 800786"/>
                <a:gd name="connsiteX3184" fmla="*/ 1538295 w 2044700"/>
                <a:gd name="connsiteY3184" fmla="*/ 666090 h 800786"/>
                <a:gd name="connsiteX3185" fmla="*/ 1539918 w 2044700"/>
                <a:gd name="connsiteY3185" fmla="*/ 670958 h 800786"/>
                <a:gd name="connsiteX3186" fmla="*/ 1541541 w 2044700"/>
                <a:gd name="connsiteY3186" fmla="*/ 675827 h 800786"/>
                <a:gd name="connsiteX3187" fmla="*/ 1538295 w 2044700"/>
                <a:gd name="connsiteY3187" fmla="*/ 680695 h 800786"/>
                <a:gd name="connsiteX3188" fmla="*/ 1531802 w 2044700"/>
                <a:gd name="connsiteY3188" fmla="*/ 680695 h 800786"/>
                <a:gd name="connsiteX3189" fmla="*/ 1526933 w 2044700"/>
                <a:gd name="connsiteY3189" fmla="*/ 680695 h 800786"/>
                <a:gd name="connsiteX3190" fmla="*/ 1522064 w 2044700"/>
                <a:gd name="connsiteY3190" fmla="*/ 683941 h 800786"/>
                <a:gd name="connsiteX3191" fmla="*/ 1525310 w 2044700"/>
                <a:gd name="connsiteY3191" fmla="*/ 683941 h 800786"/>
                <a:gd name="connsiteX3192" fmla="*/ 1533426 w 2044700"/>
                <a:gd name="connsiteY3192" fmla="*/ 685564 h 800786"/>
                <a:gd name="connsiteX3193" fmla="*/ 1535049 w 2044700"/>
                <a:gd name="connsiteY3193" fmla="*/ 688809 h 800786"/>
                <a:gd name="connsiteX3194" fmla="*/ 1536672 w 2044700"/>
                <a:gd name="connsiteY3194" fmla="*/ 692055 h 800786"/>
                <a:gd name="connsiteX3195" fmla="*/ 1533426 w 2044700"/>
                <a:gd name="connsiteY3195" fmla="*/ 698547 h 800786"/>
                <a:gd name="connsiteX3196" fmla="*/ 1531802 w 2044700"/>
                <a:gd name="connsiteY3196" fmla="*/ 701792 h 800786"/>
                <a:gd name="connsiteX3197" fmla="*/ 1528556 w 2044700"/>
                <a:gd name="connsiteY3197" fmla="*/ 698547 h 800786"/>
                <a:gd name="connsiteX3198" fmla="*/ 1522064 w 2044700"/>
                <a:gd name="connsiteY3198" fmla="*/ 700169 h 800786"/>
                <a:gd name="connsiteX3199" fmla="*/ 1523687 w 2044700"/>
                <a:gd name="connsiteY3199" fmla="*/ 703415 h 800786"/>
                <a:gd name="connsiteX3200" fmla="*/ 1526933 w 2044700"/>
                <a:gd name="connsiteY3200" fmla="*/ 705038 h 800786"/>
                <a:gd name="connsiteX3201" fmla="*/ 1526933 w 2044700"/>
                <a:gd name="connsiteY3201" fmla="*/ 708284 h 800786"/>
                <a:gd name="connsiteX3202" fmla="*/ 1522064 w 2044700"/>
                <a:gd name="connsiteY3202" fmla="*/ 711529 h 800786"/>
                <a:gd name="connsiteX3203" fmla="*/ 1518818 w 2044700"/>
                <a:gd name="connsiteY3203" fmla="*/ 714775 h 800786"/>
                <a:gd name="connsiteX3204" fmla="*/ 1515572 w 2044700"/>
                <a:gd name="connsiteY3204" fmla="*/ 716398 h 800786"/>
                <a:gd name="connsiteX3205" fmla="*/ 1515572 w 2044700"/>
                <a:gd name="connsiteY3205" fmla="*/ 719644 h 800786"/>
                <a:gd name="connsiteX3206" fmla="*/ 1510702 w 2044700"/>
                <a:gd name="connsiteY3206" fmla="*/ 724512 h 800786"/>
                <a:gd name="connsiteX3207" fmla="*/ 1504210 w 2044700"/>
                <a:gd name="connsiteY3207" fmla="*/ 724512 h 800786"/>
                <a:gd name="connsiteX3208" fmla="*/ 1502587 w 2044700"/>
                <a:gd name="connsiteY3208" fmla="*/ 722889 h 800786"/>
                <a:gd name="connsiteX3209" fmla="*/ 1497717 w 2044700"/>
                <a:gd name="connsiteY3209" fmla="*/ 724512 h 800786"/>
                <a:gd name="connsiteX3210" fmla="*/ 1494471 w 2044700"/>
                <a:gd name="connsiteY3210" fmla="*/ 727758 h 800786"/>
                <a:gd name="connsiteX3211" fmla="*/ 1499341 w 2044700"/>
                <a:gd name="connsiteY3211" fmla="*/ 731004 h 800786"/>
                <a:gd name="connsiteX3212" fmla="*/ 1502587 w 2044700"/>
                <a:gd name="connsiteY3212" fmla="*/ 732626 h 800786"/>
                <a:gd name="connsiteX3213" fmla="*/ 1505833 w 2044700"/>
                <a:gd name="connsiteY3213" fmla="*/ 735872 h 800786"/>
                <a:gd name="connsiteX3214" fmla="*/ 1505833 w 2044700"/>
                <a:gd name="connsiteY3214" fmla="*/ 740741 h 800786"/>
                <a:gd name="connsiteX3215" fmla="*/ 1505833 w 2044700"/>
                <a:gd name="connsiteY3215" fmla="*/ 743986 h 800786"/>
                <a:gd name="connsiteX3216" fmla="*/ 1505833 w 2044700"/>
                <a:gd name="connsiteY3216" fmla="*/ 748855 h 800786"/>
                <a:gd name="connsiteX3217" fmla="*/ 1502587 w 2044700"/>
                <a:gd name="connsiteY3217" fmla="*/ 753723 h 800786"/>
                <a:gd name="connsiteX3218" fmla="*/ 1500964 w 2044700"/>
                <a:gd name="connsiteY3218" fmla="*/ 755346 h 800786"/>
                <a:gd name="connsiteX3219" fmla="*/ 1497717 w 2044700"/>
                <a:gd name="connsiteY3219" fmla="*/ 756969 h 800786"/>
                <a:gd name="connsiteX3220" fmla="*/ 1500964 w 2044700"/>
                <a:gd name="connsiteY3220" fmla="*/ 761838 h 800786"/>
                <a:gd name="connsiteX3221" fmla="*/ 1499341 w 2044700"/>
                <a:gd name="connsiteY3221" fmla="*/ 765083 h 800786"/>
                <a:gd name="connsiteX3222" fmla="*/ 1496094 w 2044700"/>
                <a:gd name="connsiteY3222" fmla="*/ 766706 h 800786"/>
                <a:gd name="connsiteX3223" fmla="*/ 1496094 w 2044700"/>
                <a:gd name="connsiteY3223" fmla="*/ 771575 h 800786"/>
                <a:gd name="connsiteX3224" fmla="*/ 1497717 w 2044700"/>
                <a:gd name="connsiteY3224" fmla="*/ 776443 h 800786"/>
                <a:gd name="connsiteX3225" fmla="*/ 1494471 w 2044700"/>
                <a:gd name="connsiteY3225" fmla="*/ 779689 h 800786"/>
                <a:gd name="connsiteX3226" fmla="*/ 1491225 w 2044700"/>
                <a:gd name="connsiteY3226" fmla="*/ 782935 h 800786"/>
                <a:gd name="connsiteX3227" fmla="*/ 1491225 w 2044700"/>
                <a:gd name="connsiteY3227" fmla="*/ 784558 h 800786"/>
                <a:gd name="connsiteX3228" fmla="*/ 1483110 w 2044700"/>
                <a:gd name="connsiteY3228" fmla="*/ 786180 h 800786"/>
                <a:gd name="connsiteX3229" fmla="*/ 1479863 w 2044700"/>
                <a:gd name="connsiteY3229" fmla="*/ 786180 h 800786"/>
                <a:gd name="connsiteX3230" fmla="*/ 1484733 w 2044700"/>
                <a:gd name="connsiteY3230" fmla="*/ 789426 h 800786"/>
                <a:gd name="connsiteX3231" fmla="*/ 1487979 w 2044700"/>
                <a:gd name="connsiteY3231" fmla="*/ 792672 h 800786"/>
                <a:gd name="connsiteX3232" fmla="*/ 1484733 w 2044700"/>
                <a:gd name="connsiteY3232" fmla="*/ 795918 h 800786"/>
                <a:gd name="connsiteX3233" fmla="*/ 1481487 w 2044700"/>
                <a:gd name="connsiteY3233" fmla="*/ 795918 h 800786"/>
                <a:gd name="connsiteX3234" fmla="*/ 1479863 w 2044700"/>
                <a:gd name="connsiteY3234" fmla="*/ 797540 h 800786"/>
                <a:gd name="connsiteX3235" fmla="*/ 1476617 w 2044700"/>
                <a:gd name="connsiteY3235" fmla="*/ 800786 h 800786"/>
                <a:gd name="connsiteX3236" fmla="*/ 1474994 w 2044700"/>
                <a:gd name="connsiteY3236" fmla="*/ 795918 h 800786"/>
                <a:gd name="connsiteX3237" fmla="*/ 1470125 w 2044700"/>
                <a:gd name="connsiteY3237" fmla="*/ 795918 h 800786"/>
                <a:gd name="connsiteX3238" fmla="*/ 1468502 w 2044700"/>
                <a:gd name="connsiteY3238" fmla="*/ 794295 h 800786"/>
                <a:gd name="connsiteX3239" fmla="*/ 1462009 w 2044700"/>
                <a:gd name="connsiteY3239" fmla="*/ 797540 h 800786"/>
                <a:gd name="connsiteX3240" fmla="*/ 1458763 w 2044700"/>
                <a:gd name="connsiteY3240" fmla="*/ 794295 h 800786"/>
                <a:gd name="connsiteX3241" fmla="*/ 1460386 w 2044700"/>
                <a:gd name="connsiteY3241" fmla="*/ 791049 h 800786"/>
                <a:gd name="connsiteX3242" fmla="*/ 1460386 w 2044700"/>
                <a:gd name="connsiteY3242" fmla="*/ 787803 h 800786"/>
                <a:gd name="connsiteX3243" fmla="*/ 1455517 w 2044700"/>
                <a:gd name="connsiteY3243" fmla="*/ 787803 h 800786"/>
                <a:gd name="connsiteX3244" fmla="*/ 1455517 w 2044700"/>
                <a:gd name="connsiteY3244" fmla="*/ 782935 h 800786"/>
                <a:gd name="connsiteX3245" fmla="*/ 1450648 w 2044700"/>
                <a:gd name="connsiteY3245" fmla="*/ 784558 h 800786"/>
                <a:gd name="connsiteX3246" fmla="*/ 1444155 w 2044700"/>
                <a:gd name="connsiteY3246" fmla="*/ 782935 h 800786"/>
                <a:gd name="connsiteX3247" fmla="*/ 1445778 w 2044700"/>
                <a:gd name="connsiteY3247" fmla="*/ 778066 h 800786"/>
                <a:gd name="connsiteX3248" fmla="*/ 1449025 w 2044700"/>
                <a:gd name="connsiteY3248" fmla="*/ 776443 h 800786"/>
                <a:gd name="connsiteX3249" fmla="*/ 1450648 w 2044700"/>
                <a:gd name="connsiteY3249" fmla="*/ 773198 h 800786"/>
                <a:gd name="connsiteX3250" fmla="*/ 1450648 w 2044700"/>
                <a:gd name="connsiteY3250" fmla="*/ 768329 h 800786"/>
                <a:gd name="connsiteX3251" fmla="*/ 1444155 w 2044700"/>
                <a:gd name="connsiteY3251" fmla="*/ 771575 h 800786"/>
                <a:gd name="connsiteX3252" fmla="*/ 1440909 w 2044700"/>
                <a:gd name="connsiteY3252" fmla="*/ 769952 h 800786"/>
                <a:gd name="connsiteX3253" fmla="*/ 1440909 w 2044700"/>
                <a:gd name="connsiteY3253" fmla="*/ 768329 h 800786"/>
                <a:gd name="connsiteX3254" fmla="*/ 1439286 w 2044700"/>
                <a:gd name="connsiteY3254" fmla="*/ 766706 h 800786"/>
                <a:gd name="connsiteX3255" fmla="*/ 1437663 w 2044700"/>
                <a:gd name="connsiteY3255" fmla="*/ 771575 h 800786"/>
                <a:gd name="connsiteX3256" fmla="*/ 1432794 w 2044700"/>
                <a:gd name="connsiteY3256" fmla="*/ 773198 h 800786"/>
                <a:gd name="connsiteX3257" fmla="*/ 1429548 w 2044700"/>
                <a:gd name="connsiteY3257" fmla="*/ 774820 h 800786"/>
                <a:gd name="connsiteX3258" fmla="*/ 1424678 w 2044700"/>
                <a:gd name="connsiteY3258" fmla="*/ 778066 h 800786"/>
                <a:gd name="connsiteX3259" fmla="*/ 1418186 w 2044700"/>
                <a:gd name="connsiteY3259" fmla="*/ 778066 h 800786"/>
                <a:gd name="connsiteX3260" fmla="*/ 1418186 w 2044700"/>
                <a:gd name="connsiteY3260" fmla="*/ 774820 h 800786"/>
                <a:gd name="connsiteX3261" fmla="*/ 1414940 w 2044700"/>
                <a:gd name="connsiteY3261" fmla="*/ 774820 h 800786"/>
                <a:gd name="connsiteX3262" fmla="*/ 1411694 w 2044700"/>
                <a:gd name="connsiteY3262" fmla="*/ 779689 h 800786"/>
                <a:gd name="connsiteX3263" fmla="*/ 1408447 w 2044700"/>
                <a:gd name="connsiteY3263" fmla="*/ 779689 h 800786"/>
                <a:gd name="connsiteX3264" fmla="*/ 1405201 w 2044700"/>
                <a:gd name="connsiteY3264" fmla="*/ 781312 h 800786"/>
                <a:gd name="connsiteX3265" fmla="*/ 1401955 w 2044700"/>
                <a:gd name="connsiteY3265" fmla="*/ 779689 h 800786"/>
                <a:gd name="connsiteX3266" fmla="*/ 1400332 w 2044700"/>
                <a:gd name="connsiteY3266" fmla="*/ 771575 h 800786"/>
                <a:gd name="connsiteX3267" fmla="*/ 1403578 w 2044700"/>
                <a:gd name="connsiteY3267" fmla="*/ 769952 h 800786"/>
                <a:gd name="connsiteX3268" fmla="*/ 1405201 w 2044700"/>
                <a:gd name="connsiteY3268" fmla="*/ 768329 h 800786"/>
                <a:gd name="connsiteX3269" fmla="*/ 1403578 w 2044700"/>
                <a:gd name="connsiteY3269" fmla="*/ 768329 h 800786"/>
                <a:gd name="connsiteX3270" fmla="*/ 1401955 w 2044700"/>
                <a:gd name="connsiteY3270" fmla="*/ 768329 h 800786"/>
                <a:gd name="connsiteX3271" fmla="*/ 1401955 w 2044700"/>
                <a:gd name="connsiteY3271" fmla="*/ 765083 h 800786"/>
                <a:gd name="connsiteX3272" fmla="*/ 1400332 w 2044700"/>
                <a:gd name="connsiteY3272" fmla="*/ 763461 h 800786"/>
                <a:gd name="connsiteX3273" fmla="*/ 1400332 w 2044700"/>
                <a:gd name="connsiteY3273" fmla="*/ 765083 h 800786"/>
                <a:gd name="connsiteX3274" fmla="*/ 1397086 w 2044700"/>
                <a:gd name="connsiteY3274" fmla="*/ 766706 h 800786"/>
                <a:gd name="connsiteX3275" fmla="*/ 1395463 w 2044700"/>
                <a:gd name="connsiteY3275" fmla="*/ 766706 h 800786"/>
                <a:gd name="connsiteX3276" fmla="*/ 1393839 w 2044700"/>
                <a:gd name="connsiteY3276" fmla="*/ 766706 h 800786"/>
                <a:gd name="connsiteX3277" fmla="*/ 1392216 w 2044700"/>
                <a:gd name="connsiteY3277" fmla="*/ 765083 h 800786"/>
                <a:gd name="connsiteX3278" fmla="*/ 1392216 w 2044700"/>
                <a:gd name="connsiteY3278" fmla="*/ 763461 h 800786"/>
                <a:gd name="connsiteX3279" fmla="*/ 1393839 w 2044700"/>
                <a:gd name="connsiteY3279" fmla="*/ 761838 h 800786"/>
                <a:gd name="connsiteX3280" fmla="*/ 1393839 w 2044700"/>
                <a:gd name="connsiteY3280" fmla="*/ 760215 h 800786"/>
                <a:gd name="connsiteX3281" fmla="*/ 1392216 w 2044700"/>
                <a:gd name="connsiteY3281" fmla="*/ 758592 h 800786"/>
                <a:gd name="connsiteX3282" fmla="*/ 1388970 w 2044700"/>
                <a:gd name="connsiteY3282" fmla="*/ 756969 h 800786"/>
                <a:gd name="connsiteX3283" fmla="*/ 1387347 w 2044700"/>
                <a:gd name="connsiteY3283" fmla="*/ 756969 h 800786"/>
                <a:gd name="connsiteX3284" fmla="*/ 1385724 w 2044700"/>
                <a:gd name="connsiteY3284" fmla="*/ 756969 h 800786"/>
                <a:gd name="connsiteX3285" fmla="*/ 1385724 w 2044700"/>
                <a:gd name="connsiteY3285" fmla="*/ 753723 h 800786"/>
                <a:gd name="connsiteX3286" fmla="*/ 1385724 w 2044700"/>
                <a:gd name="connsiteY3286" fmla="*/ 752101 h 800786"/>
                <a:gd name="connsiteX3287" fmla="*/ 1384101 w 2044700"/>
                <a:gd name="connsiteY3287" fmla="*/ 750478 h 800786"/>
                <a:gd name="connsiteX3288" fmla="*/ 1384101 w 2044700"/>
                <a:gd name="connsiteY3288" fmla="*/ 748855 h 800786"/>
                <a:gd name="connsiteX3289" fmla="*/ 1385724 w 2044700"/>
                <a:gd name="connsiteY3289" fmla="*/ 748855 h 800786"/>
                <a:gd name="connsiteX3290" fmla="*/ 1387347 w 2044700"/>
                <a:gd name="connsiteY3290" fmla="*/ 747232 h 800786"/>
                <a:gd name="connsiteX3291" fmla="*/ 1387347 w 2044700"/>
                <a:gd name="connsiteY3291" fmla="*/ 745609 h 800786"/>
                <a:gd name="connsiteX3292" fmla="*/ 1384101 w 2044700"/>
                <a:gd name="connsiteY3292" fmla="*/ 745609 h 800786"/>
                <a:gd name="connsiteX3293" fmla="*/ 1384101 w 2044700"/>
                <a:gd name="connsiteY3293" fmla="*/ 743986 h 800786"/>
                <a:gd name="connsiteX3294" fmla="*/ 1384101 w 2044700"/>
                <a:gd name="connsiteY3294" fmla="*/ 742363 h 800786"/>
                <a:gd name="connsiteX3295" fmla="*/ 1379232 w 2044700"/>
                <a:gd name="connsiteY3295" fmla="*/ 745609 h 800786"/>
                <a:gd name="connsiteX3296" fmla="*/ 1377609 w 2044700"/>
                <a:gd name="connsiteY3296" fmla="*/ 743986 h 800786"/>
                <a:gd name="connsiteX3297" fmla="*/ 1374362 w 2044700"/>
                <a:gd name="connsiteY3297" fmla="*/ 743986 h 800786"/>
                <a:gd name="connsiteX3298" fmla="*/ 1374362 w 2044700"/>
                <a:gd name="connsiteY3298" fmla="*/ 742363 h 800786"/>
                <a:gd name="connsiteX3299" fmla="*/ 1372739 w 2044700"/>
                <a:gd name="connsiteY3299" fmla="*/ 740741 h 800786"/>
                <a:gd name="connsiteX3300" fmla="*/ 1374362 w 2044700"/>
                <a:gd name="connsiteY3300" fmla="*/ 737495 h 800786"/>
                <a:gd name="connsiteX3301" fmla="*/ 1372739 w 2044700"/>
                <a:gd name="connsiteY3301" fmla="*/ 737495 h 800786"/>
                <a:gd name="connsiteX3302" fmla="*/ 1371116 w 2044700"/>
                <a:gd name="connsiteY3302" fmla="*/ 735872 h 800786"/>
                <a:gd name="connsiteX3303" fmla="*/ 1369493 w 2044700"/>
                <a:gd name="connsiteY3303" fmla="*/ 735872 h 800786"/>
                <a:gd name="connsiteX3304" fmla="*/ 1367870 w 2044700"/>
                <a:gd name="connsiteY3304" fmla="*/ 735872 h 800786"/>
                <a:gd name="connsiteX3305" fmla="*/ 1364624 w 2044700"/>
                <a:gd name="connsiteY3305" fmla="*/ 734249 h 800786"/>
                <a:gd name="connsiteX3306" fmla="*/ 1364624 w 2044700"/>
                <a:gd name="connsiteY3306" fmla="*/ 732626 h 800786"/>
                <a:gd name="connsiteX3307" fmla="*/ 1363001 w 2044700"/>
                <a:gd name="connsiteY3307" fmla="*/ 731004 h 800786"/>
                <a:gd name="connsiteX3308" fmla="*/ 1363001 w 2044700"/>
                <a:gd name="connsiteY3308" fmla="*/ 729381 h 800786"/>
                <a:gd name="connsiteX3309" fmla="*/ 1364624 w 2044700"/>
                <a:gd name="connsiteY3309" fmla="*/ 727758 h 800786"/>
                <a:gd name="connsiteX3310" fmla="*/ 1367870 w 2044700"/>
                <a:gd name="connsiteY3310" fmla="*/ 726135 h 800786"/>
                <a:gd name="connsiteX3311" fmla="*/ 1367870 w 2044700"/>
                <a:gd name="connsiteY3311" fmla="*/ 722889 h 800786"/>
                <a:gd name="connsiteX3312" fmla="*/ 1366247 w 2044700"/>
                <a:gd name="connsiteY3312" fmla="*/ 721266 h 800786"/>
                <a:gd name="connsiteX3313" fmla="*/ 1366247 w 2044700"/>
                <a:gd name="connsiteY3313" fmla="*/ 719644 h 800786"/>
                <a:gd name="connsiteX3314" fmla="*/ 1367870 w 2044700"/>
                <a:gd name="connsiteY3314" fmla="*/ 718021 h 800786"/>
                <a:gd name="connsiteX3315" fmla="*/ 1367870 w 2044700"/>
                <a:gd name="connsiteY3315" fmla="*/ 716398 h 800786"/>
                <a:gd name="connsiteX3316" fmla="*/ 1364624 w 2044700"/>
                <a:gd name="connsiteY3316" fmla="*/ 716398 h 800786"/>
                <a:gd name="connsiteX3317" fmla="*/ 1359754 w 2044700"/>
                <a:gd name="connsiteY3317" fmla="*/ 716398 h 800786"/>
                <a:gd name="connsiteX3318" fmla="*/ 1354885 w 2044700"/>
                <a:gd name="connsiteY3318" fmla="*/ 713152 h 800786"/>
                <a:gd name="connsiteX3319" fmla="*/ 1358131 w 2044700"/>
                <a:gd name="connsiteY3319" fmla="*/ 711529 h 800786"/>
                <a:gd name="connsiteX3320" fmla="*/ 1356508 w 2044700"/>
                <a:gd name="connsiteY3320" fmla="*/ 711529 h 800786"/>
                <a:gd name="connsiteX3321" fmla="*/ 1353262 w 2044700"/>
                <a:gd name="connsiteY3321" fmla="*/ 709906 h 800786"/>
                <a:gd name="connsiteX3322" fmla="*/ 1350016 w 2044700"/>
                <a:gd name="connsiteY3322" fmla="*/ 709906 h 800786"/>
                <a:gd name="connsiteX3323" fmla="*/ 1353262 w 2044700"/>
                <a:gd name="connsiteY3323" fmla="*/ 706661 h 800786"/>
                <a:gd name="connsiteX3324" fmla="*/ 1350016 w 2044700"/>
                <a:gd name="connsiteY3324" fmla="*/ 705038 h 800786"/>
                <a:gd name="connsiteX3325" fmla="*/ 1351639 w 2044700"/>
                <a:gd name="connsiteY3325" fmla="*/ 701792 h 800786"/>
                <a:gd name="connsiteX3326" fmla="*/ 1351639 w 2044700"/>
                <a:gd name="connsiteY3326" fmla="*/ 700169 h 800786"/>
                <a:gd name="connsiteX3327" fmla="*/ 1350016 w 2044700"/>
                <a:gd name="connsiteY3327" fmla="*/ 698547 h 800786"/>
                <a:gd name="connsiteX3328" fmla="*/ 1346770 w 2044700"/>
                <a:gd name="connsiteY3328" fmla="*/ 698547 h 800786"/>
                <a:gd name="connsiteX3329" fmla="*/ 1343524 w 2044700"/>
                <a:gd name="connsiteY3329" fmla="*/ 700169 h 800786"/>
                <a:gd name="connsiteX3330" fmla="*/ 1341900 w 2044700"/>
                <a:gd name="connsiteY3330" fmla="*/ 698547 h 800786"/>
                <a:gd name="connsiteX3331" fmla="*/ 1343524 w 2044700"/>
                <a:gd name="connsiteY3331" fmla="*/ 693678 h 800786"/>
                <a:gd name="connsiteX3332" fmla="*/ 1345147 w 2044700"/>
                <a:gd name="connsiteY3332" fmla="*/ 692055 h 800786"/>
                <a:gd name="connsiteX3333" fmla="*/ 1348393 w 2044700"/>
                <a:gd name="connsiteY3333" fmla="*/ 692055 h 800786"/>
                <a:gd name="connsiteX3334" fmla="*/ 1350016 w 2044700"/>
                <a:gd name="connsiteY3334" fmla="*/ 690432 h 800786"/>
                <a:gd name="connsiteX3335" fmla="*/ 1351639 w 2044700"/>
                <a:gd name="connsiteY3335" fmla="*/ 685564 h 800786"/>
                <a:gd name="connsiteX3336" fmla="*/ 1354885 w 2044700"/>
                <a:gd name="connsiteY3336" fmla="*/ 685564 h 800786"/>
                <a:gd name="connsiteX3337" fmla="*/ 1358131 w 2044700"/>
                <a:gd name="connsiteY3337" fmla="*/ 685564 h 800786"/>
                <a:gd name="connsiteX3338" fmla="*/ 1359754 w 2044700"/>
                <a:gd name="connsiteY3338" fmla="*/ 685564 h 800786"/>
                <a:gd name="connsiteX3339" fmla="*/ 1359754 w 2044700"/>
                <a:gd name="connsiteY3339" fmla="*/ 680695 h 800786"/>
                <a:gd name="connsiteX3340" fmla="*/ 1361378 w 2044700"/>
                <a:gd name="connsiteY3340" fmla="*/ 679072 h 800786"/>
                <a:gd name="connsiteX3341" fmla="*/ 1363001 w 2044700"/>
                <a:gd name="connsiteY3341" fmla="*/ 679072 h 800786"/>
                <a:gd name="connsiteX3342" fmla="*/ 1366247 w 2044700"/>
                <a:gd name="connsiteY3342" fmla="*/ 680695 h 800786"/>
                <a:gd name="connsiteX3343" fmla="*/ 1369493 w 2044700"/>
                <a:gd name="connsiteY3343" fmla="*/ 680695 h 800786"/>
                <a:gd name="connsiteX3344" fmla="*/ 1372739 w 2044700"/>
                <a:gd name="connsiteY3344" fmla="*/ 680695 h 800786"/>
                <a:gd name="connsiteX3345" fmla="*/ 1372739 w 2044700"/>
                <a:gd name="connsiteY3345" fmla="*/ 679072 h 800786"/>
                <a:gd name="connsiteX3346" fmla="*/ 1367870 w 2044700"/>
                <a:gd name="connsiteY3346" fmla="*/ 675827 h 800786"/>
                <a:gd name="connsiteX3347" fmla="*/ 1366247 w 2044700"/>
                <a:gd name="connsiteY3347" fmla="*/ 672581 h 800786"/>
                <a:gd name="connsiteX3348" fmla="*/ 1367870 w 2044700"/>
                <a:gd name="connsiteY3348" fmla="*/ 669335 h 800786"/>
                <a:gd name="connsiteX3349" fmla="*/ 1364624 w 2044700"/>
                <a:gd name="connsiteY3349" fmla="*/ 666090 h 800786"/>
                <a:gd name="connsiteX3350" fmla="*/ 1363001 w 2044700"/>
                <a:gd name="connsiteY3350" fmla="*/ 666090 h 800786"/>
                <a:gd name="connsiteX3351" fmla="*/ 1359754 w 2044700"/>
                <a:gd name="connsiteY3351" fmla="*/ 666090 h 800786"/>
                <a:gd name="connsiteX3352" fmla="*/ 1356508 w 2044700"/>
                <a:gd name="connsiteY3352" fmla="*/ 664467 h 800786"/>
                <a:gd name="connsiteX3353" fmla="*/ 1353262 w 2044700"/>
                <a:gd name="connsiteY3353" fmla="*/ 659598 h 800786"/>
                <a:gd name="connsiteX3354" fmla="*/ 1351639 w 2044700"/>
                <a:gd name="connsiteY3354" fmla="*/ 656352 h 800786"/>
                <a:gd name="connsiteX3355" fmla="*/ 1351639 w 2044700"/>
                <a:gd name="connsiteY3355" fmla="*/ 661221 h 800786"/>
                <a:gd name="connsiteX3356" fmla="*/ 1351639 w 2044700"/>
                <a:gd name="connsiteY3356" fmla="*/ 664467 h 800786"/>
                <a:gd name="connsiteX3357" fmla="*/ 1350016 w 2044700"/>
                <a:gd name="connsiteY3357" fmla="*/ 667712 h 800786"/>
                <a:gd name="connsiteX3358" fmla="*/ 1346770 w 2044700"/>
                <a:gd name="connsiteY3358" fmla="*/ 666090 h 800786"/>
                <a:gd name="connsiteX3359" fmla="*/ 1345147 w 2044700"/>
                <a:gd name="connsiteY3359" fmla="*/ 667712 h 800786"/>
                <a:gd name="connsiteX3360" fmla="*/ 1341900 w 2044700"/>
                <a:gd name="connsiteY3360" fmla="*/ 669335 h 800786"/>
                <a:gd name="connsiteX3361" fmla="*/ 1341900 w 2044700"/>
                <a:gd name="connsiteY3361" fmla="*/ 672581 h 800786"/>
                <a:gd name="connsiteX3362" fmla="*/ 1340277 w 2044700"/>
                <a:gd name="connsiteY3362" fmla="*/ 674204 h 800786"/>
                <a:gd name="connsiteX3363" fmla="*/ 1338654 w 2044700"/>
                <a:gd name="connsiteY3363" fmla="*/ 674204 h 800786"/>
                <a:gd name="connsiteX3364" fmla="*/ 1337031 w 2044700"/>
                <a:gd name="connsiteY3364" fmla="*/ 677449 h 800786"/>
                <a:gd name="connsiteX3365" fmla="*/ 1335408 w 2044700"/>
                <a:gd name="connsiteY3365" fmla="*/ 679072 h 800786"/>
                <a:gd name="connsiteX3366" fmla="*/ 1335408 w 2044700"/>
                <a:gd name="connsiteY3366" fmla="*/ 680695 h 800786"/>
                <a:gd name="connsiteX3367" fmla="*/ 1332162 w 2044700"/>
                <a:gd name="connsiteY3367" fmla="*/ 682318 h 800786"/>
                <a:gd name="connsiteX3368" fmla="*/ 1330539 w 2044700"/>
                <a:gd name="connsiteY3368" fmla="*/ 679072 h 800786"/>
                <a:gd name="connsiteX3369" fmla="*/ 1328916 w 2044700"/>
                <a:gd name="connsiteY3369" fmla="*/ 677449 h 800786"/>
                <a:gd name="connsiteX3370" fmla="*/ 1328916 w 2044700"/>
                <a:gd name="connsiteY3370" fmla="*/ 674204 h 800786"/>
                <a:gd name="connsiteX3371" fmla="*/ 1330539 w 2044700"/>
                <a:gd name="connsiteY3371" fmla="*/ 672581 h 800786"/>
                <a:gd name="connsiteX3372" fmla="*/ 1332162 w 2044700"/>
                <a:gd name="connsiteY3372" fmla="*/ 669335 h 800786"/>
                <a:gd name="connsiteX3373" fmla="*/ 1335408 w 2044700"/>
                <a:gd name="connsiteY3373" fmla="*/ 667712 h 800786"/>
                <a:gd name="connsiteX3374" fmla="*/ 1337031 w 2044700"/>
                <a:gd name="connsiteY3374" fmla="*/ 667712 h 800786"/>
                <a:gd name="connsiteX3375" fmla="*/ 1340277 w 2044700"/>
                <a:gd name="connsiteY3375" fmla="*/ 666090 h 800786"/>
                <a:gd name="connsiteX3376" fmla="*/ 1341900 w 2044700"/>
                <a:gd name="connsiteY3376" fmla="*/ 664467 h 800786"/>
                <a:gd name="connsiteX3377" fmla="*/ 1340277 w 2044700"/>
                <a:gd name="connsiteY3377" fmla="*/ 662844 h 800786"/>
                <a:gd name="connsiteX3378" fmla="*/ 1333785 w 2044700"/>
                <a:gd name="connsiteY3378" fmla="*/ 662844 h 800786"/>
                <a:gd name="connsiteX3379" fmla="*/ 1332162 w 2044700"/>
                <a:gd name="connsiteY3379" fmla="*/ 666090 h 800786"/>
                <a:gd name="connsiteX3380" fmla="*/ 1330539 w 2044700"/>
                <a:gd name="connsiteY3380" fmla="*/ 666090 h 800786"/>
                <a:gd name="connsiteX3381" fmla="*/ 1328916 w 2044700"/>
                <a:gd name="connsiteY3381" fmla="*/ 664467 h 800786"/>
                <a:gd name="connsiteX3382" fmla="*/ 1330539 w 2044700"/>
                <a:gd name="connsiteY3382" fmla="*/ 651484 h 800786"/>
                <a:gd name="connsiteX3383" fmla="*/ 1328916 w 2044700"/>
                <a:gd name="connsiteY3383" fmla="*/ 648238 h 800786"/>
                <a:gd name="connsiteX3384" fmla="*/ 1330539 w 2044700"/>
                <a:gd name="connsiteY3384" fmla="*/ 648238 h 800786"/>
                <a:gd name="connsiteX3385" fmla="*/ 1333785 w 2044700"/>
                <a:gd name="connsiteY3385" fmla="*/ 644992 h 800786"/>
                <a:gd name="connsiteX3386" fmla="*/ 1335408 w 2044700"/>
                <a:gd name="connsiteY3386" fmla="*/ 643370 h 800786"/>
                <a:gd name="connsiteX3387" fmla="*/ 1337031 w 2044700"/>
                <a:gd name="connsiteY3387" fmla="*/ 641747 h 800786"/>
                <a:gd name="connsiteX3388" fmla="*/ 1338654 w 2044700"/>
                <a:gd name="connsiteY3388" fmla="*/ 641747 h 800786"/>
                <a:gd name="connsiteX3389" fmla="*/ 1340277 w 2044700"/>
                <a:gd name="connsiteY3389" fmla="*/ 640124 h 800786"/>
                <a:gd name="connsiteX3390" fmla="*/ 1343524 w 2044700"/>
                <a:gd name="connsiteY3390" fmla="*/ 640124 h 800786"/>
                <a:gd name="connsiteX3391" fmla="*/ 1346770 w 2044700"/>
                <a:gd name="connsiteY3391" fmla="*/ 641747 h 800786"/>
                <a:gd name="connsiteX3392" fmla="*/ 1348393 w 2044700"/>
                <a:gd name="connsiteY3392" fmla="*/ 641747 h 800786"/>
                <a:gd name="connsiteX3393" fmla="*/ 1350016 w 2044700"/>
                <a:gd name="connsiteY3393" fmla="*/ 640124 h 800786"/>
                <a:gd name="connsiteX3394" fmla="*/ 1348393 w 2044700"/>
                <a:gd name="connsiteY3394" fmla="*/ 640124 h 800786"/>
                <a:gd name="connsiteX3395" fmla="*/ 1343524 w 2044700"/>
                <a:gd name="connsiteY3395" fmla="*/ 640124 h 800786"/>
                <a:gd name="connsiteX3396" fmla="*/ 1340277 w 2044700"/>
                <a:gd name="connsiteY3396" fmla="*/ 638501 h 800786"/>
                <a:gd name="connsiteX3397" fmla="*/ 1337031 w 2044700"/>
                <a:gd name="connsiteY3397" fmla="*/ 640124 h 800786"/>
                <a:gd name="connsiteX3398" fmla="*/ 1332162 w 2044700"/>
                <a:gd name="connsiteY3398" fmla="*/ 643370 h 800786"/>
                <a:gd name="connsiteX3399" fmla="*/ 1330539 w 2044700"/>
                <a:gd name="connsiteY3399" fmla="*/ 644992 h 800786"/>
                <a:gd name="connsiteX3400" fmla="*/ 1328916 w 2044700"/>
                <a:gd name="connsiteY3400" fmla="*/ 646615 h 800786"/>
                <a:gd name="connsiteX3401" fmla="*/ 1325669 w 2044700"/>
                <a:gd name="connsiteY3401" fmla="*/ 648238 h 800786"/>
                <a:gd name="connsiteX3402" fmla="*/ 1322423 w 2044700"/>
                <a:gd name="connsiteY3402" fmla="*/ 646615 h 800786"/>
                <a:gd name="connsiteX3403" fmla="*/ 1320800 w 2044700"/>
                <a:gd name="connsiteY3403" fmla="*/ 644992 h 800786"/>
                <a:gd name="connsiteX3404" fmla="*/ 1317554 w 2044700"/>
                <a:gd name="connsiteY3404" fmla="*/ 643370 h 800786"/>
                <a:gd name="connsiteX3405" fmla="*/ 1314307 w 2044700"/>
                <a:gd name="connsiteY3405" fmla="*/ 643370 h 800786"/>
                <a:gd name="connsiteX3406" fmla="*/ 1314307 w 2044700"/>
                <a:gd name="connsiteY3406" fmla="*/ 640124 h 800786"/>
                <a:gd name="connsiteX3407" fmla="*/ 1314307 w 2044700"/>
                <a:gd name="connsiteY3407" fmla="*/ 638501 h 800786"/>
                <a:gd name="connsiteX3408" fmla="*/ 1317554 w 2044700"/>
                <a:gd name="connsiteY3408" fmla="*/ 636878 h 800786"/>
                <a:gd name="connsiteX3409" fmla="*/ 1322423 w 2044700"/>
                <a:gd name="connsiteY3409" fmla="*/ 635255 h 800786"/>
                <a:gd name="connsiteX3410" fmla="*/ 1324046 w 2044700"/>
                <a:gd name="connsiteY3410" fmla="*/ 635255 h 800786"/>
                <a:gd name="connsiteX3411" fmla="*/ 1327292 w 2044700"/>
                <a:gd name="connsiteY3411" fmla="*/ 635255 h 800786"/>
                <a:gd name="connsiteX3412" fmla="*/ 1330539 w 2044700"/>
                <a:gd name="connsiteY3412" fmla="*/ 633633 h 800786"/>
                <a:gd name="connsiteX3413" fmla="*/ 1332162 w 2044700"/>
                <a:gd name="connsiteY3413" fmla="*/ 632010 h 800786"/>
                <a:gd name="connsiteX3414" fmla="*/ 1330539 w 2044700"/>
                <a:gd name="connsiteY3414" fmla="*/ 632010 h 800786"/>
                <a:gd name="connsiteX3415" fmla="*/ 1324046 w 2044700"/>
                <a:gd name="connsiteY3415" fmla="*/ 632010 h 800786"/>
                <a:gd name="connsiteX3416" fmla="*/ 1322423 w 2044700"/>
                <a:gd name="connsiteY3416" fmla="*/ 633633 h 800786"/>
                <a:gd name="connsiteX3417" fmla="*/ 1315930 w 2044700"/>
                <a:gd name="connsiteY3417" fmla="*/ 633633 h 800786"/>
                <a:gd name="connsiteX3418" fmla="*/ 1312684 w 2044700"/>
                <a:gd name="connsiteY3418" fmla="*/ 633633 h 800786"/>
                <a:gd name="connsiteX3419" fmla="*/ 1311061 w 2044700"/>
                <a:gd name="connsiteY3419" fmla="*/ 633633 h 800786"/>
                <a:gd name="connsiteX3420" fmla="*/ 1311061 w 2044700"/>
                <a:gd name="connsiteY3420" fmla="*/ 630387 h 800786"/>
                <a:gd name="connsiteX3421" fmla="*/ 1311061 w 2044700"/>
                <a:gd name="connsiteY3421" fmla="*/ 628764 h 800786"/>
                <a:gd name="connsiteX3422" fmla="*/ 1314307 w 2044700"/>
                <a:gd name="connsiteY3422" fmla="*/ 627141 h 800786"/>
                <a:gd name="connsiteX3423" fmla="*/ 1319177 w 2044700"/>
                <a:gd name="connsiteY3423" fmla="*/ 625518 h 800786"/>
                <a:gd name="connsiteX3424" fmla="*/ 1322423 w 2044700"/>
                <a:gd name="connsiteY3424" fmla="*/ 622273 h 800786"/>
                <a:gd name="connsiteX3425" fmla="*/ 1327292 w 2044700"/>
                <a:gd name="connsiteY3425" fmla="*/ 619027 h 800786"/>
                <a:gd name="connsiteX3426" fmla="*/ 1330539 w 2044700"/>
                <a:gd name="connsiteY3426" fmla="*/ 615781 h 800786"/>
                <a:gd name="connsiteX3427" fmla="*/ 1335408 w 2044700"/>
                <a:gd name="connsiteY3427" fmla="*/ 612535 h 800786"/>
                <a:gd name="connsiteX3428" fmla="*/ 1345147 w 2044700"/>
                <a:gd name="connsiteY3428" fmla="*/ 609290 h 800786"/>
                <a:gd name="connsiteX3429" fmla="*/ 1348393 w 2044700"/>
                <a:gd name="connsiteY3429" fmla="*/ 607667 h 800786"/>
                <a:gd name="connsiteX3430" fmla="*/ 1350016 w 2044700"/>
                <a:gd name="connsiteY3430" fmla="*/ 607667 h 800786"/>
                <a:gd name="connsiteX3431" fmla="*/ 1354885 w 2044700"/>
                <a:gd name="connsiteY3431" fmla="*/ 607667 h 800786"/>
                <a:gd name="connsiteX3432" fmla="*/ 1356508 w 2044700"/>
                <a:gd name="connsiteY3432" fmla="*/ 604421 h 800786"/>
                <a:gd name="connsiteX3433" fmla="*/ 1353262 w 2044700"/>
                <a:gd name="connsiteY3433" fmla="*/ 604421 h 800786"/>
                <a:gd name="connsiteX3434" fmla="*/ 1346770 w 2044700"/>
                <a:gd name="connsiteY3434" fmla="*/ 606044 h 800786"/>
                <a:gd name="connsiteX3435" fmla="*/ 1341900 w 2044700"/>
                <a:gd name="connsiteY3435" fmla="*/ 607667 h 800786"/>
                <a:gd name="connsiteX3436" fmla="*/ 1338654 w 2044700"/>
                <a:gd name="connsiteY3436" fmla="*/ 609290 h 800786"/>
                <a:gd name="connsiteX3437" fmla="*/ 1333785 w 2044700"/>
                <a:gd name="connsiteY3437" fmla="*/ 612535 h 800786"/>
                <a:gd name="connsiteX3438" fmla="*/ 1327292 w 2044700"/>
                <a:gd name="connsiteY3438" fmla="*/ 617404 h 800786"/>
                <a:gd name="connsiteX3439" fmla="*/ 1325669 w 2044700"/>
                <a:gd name="connsiteY3439" fmla="*/ 617404 h 800786"/>
                <a:gd name="connsiteX3440" fmla="*/ 1319177 w 2044700"/>
                <a:gd name="connsiteY3440" fmla="*/ 623895 h 800786"/>
                <a:gd name="connsiteX3441" fmla="*/ 1311061 w 2044700"/>
                <a:gd name="connsiteY3441" fmla="*/ 625518 h 800786"/>
                <a:gd name="connsiteX3442" fmla="*/ 1307815 w 2044700"/>
                <a:gd name="connsiteY3442" fmla="*/ 625518 h 800786"/>
                <a:gd name="connsiteX3443" fmla="*/ 1306192 w 2044700"/>
                <a:gd name="connsiteY3443" fmla="*/ 625518 h 800786"/>
                <a:gd name="connsiteX3444" fmla="*/ 1304569 w 2044700"/>
                <a:gd name="connsiteY3444" fmla="*/ 623895 h 800786"/>
                <a:gd name="connsiteX3445" fmla="*/ 1306192 w 2044700"/>
                <a:gd name="connsiteY3445" fmla="*/ 619027 h 800786"/>
                <a:gd name="connsiteX3446" fmla="*/ 1307815 w 2044700"/>
                <a:gd name="connsiteY3446" fmla="*/ 615781 h 800786"/>
                <a:gd name="connsiteX3447" fmla="*/ 1311061 w 2044700"/>
                <a:gd name="connsiteY3447" fmla="*/ 614158 h 800786"/>
                <a:gd name="connsiteX3448" fmla="*/ 1312684 w 2044700"/>
                <a:gd name="connsiteY3448" fmla="*/ 614158 h 800786"/>
                <a:gd name="connsiteX3449" fmla="*/ 1315930 w 2044700"/>
                <a:gd name="connsiteY3449" fmla="*/ 612535 h 800786"/>
                <a:gd name="connsiteX3450" fmla="*/ 1320800 w 2044700"/>
                <a:gd name="connsiteY3450" fmla="*/ 610913 h 800786"/>
                <a:gd name="connsiteX3451" fmla="*/ 1325669 w 2044700"/>
                <a:gd name="connsiteY3451" fmla="*/ 607667 h 800786"/>
                <a:gd name="connsiteX3452" fmla="*/ 1325669 w 2044700"/>
                <a:gd name="connsiteY3452" fmla="*/ 604421 h 800786"/>
                <a:gd name="connsiteX3453" fmla="*/ 1322423 w 2044700"/>
                <a:gd name="connsiteY3453" fmla="*/ 602798 h 800786"/>
                <a:gd name="connsiteX3454" fmla="*/ 1314307 w 2044700"/>
                <a:gd name="connsiteY3454" fmla="*/ 606044 h 800786"/>
                <a:gd name="connsiteX3455" fmla="*/ 1309438 w 2044700"/>
                <a:gd name="connsiteY3455" fmla="*/ 606044 h 800786"/>
                <a:gd name="connsiteX3456" fmla="*/ 1306192 w 2044700"/>
                <a:gd name="connsiteY3456" fmla="*/ 602798 h 800786"/>
                <a:gd name="connsiteX3457" fmla="*/ 1304569 w 2044700"/>
                <a:gd name="connsiteY3457" fmla="*/ 601176 h 800786"/>
                <a:gd name="connsiteX3458" fmla="*/ 1302946 w 2044700"/>
                <a:gd name="connsiteY3458" fmla="*/ 599553 h 800786"/>
                <a:gd name="connsiteX3459" fmla="*/ 1304569 w 2044700"/>
                <a:gd name="connsiteY3459" fmla="*/ 596307 h 800786"/>
                <a:gd name="connsiteX3460" fmla="*/ 1306192 w 2044700"/>
                <a:gd name="connsiteY3460" fmla="*/ 596307 h 800786"/>
                <a:gd name="connsiteX3461" fmla="*/ 1311061 w 2044700"/>
                <a:gd name="connsiteY3461" fmla="*/ 594684 h 800786"/>
                <a:gd name="connsiteX3462" fmla="*/ 1314307 w 2044700"/>
                <a:gd name="connsiteY3462" fmla="*/ 596307 h 800786"/>
                <a:gd name="connsiteX3463" fmla="*/ 1319177 w 2044700"/>
                <a:gd name="connsiteY3463" fmla="*/ 596307 h 800786"/>
                <a:gd name="connsiteX3464" fmla="*/ 1320800 w 2044700"/>
                <a:gd name="connsiteY3464" fmla="*/ 594684 h 800786"/>
                <a:gd name="connsiteX3465" fmla="*/ 1324046 w 2044700"/>
                <a:gd name="connsiteY3465" fmla="*/ 594684 h 800786"/>
                <a:gd name="connsiteX3466" fmla="*/ 1325669 w 2044700"/>
                <a:gd name="connsiteY3466" fmla="*/ 593061 h 800786"/>
                <a:gd name="connsiteX3467" fmla="*/ 1328916 w 2044700"/>
                <a:gd name="connsiteY3467" fmla="*/ 593061 h 800786"/>
                <a:gd name="connsiteX3468" fmla="*/ 1332162 w 2044700"/>
                <a:gd name="connsiteY3468" fmla="*/ 594684 h 800786"/>
                <a:gd name="connsiteX3469" fmla="*/ 1335408 w 2044700"/>
                <a:gd name="connsiteY3469" fmla="*/ 594684 h 800786"/>
                <a:gd name="connsiteX3470" fmla="*/ 1340277 w 2044700"/>
                <a:gd name="connsiteY3470" fmla="*/ 594684 h 800786"/>
                <a:gd name="connsiteX3471" fmla="*/ 1340277 w 2044700"/>
                <a:gd name="connsiteY3471" fmla="*/ 596307 h 800786"/>
                <a:gd name="connsiteX3472" fmla="*/ 1345147 w 2044700"/>
                <a:gd name="connsiteY3472" fmla="*/ 599553 h 800786"/>
                <a:gd name="connsiteX3473" fmla="*/ 1346770 w 2044700"/>
                <a:gd name="connsiteY3473" fmla="*/ 599553 h 800786"/>
                <a:gd name="connsiteX3474" fmla="*/ 1348393 w 2044700"/>
                <a:gd name="connsiteY3474" fmla="*/ 599553 h 800786"/>
                <a:gd name="connsiteX3475" fmla="*/ 1350016 w 2044700"/>
                <a:gd name="connsiteY3475" fmla="*/ 599553 h 800786"/>
                <a:gd name="connsiteX3476" fmla="*/ 1351639 w 2044700"/>
                <a:gd name="connsiteY3476" fmla="*/ 599553 h 800786"/>
                <a:gd name="connsiteX3477" fmla="*/ 1353262 w 2044700"/>
                <a:gd name="connsiteY3477" fmla="*/ 599553 h 800786"/>
                <a:gd name="connsiteX3478" fmla="*/ 1358131 w 2044700"/>
                <a:gd name="connsiteY3478" fmla="*/ 597930 h 800786"/>
                <a:gd name="connsiteX3479" fmla="*/ 1359754 w 2044700"/>
                <a:gd name="connsiteY3479" fmla="*/ 597930 h 800786"/>
                <a:gd name="connsiteX3480" fmla="*/ 1359754 w 2044700"/>
                <a:gd name="connsiteY3480" fmla="*/ 596307 h 800786"/>
                <a:gd name="connsiteX3481" fmla="*/ 1353262 w 2044700"/>
                <a:gd name="connsiteY3481" fmla="*/ 596307 h 800786"/>
                <a:gd name="connsiteX3482" fmla="*/ 1350016 w 2044700"/>
                <a:gd name="connsiteY3482" fmla="*/ 596307 h 800786"/>
                <a:gd name="connsiteX3483" fmla="*/ 1345147 w 2044700"/>
                <a:gd name="connsiteY3483" fmla="*/ 597930 h 800786"/>
                <a:gd name="connsiteX3484" fmla="*/ 1345147 w 2044700"/>
                <a:gd name="connsiteY3484" fmla="*/ 596307 h 800786"/>
                <a:gd name="connsiteX3485" fmla="*/ 1341900 w 2044700"/>
                <a:gd name="connsiteY3485" fmla="*/ 596307 h 800786"/>
                <a:gd name="connsiteX3486" fmla="*/ 1343524 w 2044700"/>
                <a:gd name="connsiteY3486" fmla="*/ 594684 h 800786"/>
                <a:gd name="connsiteX3487" fmla="*/ 1341900 w 2044700"/>
                <a:gd name="connsiteY3487" fmla="*/ 593061 h 800786"/>
                <a:gd name="connsiteX3488" fmla="*/ 1340277 w 2044700"/>
                <a:gd name="connsiteY3488" fmla="*/ 593061 h 800786"/>
                <a:gd name="connsiteX3489" fmla="*/ 1337031 w 2044700"/>
                <a:gd name="connsiteY3489" fmla="*/ 591438 h 800786"/>
                <a:gd name="connsiteX3490" fmla="*/ 1333785 w 2044700"/>
                <a:gd name="connsiteY3490" fmla="*/ 593061 h 800786"/>
                <a:gd name="connsiteX3491" fmla="*/ 1332162 w 2044700"/>
                <a:gd name="connsiteY3491" fmla="*/ 593061 h 800786"/>
                <a:gd name="connsiteX3492" fmla="*/ 1332162 w 2044700"/>
                <a:gd name="connsiteY3492" fmla="*/ 591438 h 800786"/>
                <a:gd name="connsiteX3493" fmla="*/ 1328916 w 2044700"/>
                <a:gd name="connsiteY3493" fmla="*/ 591438 h 800786"/>
                <a:gd name="connsiteX3494" fmla="*/ 1320800 w 2044700"/>
                <a:gd name="connsiteY3494" fmla="*/ 593061 h 800786"/>
                <a:gd name="connsiteX3495" fmla="*/ 1319177 w 2044700"/>
                <a:gd name="connsiteY3495" fmla="*/ 593061 h 800786"/>
                <a:gd name="connsiteX3496" fmla="*/ 1317554 w 2044700"/>
                <a:gd name="connsiteY3496" fmla="*/ 593061 h 800786"/>
                <a:gd name="connsiteX3497" fmla="*/ 1314307 w 2044700"/>
                <a:gd name="connsiteY3497" fmla="*/ 593061 h 800786"/>
                <a:gd name="connsiteX3498" fmla="*/ 1311061 w 2044700"/>
                <a:gd name="connsiteY3498" fmla="*/ 593061 h 800786"/>
                <a:gd name="connsiteX3499" fmla="*/ 1307815 w 2044700"/>
                <a:gd name="connsiteY3499" fmla="*/ 594684 h 800786"/>
                <a:gd name="connsiteX3500" fmla="*/ 1302946 w 2044700"/>
                <a:gd name="connsiteY3500" fmla="*/ 594684 h 800786"/>
                <a:gd name="connsiteX3501" fmla="*/ 1299700 w 2044700"/>
                <a:gd name="connsiteY3501" fmla="*/ 594684 h 800786"/>
                <a:gd name="connsiteX3502" fmla="*/ 1299700 w 2044700"/>
                <a:gd name="connsiteY3502" fmla="*/ 593061 h 800786"/>
                <a:gd name="connsiteX3503" fmla="*/ 1299700 w 2044700"/>
                <a:gd name="connsiteY3503" fmla="*/ 591438 h 800786"/>
                <a:gd name="connsiteX3504" fmla="*/ 1307815 w 2044700"/>
                <a:gd name="connsiteY3504" fmla="*/ 586570 h 800786"/>
                <a:gd name="connsiteX3505" fmla="*/ 1309438 w 2044700"/>
                <a:gd name="connsiteY3505" fmla="*/ 584947 h 800786"/>
                <a:gd name="connsiteX3506" fmla="*/ 1311061 w 2044700"/>
                <a:gd name="connsiteY3506" fmla="*/ 583324 h 800786"/>
                <a:gd name="connsiteX3507" fmla="*/ 1312684 w 2044700"/>
                <a:gd name="connsiteY3507" fmla="*/ 583324 h 800786"/>
                <a:gd name="connsiteX3508" fmla="*/ 1317554 w 2044700"/>
                <a:gd name="connsiteY3508" fmla="*/ 581701 h 800786"/>
                <a:gd name="connsiteX3509" fmla="*/ 1320800 w 2044700"/>
                <a:gd name="connsiteY3509" fmla="*/ 581701 h 800786"/>
                <a:gd name="connsiteX3510" fmla="*/ 1327292 w 2044700"/>
                <a:gd name="connsiteY3510" fmla="*/ 581701 h 800786"/>
                <a:gd name="connsiteX3511" fmla="*/ 1328916 w 2044700"/>
                <a:gd name="connsiteY3511" fmla="*/ 581701 h 800786"/>
                <a:gd name="connsiteX3512" fmla="*/ 1333785 w 2044700"/>
                <a:gd name="connsiteY3512" fmla="*/ 584947 h 800786"/>
                <a:gd name="connsiteX3513" fmla="*/ 1335408 w 2044700"/>
                <a:gd name="connsiteY3513" fmla="*/ 584947 h 800786"/>
                <a:gd name="connsiteX3514" fmla="*/ 1338654 w 2044700"/>
                <a:gd name="connsiteY3514" fmla="*/ 584947 h 800786"/>
                <a:gd name="connsiteX3515" fmla="*/ 1340277 w 2044700"/>
                <a:gd name="connsiteY3515" fmla="*/ 584947 h 800786"/>
                <a:gd name="connsiteX3516" fmla="*/ 1343524 w 2044700"/>
                <a:gd name="connsiteY3516" fmla="*/ 584947 h 800786"/>
                <a:gd name="connsiteX3517" fmla="*/ 1345147 w 2044700"/>
                <a:gd name="connsiteY3517" fmla="*/ 584947 h 800786"/>
                <a:gd name="connsiteX3518" fmla="*/ 1345147 w 2044700"/>
                <a:gd name="connsiteY3518" fmla="*/ 586570 h 800786"/>
                <a:gd name="connsiteX3519" fmla="*/ 1346770 w 2044700"/>
                <a:gd name="connsiteY3519" fmla="*/ 586570 h 800786"/>
                <a:gd name="connsiteX3520" fmla="*/ 1351639 w 2044700"/>
                <a:gd name="connsiteY3520" fmla="*/ 589816 h 800786"/>
                <a:gd name="connsiteX3521" fmla="*/ 1353262 w 2044700"/>
                <a:gd name="connsiteY3521" fmla="*/ 588193 h 800786"/>
                <a:gd name="connsiteX3522" fmla="*/ 1358131 w 2044700"/>
                <a:gd name="connsiteY3522" fmla="*/ 588193 h 800786"/>
                <a:gd name="connsiteX3523" fmla="*/ 1363001 w 2044700"/>
                <a:gd name="connsiteY3523" fmla="*/ 588193 h 800786"/>
                <a:gd name="connsiteX3524" fmla="*/ 1359754 w 2044700"/>
                <a:gd name="connsiteY3524" fmla="*/ 586570 h 800786"/>
                <a:gd name="connsiteX3525" fmla="*/ 1356508 w 2044700"/>
                <a:gd name="connsiteY3525" fmla="*/ 586570 h 800786"/>
                <a:gd name="connsiteX3526" fmla="*/ 1356508 w 2044700"/>
                <a:gd name="connsiteY3526" fmla="*/ 584947 h 800786"/>
                <a:gd name="connsiteX3527" fmla="*/ 1358131 w 2044700"/>
                <a:gd name="connsiteY3527" fmla="*/ 583324 h 800786"/>
                <a:gd name="connsiteX3528" fmla="*/ 1363001 w 2044700"/>
                <a:gd name="connsiteY3528" fmla="*/ 583324 h 800786"/>
                <a:gd name="connsiteX3529" fmla="*/ 1364624 w 2044700"/>
                <a:gd name="connsiteY3529" fmla="*/ 583324 h 800786"/>
                <a:gd name="connsiteX3530" fmla="*/ 1366247 w 2044700"/>
                <a:gd name="connsiteY3530" fmla="*/ 583324 h 800786"/>
                <a:gd name="connsiteX3531" fmla="*/ 1366247 w 2044700"/>
                <a:gd name="connsiteY3531" fmla="*/ 581701 h 800786"/>
                <a:gd name="connsiteX3532" fmla="*/ 1364624 w 2044700"/>
                <a:gd name="connsiteY3532" fmla="*/ 580078 h 800786"/>
                <a:gd name="connsiteX3533" fmla="*/ 1363001 w 2044700"/>
                <a:gd name="connsiteY3533" fmla="*/ 580078 h 800786"/>
                <a:gd name="connsiteX3534" fmla="*/ 1364624 w 2044700"/>
                <a:gd name="connsiteY3534" fmla="*/ 578456 h 800786"/>
                <a:gd name="connsiteX3535" fmla="*/ 1364624 w 2044700"/>
                <a:gd name="connsiteY3535" fmla="*/ 576833 h 800786"/>
                <a:gd name="connsiteX3536" fmla="*/ 1363001 w 2044700"/>
                <a:gd name="connsiteY3536" fmla="*/ 575210 h 800786"/>
                <a:gd name="connsiteX3537" fmla="*/ 1361378 w 2044700"/>
                <a:gd name="connsiteY3537" fmla="*/ 573587 h 800786"/>
                <a:gd name="connsiteX3538" fmla="*/ 1359754 w 2044700"/>
                <a:gd name="connsiteY3538" fmla="*/ 573587 h 800786"/>
                <a:gd name="connsiteX3539" fmla="*/ 1356508 w 2044700"/>
                <a:gd name="connsiteY3539" fmla="*/ 575210 h 800786"/>
                <a:gd name="connsiteX3540" fmla="*/ 1356508 w 2044700"/>
                <a:gd name="connsiteY3540" fmla="*/ 573587 h 800786"/>
                <a:gd name="connsiteX3541" fmla="*/ 1351639 w 2044700"/>
                <a:gd name="connsiteY3541" fmla="*/ 571964 h 800786"/>
                <a:gd name="connsiteX3542" fmla="*/ 1351639 w 2044700"/>
                <a:gd name="connsiteY3542" fmla="*/ 570341 h 800786"/>
                <a:gd name="connsiteX3543" fmla="*/ 1350016 w 2044700"/>
                <a:gd name="connsiteY3543" fmla="*/ 567096 h 800786"/>
                <a:gd name="connsiteX3544" fmla="*/ 1348393 w 2044700"/>
                <a:gd name="connsiteY3544" fmla="*/ 567096 h 800786"/>
                <a:gd name="connsiteX3545" fmla="*/ 1348393 w 2044700"/>
                <a:gd name="connsiteY3545" fmla="*/ 565473 h 800786"/>
                <a:gd name="connsiteX3546" fmla="*/ 1348393 w 2044700"/>
                <a:gd name="connsiteY3546" fmla="*/ 562227 h 800786"/>
                <a:gd name="connsiteX3547" fmla="*/ 1350016 w 2044700"/>
                <a:gd name="connsiteY3547" fmla="*/ 560604 h 800786"/>
                <a:gd name="connsiteX3548" fmla="*/ 1351639 w 2044700"/>
                <a:gd name="connsiteY3548" fmla="*/ 558981 h 800786"/>
                <a:gd name="connsiteX3549" fmla="*/ 1348393 w 2044700"/>
                <a:gd name="connsiteY3549" fmla="*/ 557359 h 800786"/>
                <a:gd name="connsiteX3550" fmla="*/ 1348393 w 2044700"/>
                <a:gd name="connsiteY3550" fmla="*/ 555736 h 800786"/>
                <a:gd name="connsiteX3551" fmla="*/ 1346770 w 2044700"/>
                <a:gd name="connsiteY3551" fmla="*/ 554113 h 800786"/>
                <a:gd name="connsiteX3552" fmla="*/ 1351639 w 2044700"/>
                <a:gd name="connsiteY3552" fmla="*/ 552490 h 800786"/>
                <a:gd name="connsiteX3553" fmla="*/ 1351639 w 2044700"/>
                <a:gd name="connsiteY3553" fmla="*/ 550867 h 800786"/>
                <a:gd name="connsiteX3554" fmla="*/ 1351639 w 2044700"/>
                <a:gd name="connsiteY3554" fmla="*/ 547621 h 800786"/>
                <a:gd name="connsiteX3555" fmla="*/ 1348393 w 2044700"/>
                <a:gd name="connsiteY3555" fmla="*/ 547621 h 800786"/>
                <a:gd name="connsiteX3556" fmla="*/ 1348393 w 2044700"/>
                <a:gd name="connsiteY3556" fmla="*/ 544376 h 800786"/>
                <a:gd name="connsiteX3557" fmla="*/ 1350016 w 2044700"/>
                <a:gd name="connsiteY3557" fmla="*/ 541130 h 800786"/>
                <a:gd name="connsiteX3558" fmla="*/ 1351639 w 2044700"/>
                <a:gd name="connsiteY3558" fmla="*/ 542753 h 800786"/>
                <a:gd name="connsiteX3559" fmla="*/ 1353262 w 2044700"/>
                <a:gd name="connsiteY3559" fmla="*/ 542753 h 800786"/>
                <a:gd name="connsiteX3560" fmla="*/ 1356508 w 2044700"/>
                <a:gd name="connsiteY3560" fmla="*/ 544376 h 800786"/>
                <a:gd name="connsiteX3561" fmla="*/ 1358131 w 2044700"/>
                <a:gd name="connsiteY3561" fmla="*/ 544376 h 800786"/>
                <a:gd name="connsiteX3562" fmla="*/ 1361378 w 2044700"/>
                <a:gd name="connsiteY3562" fmla="*/ 545999 h 800786"/>
                <a:gd name="connsiteX3563" fmla="*/ 1363001 w 2044700"/>
                <a:gd name="connsiteY3563" fmla="*/ 537884 h 800786"/>
                <a:gd name="connsiteX3564" fmla="*/ 1358131 w 2044700"/>
                <a:gd name="connsiteY3564" fmla="*/ 539507 h 800786"/>
                <a:gd name="connsiteX3565" fmla="*/ 1358131 w 2044700"/>
                <a:gd name="connsiteY3565" fmla="*/ 536262 h 800786"/>
                <a:gd name="connsiteX3566" fmla="*/ 1354885 w 2044700"/>
                <a:gd name="connsiteY3566" fmla="*/ 533016 h 800786"/>
                <a:gd name="connsiteX3567" fmla="*/ 1353262 w 2044700"/>
                <a:gd name="connsiteY3567" fmla="*/ 533016 h 800786"/>
                <a:gd name="connsiteX3568" fmla="*/ 1353262 w 2044700"/>
                <a:gd name="connsiteY3568" fmla="*/ 531393 h 800786"/>
                <a:gd name="connsiteX3569" fmla="*/ 1354885 w 2044700"/>
                <a:gd name="connsiteY3569" fmla="*/ 528147 h 800786"/>
                <a:gd name="connsiteX3570" fmla="*/ 1358131 w 2044700"/>
                <a:gd name="connsiteY3570" fmla="*/ 526524 h 800786"/>
                <a:gd name="connsiteX3571" fmla="*/ 1361378 w 2044700"/>
                <a:gd name="connsiteY3571" fmla="*/ 524902 h 800786"/>
                <a:gd name="connsiteX3572" fmla="*/ 1361378 w 2044700"/>
                <a:gd name="connsiteY3572" fmla="*/ 523279 h 800786"/>
                <a:gd name="connsiteX3573" fmla="*/ 1359754 w 2044700"/>
                <a:gd name="connsiteY3573" fmla="*/ 520033 h 800786"/>
                <a:gd name="connsiteX3574" fmla="*/ 1361378 w 2044700"/>
                <a:gd name="connsiteY3574" fmla="*/ 518410 h 800786"/>
                <a:gd name="connsiteX3575" fmla="*/ 1363001 w 2044700"/>
                <a:gd name="connsiteY3575" fmla="*/ 518410 h 800786"/>
                <a:gd name="connsiteX3576" fmla="*/ 1364624 w 2044700"/>
                <a:gd name="connsiteY3576" fmla="*/ 515164 h 800786"/>
                <a:gd name="connsiteX3577" fmla="*/ 1363001 w 2044700"/>
                <a:gd name="connsiteY3577" fmla="*/ 513542 h 800786"/>
                <a:gd name="connsiteX3578" fmla="*/ 1363001 w 2044700"/>
                <a:gd name="connsiteY3578" fmla="*/ 511919 h 800786"/>
                <a:gd name="connsiteX3579" fmla="*/ 1363001 w 2044700"/>
                <a:gd name="connsiteY3579" fmla="*/ 510296 h 800786"/>
                <a:gd name="connsiteX3580" fmla="*/ 1359754 w 2044700"/>
                <a:gd name="connsiteY3580" fmla="*/ 508673 h 800786"/>
                <a:gd name="connsiteX3581" fmla="*/ 1354885 w 2044700"/>
                <a:gd name="connsiteY3581" fmla="*/ 510296 h 800786"/>
                <a:gd name="connsiteX3582" fmla="*/ 1351639 w 2044700"/>
                <a:gd name="connsiteY3582" fmla="*/ 510296 h 800786"/>
                <a:gd name="connsiteX3583" fmla="*/ 1348393 w 2044700"/>
                <a:gd name="connsiteY3583" fmla="*/ 510296 h 800786"/>
                <a:gd name="connsiteX3584" fmla="*/ 1346770 w 2044700"/>
                <a:gd name="connsiteY3584" fmla="*/ 508673 h 800786"/>
                <a:gd name="connsiteX3585" fmla="*/ 1343524 w 2044700"/>
                <a:gd name="connsiteY3585" fmla="*/ 508673 h 800786"/>
                <a:gd name="connsiteX3586" fmla="*/ 1341900 w 2044700"/>
                <a:gd name="connsiteY3586" fmla="*/ 510296 h 800786"/>
                <a:gd name="connsiteX3587" fmla="*/ 1338654 w 2044700"/>
                <a:gd name="connsiteY3587" fmla="*/ 511919 h 800786"/>
                <a:gd name="connsiteX3588" fmla="*/ 1337031 w 2044700"/>
                <a:gd name="connsiteY3588" fmla="*/ 510296 h 800786"/>
                <a:gd name="connsiteX3589" fmla="*/ 1332162 w 2044700"/>
                <a:gd name="connsiteY3589" fmla="*/ 510296 h 800786"/>
                <a:gd name="connsiteX3590" fmla="*/ 1328916 w 2044700"/>
                <a:gd name="connsiteY3590" fmla="*/ 510296 h 800786"/>
                <a:gd name="connsiteX3591" fmla="*/ 1324046 w 2044700"/>
                <a:gd name="connsiteY3591" fmla="*/ 508673 h 800786"/>
                <a:gd name="connsiteX3592" fmla="*/ 1322423 w 2044700"/>
                <a:gd name="connsiteY3592" fmla="*/ 507050 h 800786"/>
                <a:gd name="connsiteX3593" fmla="*/ 1319177 w 2044700"/>
                <a:gd name="connsiteY3593" fmla="*/ 503804 h 800786"/>
                <a:gd name="connsiteX3594" fmla="*/ 1319177 w 2044700"/>
                <a:gd name="connsiteY3594" fmla="*/ 502182 h 800786"/>
                <a:gd name="connsiteX3595" fmla="*/ 1317554 w 2044700"/>
                <a:gd name="connsiteY3595" fmla="*/ 500559 h 800786"/>
                <a:gd name="connsiteX3596" fmla="*/ 1311061 w 2044700"/>
                <a:gd name="connsiteY3596" fmla="*/ 500559 h 800786"/>
                <a:gd name="connsiteX3597" fmla="*/ 1306192 w 2044700"/>
                <a:gd name="connsiteY3597" fmla="*/ 498936 h 800786"/>
                <a:gd name="connsiteX3598" fmla="*/ 1302946 w 2044700"/>
                <a:gd name="connsiteY3598" fmla="*/ 498936 h 800786"/>
                <a:gd name="connsiteX3599" fmla="*/ 1301323 w 2044700"/>
                <a:gd name="connsiteY3599" fmla="*/ 498936 h 800786"/>
                <a:gd name="connsiteX3600" fmla="*/ 1298076 w 2044700"/>
                <a:gd name="connsiteY3600" fmla="*/ 498936 h 800786"/>
                <a:gd name="connsiteX3601" fmla="*/ 1296453 w 2044700"/>
                <a:gd name="connsiteY3601" fmla="*/ 497313 h 800786"/>
                <a:gd name="connsiteX3602" fmla="*/ 1293207 w 2044700"/>
                <a:gd name="connsiteY3602" fmla="*/ 495690 h 800786"/>
                <a:gd name="connsiteX3603" fmla="*/ 1289961 w 2044700"/>
                <a:gd name="connsiteY3603" fmla="*/ 494067 h 800786"/>
                <a:gd name="connsiteX3604" fmla="*/ 1288338 w 2044700"/>
                <a:gd name="connsiteY3604" fmla="*/ 490822 h 800786"/>
                <a:gd name="connsiteX3605" fmla="*/ 1288338 w 2044700"/>
                <a:gd name="connsiteY3605" fmla="*/ 489199 h 800786"/>
                <a:gd name="connsiteX3606" fmla="*/ 1288338 w 2044700"/>
                <a:gd name="connsiteY3606" fmla="*/ 487576 h 800786"/>
                <a:gd name="connsiteX3607" fmla="*/ 1291584 w 2044700"/>
                <a:gd name="connsiteY3607" fmla="*/ 485953 h 800786"/>
                <a:gd name="connsiteX3608" fmla="*/ 1296453 w 2044700"/>
                <a:gd name="connsiteY3608" fmla="*/ 485953 h 800786"/>
                <a:gd name="connsiteX3609" fmla="*/ 1302946 w 2044700"/>
                <a:gd name="connsiteY3609" fmla="*/ 485953 h 800786"/>
                <a:gd name="connsiteX3610" fmla="*/ 1306192 w 2044700"/>
                <a:gd name="connsiteY3610" fmla="*/ 485953 h 800786"/>
                <a:gd name="connsiteX3611" fmla="*/ 1309438 w 2044700"/>
                <a:gd name="connsiteY3611" fmla="*/ 484330 h 800786"/>
                <a:gd name="connsiteX3612" fmla="*/ 1314307 w 2044700"/>
                <a:gd name="connsiteY3612" fmla="*/ 487576 h 800786"/>
                <a:gd name="connsiteX3613" fmla="*/ 1317554 w 2044700"/>
                <a:gd name="connsiteY3613" fmla="*/ 487576 h 800786"/>
                <a:gd name="connsiteX3614" fmla="*/ 1320800 w 2044700"/>
                <a:gd name="connsiteY3614" fmla="*/ 489199 h 800786"/>
                <a:gd name="connsiteX3615" fmla="*/ 1324046 w 2044700"/>
                <a:gd name="connsiteY3615" fmla="*/ 489199 h 800786"/>
                <a:gd name="connsiteX3616" fmla="*/ 1327292 w 2044700"/>
                <a:gd name="connsiteY3616" fmla="*/ 490822 h 800786"/>
                <a:gd name="connsiteX3617" fmla="*/ 1332162 w 2044700"/>
                <a:gd name="connsiteY3617" fmla="*/ 494067 h 800786"/>
                <a:gd name="connsiteX3618" fmla="*/ 1335408 w 2044700"/>
                <a:gd name="connsiteY3618" fmla="*/ 494067 h 800786"/>
                <a:gd name="connsiteX3619" fmla="*/ 1337031 w 2044700"/>
                <a:gd name="connsiteY3619" fmla="*/ 497313 h 800786"/>
                <a:gd name="connsiteX3620" fmla="*/ 1341900 w 2044700"/>
                <a:gd name="connsiteY3620" fmla="*/ 497313 h 800786"/>
                <a:gd name="connsiteX3621" fmla="*/ 1343524 w 2044700"/>
                <a:gd name="connsiteY3621" fmla="*/ 497313 h 800786"/>
                <a:gd name="connsiteX3622" fmla="*/ 1345147 w 2044700"/>
                <a:gd name="connsiteY3622" fmla="*/ 498936 h 800786"/>
                <a:gd name="connsiteX3623" fmla="*/ 1346770 w 2044700"/>
                <a:gd name="connsiteY3623" fmla="*/ 498936 h 800786"/>
                <a:gd name="connsiteX3624" fmla="*/ 1350016 w 2044700"/>
                <a:gd name="connsiteY3624" fmla="*/ 498936 h 800786"/>
                <a:gd name="connsiteX3625" fmla="*/ 1351639 w 2044700"/>
                <a:gd name="connsiteY3625" fmla="*/ 498936 h 800786"/>
                <a:gd name="connsiteX3626" fmla="*/ 1354885 w 2044700"/>
                <a:gd name="connsiteY3626" fmla="*/ 497313 h 800786"/>
                <a:gd name="connsiteX3627" fmla="*/ 1353262 w 2044700"/>
                <a:gd name="connsiteY3627" fmla="*/ 495690 h 800786"/>
                <a:gd name="connsiteX3628" fmla="*/ 1351639 w 2044700"/>
                <a:gd name="connsiteY3628" fmla="*/ 492445 h 800786"/>
                <a:gd name="connsiteX3629" fmla="*/ 1350016 w 2044700"/>
                <a:gd name="connsiteY3629" fmla="*/ 490822 h 800786"/>
                <a:gd name="connsiteX3630" fmla="*/ 1351639 w 2044700"/>
                <a:gd name="connsiteY3630" fmla="*/ 487576 h 800786"/>
                <a:gd name="connsiteX3631" fmla="*/ 1351639 w 2044700"/>
                <a:gd name="connsiteY3631" fmla="*/ 485953 h 800786"/>
                <a:gd name="connsiteX3632" fmla="*/ 1348393 w 2044700"/>
                <a:gd name="connsiteY3632" fmla="*/ 484330 h 800786"/>
                <a:gd name="connsiteX3633" fmla="*/ 1346770 w 2044700"/>
                <a:gd name="connsiteY3633" fmla="*/ 482707 h 800786"/>
                <a:gd name="connsiteX3634" fmla="*/ 1345147 w 2044700"/>
                <a:gd name="connsiteY3634" fmla="*/ 479462 h 800786"/>
                <a:gd name="connsiteX3635" fmla="*/ 1343524 w 2044700"/>
                <a:gd name="connsiteY3635" fmla="*/ 477839 h 800786"/>
                <a:gd name="connsiteX3636" fmla="*/ 1340277 w 2044700"/>
                <a:gd name="connsiteY3636" fmla="*/ 474593 h 800786"/>
                <a:gd name="connsiteX3637" fmla="*/ 1335408 w 2044700"/>
                <a:gd name="connsiteY3637" fmla="*/ 474593 h 800786"/>
                <a:gd name="connsiteX3638" fmla="*/ 1333785 w 2044700"/>
                <a:gd name="connsiteY3638" fmla="*/ 474593 h 800786"/>
                <a:gd name="connsiteX3639" fmla="*/ 1333785 w 2044700"/>
                <a:gd name="connsiteY3639" fmla="*/ 472970 h 800786"/>
                <a:gd name="connsiteX3640" fmla="*/ 1335408 w 2044700"/>
                <a:gd name="connsiteY3640" fmla="*/ 471347 h 800786"/>
                <a:gd name="connsiteX3641" fmla="*/ 1338654 w 2044700"/>
                <a:gd name="connsiteY3641" fmla="*/ 468102 h 800786"/>
                <a:gd name="connsiteX3642" fmla="*/ 1338654 w 2044700"/>
                <a:gd name="connsiteY3642" fmla="*/ 466479 h 800786"/>
                <a:gd name="connsiteX3643" fmla="*/ 1340277 w 2044700"/>
                <a:gd name="connsiteY3643" fmla="*/ 463233 h 800786"/>
                <a:gd name="connsiteX3644" fmla="*/ 1341900 w 2044700"/>
                <a:gd name="connsiteY3644" fmla="*/ 463233 h 800786"/>
                <a:gd name="connsiteX3645" fmla="*/ 1338654 w 2044700"/>
                <a:gd name="connsiteY3645" fmla="*/ 459987 h 800786"/>
                <a:gd name="connsiteX3646" fmla="*/ 1333785 w 2044700"/>
                <a:gd name="connsiteY3646" fmla="*/ 461610 h 800786"/>
                <a:gd name="connsiteX3647" fmla="*/ 1332162 w 2044700"/>
                <a:gd name="connsiteY3647" fmla="*/ 463233 h 800786"/>
                <a:gd name="connsiteX3648" fmla="*/ 1330539 w 2044700"/>
                <a:gd name="connsiteY3648" fmla="*/ 463233 h 800786"/>
                <a:gd name="connsiteX3649" fmla="*/ 1328916 w 2044700"/>
                <a:gd name="connsiteY3649" fmla="*/ 463233 h 800786"/>
                <a:gd name="connsiteX3650" fmla="*/ 1325669 w 2044700"/>
                <a:gd name="connsiteY3650" fmla="*/ 461610 h 800786"/>
                <a:gd name="connsiteX3651" fmla="*/ 1325669 w 2044700"/>
                <a:gd name="connsiteY3651" fmla="*/ 459987 h 800786"/>
                <a:gd name="connsiteX3652" fmla="*/ 1325669 w 2044700"/>
                <a:gd name="connsiteY3652" fmla="*/ 458365 h 800786"/>
                <a:gd name="connsiteX3653" fmla="*/ 1320800 w 2044700"/>
                <a:gd name="connsiteY3653" fmla="*/ 458365 h 800786"/>
                <a:gd name="connsiteX3654" fmla="*/ 1319177 w 2044700"/>
                <a:gd name="connsiteY3654" fmla="*/ 456742 h 800786"/>
                <a:gd name="connsiteX3655" fmla="*/ 1317554 w 2044700"/>
                <a:gd name="connsiteY3655" fmla="*/ 456742 h 800786"/>
                <a:gd name="connsiteX3656" fmla="*/ 1315930 w 2044700"/>
                <a:gd name="connsiteY3656" fmla="*/ 456742 h 800786"/>
                <a:gd name="connsiteX3657" fmla="*/ 1312684 w 2044700"/>
                <a:gd name="connsiteY3657" fmla="*/ 456742 h 800786"/>
                <a:gd name="connsiteX3658" fmla="*/ 1312684 w 2044700"/>
                <a:gd name="connsiteY3658" fmla="*/ 455119 h 800786"/>
                <a:gd name="connsiteX3659" fmla="*/ 1312684 w 2044700"/>
                <a:gd name="connsiteY3659" fmla="*/ 453496 h 800786"/>
                <a:gd name="connsiteX3660" fmla="*/ 1314307 w 2044700"/>
                <a:gd name="connsiteY3660" fmla="*/ 450250 h 800786"/>
                <a:gd name="connsiteX3661" fmla="*/ 1314307 w 2044700"/>
                <a:gd name="connsiteY3661" fmla="*/ 448627 h 800786"/>
                <a:gd name="connsiteX3662" fmla="*/ 1312684 w 2044700"/>
                <a:gd name="connsiteY3662" fmla="*/ 448627 h 800786"/>
                <a:gd name="connsiteX3663" fmla="*/ 1309438 w 2044700"/>
                <a:gd name="connsiteY3663" fmla="*/ 450250 h 800786"/>
                <a:gd name="connsiteX3664" fmla="*/ 1306192 w 2044700"/>
                <a:gd name="connsiteY3664" fmla="*/ 448627 h 800786"/>
                <a:gd name="connsiteX3665" fmla="*/ 1304569 w 2044700"/>
                <a:gd name="connsiteY3665" fmla="*/ 445382 h 800786"/>
                <a:gd name="connsiteX3666" fmla="*/ 1301323 w 2044700"/>
                <a:gd name="connsiteY3666" fmla="*/ 443759 h 800786"/>
                <a:gd name="connsiteX3667" fmla="*/ 1299700 w 2044700"/>
                <a:gd name="connsiteY3667" fmla="*/ 437267 h 800786"/>
                <a:gd name="connsiteX3668" fmla="*/ 1299700 w 2044700"/>
                <a:gd name="connsiteY3668" fmla="*/ 434022 h 800786"/>
                <a:gd name="connsiteX3669" fmla="*/ 1298076 w 2044700"/>
                <a:gd name="connsiteY3669" fmla="*/ 437267 h 800786"/>
                <a:gd name="connsiteX3670" fmla="*/ 1299700 w 2044700"/>
                <a:gd name="connsiteY3670" fmla="*/ 440513 h 800786"/>
                <a:gd name="connsiteX3671" fmla="*/ 1301323 w 2044700"/>
                <a:gd name="connsiteY3671" fmla="*/ 443759 h 800786"/>
                <a:gd name="connsiteX3672" fmla="*/ 1302946 w 2044700"/>
                <a:gd name="connsiteY3672" fmla="*/ 447005 h 800786"/>
                <a:gd name="connsiteX3673" fmla="*/ 1304569 w 2044700"/>
                <a:gd name="connsiteY3673" fmla="*/ 451873 h 800786"/>
                <a:gd name="connsiteX3674" fmla="*/ 1302946 w 2044700"/>
                <a:gd name="connsiteY3674" fmla="*/ 453496 h 800786"/>
                <a:gd name="connsiteX3675" fmla="*/ 1299700 w 2044700"/>
                <a:gd name="connsiteY3675" fmla="*/ 455119 h 800786"/>
                <a:gd name="connsiteX3676" fmla="*/ 1298076 w 2044700"/>
                <a:gd name="connsiteY3676" fmla="*/ 459987 h 800786"/>
                <a:gd name="connsiteX3677" fmla="*/ 1294830 w 2044700"/>
                <a:gd name="connsiteY3677" fmla="*/ 463233 h 800786"/>
                <a:gd name="connsiteX3678" fmla="*/ 1291584 w 2044700"/>
                <a:gd name="connsiteY3678" fmla="*/ 464856 h 800786"/>
                <a:gd name="connsiteX3679" fmla="*/ 1281846 w 2044700"/>
                <a:gd name="connsiteY3679" fmla="*/ 464856 h 800786"/>
                <a:gd name="connsiteX3680" fmla="*/ 1280222 w 2044700"/>
                <a:gd name="connsiteY3680" fmla="*/ 463233 h 800786"/>
                <a:gd name="connsiteX3681" fmla="*/ 1276976 w 2044700"/>
                <a:gd name="connsiteY3681" fmla="*/ 463233 h 800786"/>
                <a:gd name="connsiteX3682" fmla="*/ 1272107 w 2044700"/>
                <a:gd name="connsiteY3682" fmla="*/ 464856 h 800786"/>
                <a:gd name="connsiteX3683" fmla="*/ 1268861 w 2044700"/>
                <a:gd name="connsiteY3683" fmla="*/ 463233 h 800786"/>
                <a:gd name="connsiteX3684" fmla="*/ 1265615 w 2044700"/>
                <a:gd name="connsiteY3684" fmla="*/ 459987 h 800786"/>
                <a:gd name="connsiteX3685" fmla="*/ 1265615 w 2044700"/>
                <a:gd name="connsiteY3685" fmla="*/ 456742 h 800786"/>
                <a:gd name="connsiteX3686" fmla="*/ 1267238 w 2044700"/>
                <a:gd name="connsiteY3686" fmla="*/ 455119 h 800786"/>
                <a:gd name="connsiteX3687" fmla="*/ 1270484 w 2044700"/>
                <a:gd name="connsiteY3687" fmla="*/ 455119 h 800786"/>
                <a:gd name="connsiteX3688" fmla="*/ 1272107 w 2044700"/>
                <a:gd name="connsiteY3688" fmla="*/ 453496 h 800786"/>
                <a:gd name="connsiteX3689" fmla="*/ 1275353 w 2044700"/>
                <a:gd name="connsiteY3689" fmla="*/ 453496 h 800786"/>
                <a:gd name="connsiteX3690" fmla="*/ 1280222 w 2044700"/>
                <a:gd name="connsiteY3690" fmla="*/ 450250 h 800786"/>
                <a:gd name="connsiteX3691" fmla="*/ 1281846 w 2044700"/>
                <a:gd name="connsiteY3691" fmla="*/ 448627 h 800786"/>
                <a:gd name="connsiteX3692" fmla="*/ 1283469 w 2044700"/>
                <a:gd name="connsiteY3692" fmla="*/ 447005 h 800786"/>
                <a:gd name="connsiteX3693" fmla="*/ 1285092 w 2044700"/>
                <a:gd name="connsiteY3693" fmla="*/ 445382 h 800786"/>
                <a:gd name="connsiteX3694" fmla="*/ 1285092 w 2044700"/>
                <a:gd name="connsiteY3694" fmla="*/ 443759 h 800786"/>
                <a:gd name="connsiteX3695" fmla="*/ 1283469 w 2044700"/>
                <a:gd name="connsiteY3695" fmla="*/ 443759 h 800786"/>
                <a:gd name="connsiteX3696" fmla="*/ 1278599 w 2044700"/>
                <a:gd name="connsiteY3696" fmla="*/ 447005 h 800786"/>
                <a:gd name="connsiteX3697" fmla="*/ 1276976 w 2044700"/>
                <a:gd name="connsiteY3697" fmla="*/ 450250 h 800786"/>
                <a:gd name="connsiteX3698" fmla="*/ 1273730 w 2044700"/>
                <a:gd name="connsiteY3698" fmla="*/ 448627 h 800786"/>
                <a:gd name="connsiteX3699" fmla="*/ 1272107 w 2044700"/>
                <a:gd name="connsiteY3699" fmla="*/ 448627 h 800786"/>
                <a:gd name="connsiteX3700" fmla="*/ 1275353 w 2044700"/>
                <a:gd name="connsiteY3700" fmla="*/ 447005 h 800786"/>
                <a:gd name="connsiteX3701" fmla="*/ 1278599 w 2044700"/>
                <a:gd name="connsiteY3701" fmla="*/ 442136 h 800786"/>
                <a:gd name="connsiteX3702" fmla="*/ 1280222 w 2044700"/>
                <a:gd name="connsiteY3702" fmla="*/ 440513 h 800786"/>
                <a:gd name="connsiteX3703" fmla="*/ 1281846 w 2044700"/>
                <a:gd name="connsiteY3703" fmla="*/ 438890 h 800786"/>
                <a:gd name="connsiteX3704" fmla="*/ 1283469 w 2044700"/>
                <a:gd name="connsiteY3704" fmla="*/ 435645 h 800786"/>
                <a:gd name="connsiteX3705" fmla="*/ 1285092 w 2044700"/>
                <a:gd name="connsiteY3705" fmla="*/ 432399 h 800786"/>
                <a:gd name="connsiteX3706" fmla="*/ 1288338 w 2044700"/>
                <a:gd name="connsiteY3706" fmla="*/ 432399 h 800786"/>
                <a:gd name="connsiteX3707" fmla="*/ 1288338 w 2044700"/>
                <a:gd name="connsiteY3707" fmla="*/ 429153 h 800786"/>
                <a:gd name="connsiteX3708" fmla="*/ 1283469 w 2044700"/>
                <a:gd name="connsiteY3708" fmla="*/ 427530 h 800786"/>
                <a:gd name="connsiteX3709" fmla="*/ 1281846 w 2044700"/>
                <a:gd name="connsiteY3709" fmla="*/ 424285 h 800786"/>
                <a:gd name="connsiteX3710" fmla="*/ 1283469 w 2044700"/>
                <a:gd name="connsiteY3710" fmla="*/ 421039 h 800786"/>
                <a:gd name="connsiteX3711" fmla="*/ 1283469 w 2044700"/>
                <a:gd name="connsiteY3711" fmla="*/ 417793 h 800786"/>
                <a:gd name="connsiteX3712" fmla="*/ 1283469 w 2044700"/>
                <a:gd name="connsiteY3712" fmla="*/ 414548 h 800786"/>
                <a:gd name="connsiteX3713" fmla="*/ 1280222 w 2044700"/>
                <a:gd name="connsiteY3713" fmla="*/ 412925 h 800786"/>
                <a:gd name="connsiteX3714" fmla="*/ 1278599 w 2044700"/>
                <a:gd name="connsiteY3714" fmla="*/ 412925 h 800786"/>
                <a:gd name="connsiteX3715" fmla="*/ 1275353 w 2044700"/>
                <a:gd name="connsiteY3715" fmla="*/ 412925 h 800786"/>
                <a:gd name="connsiteX3716" fmla="*/ 1272107 w 2044700"/>
                <a:gd name="connsiteY3716" fmla="*/ 411302 h 800786"/>
                <a:gd name="connsiteX3717" fmla="*/ 1270484 w 2044700"/>
                <a:gd name="connsiteY3717" fmla="*/ 412925 h 800786"/>
                <a:gd name="connsiteX3718" fmla="*/ 1272107 w 2044700"/>
                <a:gd name="connsiteY3718" fmla="*/ 404810 h 800786"/>
                <a:gd name="connsiteX3719" fmla="*/ 1273730 w 2044700"/>
                <a:gd name="connsiteY3719" fmla="*/ 401565 h 800786"/>
                <a:gd name="connsiteX3720" fmla="*/ 1273730 w 2044700"/>
                <a:gd name="connsiteY3720" fmla="*/ 398319 h 800786"/>
                <a:gd name="connsiteX3721" fmla="*/ 1270484 w 2044700"/>
                <a:gd name="connsiteY3721" fmla="*/ 396696 h 800786"/>
                <a:gd name="connsiteX3722" fmla="*/ 1267238 w 2044700"/>
                <a:gd name="connsiteY3722" fmla="*/ 395073 h 800786"/>
                <a:gd name="connsiteX3723" fmla="*/ 1265615 w 2044700"/>
                <a:gd name="connsiteY3723" fmla="*/ 393451 h 800786"/>
                <a:gd name="connsiteX3724" fmla="*/ 1265615 w 2044700"/>
                <a:gd name="connsiteY3724" fmla="*/ 390205 h 800786"/>
                <a:gd name="connsiteX3725" fmla="*/ 1263991 w 2044700"/>
                <a:gd name="connsiteY3725" fmla="*/ 386959 h 800786"/>
                <a:gd name="connsiteX3726" fmla="*/ 1262368 w 2044700"/>
                <a:gd name="connsiteY3726" fmla="*/ 383713 h 800786"/>
                <a:gd name="connsiteX3727" fmla="*/ 1260745 w 2044700"/>
                <a:gd name="connsiteY3727" fmla="*/ 382091 h 800786"/>
                <a:gd name="connsiteX3728" fmla="*/ 1257499 w 2044700"/>
                <a:gd name="connsiteY3728" fmla="*/ 377222 h 800786"/>
                <a:gd name="connsiteX3729" fmla="*/ 1255876 w 2044700"/>
                <a:gd name="connsiteY3729" fmla="*/ 373976 h 800786"/>
                <a:gd name="connsiteX3730" fmla="*/ 1254253 w 2044700"/>
                <a:gd name="connsiteY3730" fmla="*/ 370731 h 800786"/>
                <a:gd name="connsiteX3731" fmla="*/ 1254253 w 2044700"/>
                <a:gd name="connsiteY3731" fmla="*/ 365862 h 800786"/>
                <a:gd name="connsiteX3732" fmla="*/ 1255876 w 2044700"/>
                <a:gd name="connsiteY3732" fmla="*/ 364239 h 800786"/>
                <a:gd name="connsiteX3733" fmla="*/ 1252630 w 2044700"/>
                <a:gd name="connsiteY3733" fmla="*/ 360994 h 800786"/>
                <a:gd name="connsiteX3734" fmla="*/ 1251007 w 2044700"/>
                <a:gd name="connsiteY3734" fmla="*/ 357748 h 800786"/>
                <a:gd name="connsiteX3735" fmla="*/ 1247761 w 2044700"/>
                <a:gd name="connsiteY3735" fmla="*/ 356125 h 800786"/>
                <a:gd name="connsiteX3736" fmla="*/ 1246137 w 2044700"/>
                <a:gd name="connsiteY3736" fmla="*/ 356125 h 800786"/>
                <a:gd name="connsiteX3737" fmla="*/ 1244514 w 2044700"/>
                <a:gd name="connsiteY3737" fmla="*/ 354502 h 800786"/>
                <a:gd name="connsiteX3738" fmla="*/ 1242891 w 2044700"/>
                <a:gd name="connsiteY3738" fmla="*/ 351256 h 800786"/>
                <a:gd name="connsiteX3739" fmla="*/ 1241268 w 2044700"/>
                <a:gd name="connsiteY3739" fmla="*/ 348011 h 800786"/>
                <a:gd name="connsiteX3740" fmla="*/ 1238022 w 2044700"/>
                <a:gd name="connsiteY3740" fmla="*/ 346388 h 800786"/>
                <a:gd name="connsiteX3741" fmla="*/ 1234776 w 2044700"/>
                <a:gd name="connsiteY3741" fmla="*/ 344765 h 800786"/>
                <a:gd name="connsiteX3742" fmla="*/ 1229906 w 2044700"/>
                <a:gd name="connsiteY3742" fmla="*/ 341519 h 800786"/>
                <a:gd name="connsiteX3743" fmla="*/ 1226660 w 2044700"/>
                <a:gd name="connsiteY3743" fmla="*/ 341519 h 800786"/>
                <a:gd name="connsiteX3744" fmla="*/ 1223414 w 2044700"/>
                <a:gd name="connsiteY3744" fmla="*/ 341519 h 800786"/>
                <a:gd name="connsiteX3745" fmla="*/ 1220168 w 2044700"/>
                <a:gd name="connsiteY3745" fmla="*/ 336651 h 800786"/>
                <a:gd name="connsiteX3746" fmla="*/ 1218545 w 2044700"/>
                <a:gd name="connsiteY3746" fmla="*/ 333405 h 800786"/>
                <a:gd name="connsiteX3747" fmla="*/ 1218545 w 2044700"/>
                <a:gd name="connsiteY3747" fmla="*/ 330159 h 800786"/>
                <a:gd name="connsiteX3748" fmla="*/ 1220168 w 2044700"/>
                <a:gd name="connsiteY3748" fmla="*/ 328537 h 800786"/>
                <a:gd name="connsiteX3749" fmla="*/ 1220168 w 2044700"/>
                <a:gd name="connsiteY3749" fmla="*/ 326914 h 800786"/>
                <a:gd name="connsiteX3750" fmla="*/ 1220168 w 2044700"/>
                <a:gd name="connsiteY3750" fmla="*/ 325291 h 800786"/>
                <a:gd name="connsiteX3751" fmla="*/ 1218545 w 2044700"/>
                <a:gd name="connsiteY3751" fmla="*/ 323668 h 800786"/>
                <a:gd name="connsiteX3752" fmla="*/ 1216922 w 2044700"/>
                <a:gd name="connsiteY3752" fmla="*/ 322045 h 800786"/>
                <a:gd name="connsiteX3753" fmla="*/ 1215299 w 2044700"/>
                <a:gd name="connsiteY3753" fmla="*/ 318799 h 800786"/>
                <a:gd name="connsiteX3754" fmla="*/ 1215299 w 2044700"/>
                <a:gd name="connsiteY3754" fmla="*/ 317177 h 800786"/>
                <a:gd name="connsiteX3755" fmla="*/ 1210429 w 2044700"/>
                <a:gd name="connsiteY3755" fmla="*/ 317177 h 800786"/>
                <a:gd name="connsiteX3756" fmla="*/ 1207183 w 2044700"/>
                <a:gd name="connsiteY3756" fmla="*/ 317177 h 800786"/>
                <a:gd name="connsiteX3757" fmla="*/ 1202314 w 2044700"/>
                <a:gd name="connsiteY3757" fmla="*/ 315554 h 800786"/>
                <a:gd name="connsiteX3758" fmla="*/ 1200691 w 2044700"/>
                <a:gd name="connsiteY3758" fmla="*/ 313931 h 800786"/>
                <a:gd name="connsiteX3759" fmla="*/ 1199068 w 2044700"/>
                <a:gd name="connsiteY3759" fmla="*/ 312308 h 800786"/>
                <a:gd name="connsiteX3760" fmla="*/ 1197445 w 2044700"/>
                <a:gd name="connsiteY3760" fmla="*/ 310685 h 800786"/>
                <a:gd name="connsiteX3761" fmla="*/ 1194198 w 2044700"/>
                <a:gd name="connsiteY3761" fmla="*/ 309062 h 800786"/>
                <a:gd name="connsiteX3762" fmla="*/ 1190952 w 2044700"/>
                <a:gd name="connsiteY3762" fmla="*/ 307439 h 800786"/>
                <a:gd name="connsiteX3763" fmla="*/ 1186083 w 2044700"/>
                <a:gd name="connsiteY3763" fmla="*/ 307439 h 800786"/>
                <a:gd name="connsiteX3764" fmla="*/ 1182837 w 2044700"/>
                <a:gd name="connsiteY3764" fmla="*/ 307439 h 800786"/>
                <a:gd name="connsiteX3765" fmla="*/ 1181214 w 2044700"/>
                <a:gd name="connsiteY3765" fmla="*/ 305817 h 800786"/>
                <a:gd name="connsiteX3766" fmla="*/ 1179591 w 2044700"/>
                <a:gd name="connsiteY3766" fmla="*/ 305817 h 800786"/>
                <a:gd name="connsiteX3767" fmla="*/ 1176344 w 2044700"/>
                <a:gd name="connsiteY3767" fmla="*/ 304194 h 800786"/>
                <a:gd name="connsiteX3768" fmla="*/ 1173098 w 2044700"/>
                <a:gd name="connsiteY3768" fmla="*/ 302571 h 800786"/>
                <a:gd name="connsiteX3769" fmla="*/ 1169852 w 2044700"/>
                <a:gd name="connsiteY3769" fmla="*/ 302571 h 800786"/>
                <a:gd name="connsiteX3770" fmla="*/ 1161737 w 2044700"/>
                <a:gd name="connsiteY3770" fmla="*/ 302571 h 800786"/>
                <a:gd name="connsiteX3771" fmla="*/ 1160113 w 2044700"/>
                <a:gd name="connsiteY3771" fmla="*/ 300948 h 800786"/>
                <a:gd name="connsiteX3772" fmla="*/ 1153621 w 2044700"/>
                <a:gd name="connsiteY3772" fmla="*/ 300948 h 800786"/>
                <a:gd name="connsiteX3773" fmla="*/ 1151998 w 2044700"/>
                <a:gd name="connsiteY3773" fmla="*/ 299325 h 800786"/>
                <a:gd name="connsiteX3774" fmla="*/ 1147129 w 2044700"/>
                <a:gd name="connsiteY3774" fmla="*/ 299325 h 800786"/>
                <a:gd name="connsiteX3775" fmla="*/ 1143882 w 2044700"/>
                <a:gd name="connsiteY3775" fmla="*/ 297702 h 800786"/>
                <a:gd name="connsiteX3776" fmla="*/ 1139013 w 2044700"/>
                <a:gd name="connsiteY3776" fmla="*/ 297702 h 800786"/>
                <a:gd name="connsiteX3777" fmla="*/ 1134144 w 2044700"/>
                <a:gd name="connsiteY3777" fmla="*/ 294457 h 800786"/>
                <a:gd name="connsiteX3778" fmla="*/ 1130898 w 2044700"/>
                <a:gd name="connsiteY3778" fmla="*/ 294457 h 800786"/>
                <a:gd name="connsiteX3779" fmla="*/ 1129275 w 2044700"/>
                <a:gd name="connsiteY3779" fmla="*/ 292834 h 800786"/>
                <a:gd name="connsiteX3780" fmla="*/ 1127652 w 2044700"/>
                <a:gd name="connsiteY3780" fmla="*/ 297702 h 800786"/>
                <a:gd name="connsiteX3781" fmla="*/ 1122782 w 2044700"/>
                <a:gd name="connsiteY3781" fmla="*/ 299325 h 800786"/>
                <a:gd name="connsiteX3782" fmla="*/ 1119536 w 2044700"/>
                <a:gd name="connsiteY3782" fmla="*/ 302571 h 800786"/>
                <a:gd name="connsiteX3783" fmla="*/ 1117913 w 2044700"/>
                <a:gd name="connsiteY3783" fmla="*/ 300948 h 800786"/>
                <a:gd name="connsiteX3784" fmla="*/ 1114667 w 2044700"/>
                <a:gd name="connsiteY3784" fmla="*/ 299325 h 800786"/>
                <a:gd name="connsiteX3785" fmla="*/ 1111421 w 2044700"/>
                <a:gd name="connsiteY3785" fmla="*/ 297702 h 800786"/>
                <a:gd name="connsiteX3786" fmla="*/ 1109798 w 2044700"/>
                <a:gd name="connsiteY3786" fmla="*/ 297702 h 800786"/>
                <a:gd name="connsiteX3787" fmla="*/ 1108174 w 2044700"/>
                <a:gd name="connsiteY3787" fmla="*/ 297702 h 800786"/>
                <a:gd name="connsiteX3788" fmla="*/ 1106551 w 2044700"/>
                <a:gd name="connsiteY3788" fmla="*/ 299325 h 800786"/>
                <a:gd name="connsiteX3789" fmla="*/ 1104928 w 2044700"/>
                <a:gd name="connsiteY3789" fmla="*/ 299325 h 800786"/>
                <a:gd name="connsiteX3790" fmla="*/ 1104928 w 2044700"/>
                <a:gd name="connsiteY3790" fmla="*/ 300948 h 800786"/>
                <a:gd name="connsiteX3791" fmla="*/ 1101682 w 2044700"/>
                <a:gd name="connsiteY3791" fmla="*/ 302571 h 800786"/>
                <a:gd name="connsiteX3792" fmla="*/ 1098436 w 2044700"/>
                <a:gd name="connsiteY3792" fmla="*/ 304194 h 800786"/>
                <a:gd name="connsiteX3793" fmla="*/ 1096813 w 2044700"/>
                <a:gd name="connsiteY3793" fmla="*/ 305817 h 800786"/>
                <a:gd name="connsiteX3794" fmla="*/ 1093567 w 2044700"/>
                <a:gd name="connsiteY3794" fmla="*/ 305817 h 800786"/>
                <a:gd name="connsiteX3795" fmla="*/ 1091943 w 2044700"/>
                <a:gd name="connsiteY3795" fmla="*/ 305817 h 800786"/>
                <a:gd name="connsiteX3796" fmla="*/ 1085451 w 2044700"/>
                <a:gd name="connsiteY3796" fmla="*/ 305817 h 800786"/>
                <a:gd name="connsiteX3797" fmla="*/ 1083828 w 2044700"/>
                <a:gd name="connsiteY3797" fmla="*/ 302571 h 800786"/>
                <a:gd name="connsiteX3798" fmla="*/ 1085451 w 2044700"/>
                <a:gd name="connsiteY3798" fmla="*/ 300948 h 800786"/>
                <a:gd name="connsiteX3799" fmla="*/ 1082205 w 2044700"/>
                <a:gd name="connsiteY3799" fmla="*/ 299325 h 800786"/>
                <a:gd name="connsiteX3800" fmla="*/ 1078959 w 2044700"/>
                <a:gd name="connsiteY3800" fmla="*/ 299325 h 800786"/>
                <a:gd name="connsiteX3801" fmla="*/ 1075713 w 2044700"/>
                <a:gd name="connsiteY3801" fmla="*/ 299325 h 800786"/>
                <a:gd name="connsiteX3802" fmla="*/ 1075713 w 2044700"/>
                <a:gd name="connsiteY3802" fmla="*/ 300948 h 800786"/>
                <a:gd name="connsiteX3803" fmla="*/ 1074089 w 2044700"/>
                <a:gd name="connsiteY3803" fmla="*/ 305817 h 800786"/>
                <a:gd name="connsiteX3804" fmla="*/ 1070843 w 2044700"/>
                <a:gd name="connsiteY3804" fmla="*/ 305817 h 800786"/>
                <a:gd name="connsiteX3805" fmla="*/ 1069220 w 2044700"/>
                <a:gd name="connsiteY3805" fmla="*/ 302571 h 800786"/>
                <a:gd name="connsiteX3806" fmla="*/ 1065974 w 2044700"/>
                <a:gd name="connsiteY3806" fmla="*/ 300948 h 800786"/>
                <a:gd name="connsiteX3807" fmla="*/ 1064351 w 2044700"/>
                <a:gd name="connsiteY3807" fmla="*/ 300948 h 800786"/>
                <a:gd name="connsiteX3808" fmla="*/ 1062728 w 2044700"/>
                <a:gd name="connsiteY3808" fmla="*/ 299325 h 800786"/>
                <a:gd name="connsiteX3809" fmla="*/ 1061105 w 2044700"/>
                <a:gd name="connsiteY3809" fmla="*/ 302571 h 800786"/>
                <a:gd name="connsiteX3810" fmla="*/ 1064351 w 2044700"/>
                <a:gd name="connsiteY3810" fmla="*/ 305817 h 800786"/>
                <a:gd name="connsiteX3811" fmla="*/ 1065974 w 2044700"/>
                <a:gd name="connsiteY3811" fmla="*/ 307439 h 800786"/>
                <a:gd name="connsiteX3812" fmla="*/ 1064351 w 2044700"/>
                <a:gd name="connsiteY3812" fmla="*/ 309062 h 800786"/>
                <a:gd name="connsiteX3813" fmla="*/ 1061105 w 2044700"/>
                <a:gd name="connsiteY3813" fmla="*/ 309062 h 800786"/>
                <a:gd name="connsiteX3814" fmla="*/ 1059482 w 2044700"/>
                <a:gd name="connsiteY3814" fmla="*/ 307439 h 800786"/>
                <a:gd name="connsiteX3815" fmla="*/ 1054612 w 2044700"/>
                <a:gd name="connsiteY3815" fmla="*/ 307439 h 800786"/>
                <a:gd name="connsiteX3816" fmla="*/ 1049743 w 2044700"/>
                <a:gd name="connsiteY3816" fmla="*/ 307439 h 800786"/>
                <a:gd name="connsiteX3817" fmla="*/ 1046497 w 2044700"/>
                <a:gd name="connsiteY3817" fmla="*/ 309062 h 800786"/>
                <a:gd name="connsiteX3818" fmla="*/ 1040004 w 2044700"/>
                <a:gd name="connsiteY3818" fmla="*/ 307439 h 800786"/>
                <a:gd name="connsiteX3819" fmla="*/ 1038381 w 2044700"/>
                <a:gd name="connsiteY3819" fmla="*/ 305817 h 800786"/>
                <a:gd name="connsiteX3820" fmla="*/ 1033512 w 2044700"/>
                <a:gd name="connsiteY3820" fmla="*/ 304194 h 800786"/>
                <a:gd name="connsiteX3821" fmla="*/ 1030266 w 2044700"/>
                <a:gd name="connsiteY3821" fmla="*/ 302571 h 800786"/>
                <a:gd name="connsiteX3822" fmla="*/ 1028643 w 2044700"/>
                <a:gd name="connsiteY3822" fmla="*/ 300948 h 800786"/>
                <a:gd name="connsiteX3823" fmla="*/ 1025397 w 2044700"/>
                <a:gd name="connsiteY3823" fmla="*/ 299325 h 800786"/>
                <a:gd name="connsiteX3824" fmla="*/ 1023774 w 2044700"/>
                <a:gd name="connsiteY3824" fmla="*/ 296080 h 800786"/>
                <a:gd name="connsiteX3825" fmla="*/ 1022150 w 2044700"/>
                <a:gd name="connsiteY3825" fmla="*/ 294457 h 800786"/>
                <a:gd name="connsiteX3826" fmla="*/ 1022150 w 2044700"/>
                <a:gd name="connsiteY3826" fmla="*/ 292834 h 800786"/>
                <a:gd name="connsiteX3827" fmla="*/ 1023774 w 2044700"/>
                <a:gd name="connsiteY3827" fmla="*/ 291211 h 800786"/>
                <a:gd name="connsiteX3828" fmla="*/ 1025397 w 2044700"/>
                <a:gd name="connsiteY3828" fmla="*/ 291211 h 800786"/>
                <a:gd name="connsiteX3829" fmla="*/ 1028643 w 2044700"/>
                <a:gd name="connsiteY3829" fmla="*/ 289588 h 800786"/>
                <a:gd name="connsiteX3830" fmla="*/ 1030266 w 2044700"/>
                <a:gd name="connsiteY3830" fmla="*/ 289588 h 800786"/>
                <a:gd name="connsiteX3831" fmla="*/ 1031889 w 2044700"/>
                <a:gd name="connsiteY3831" fmla="*/ 287965 h 800786"/>
                <a:gd name="connsiteX3832" fmla="*/ 1033512 w 2044700"/>
                <a:gd name="connsiteY3832" fmla="*/ 287965 h 800786"/>
                <a:gd name="connsiteX3833" fmla="*/ 1035135 w 2044700"/>
                <a:gd name="connsiteY3833" fmla="*/ 287965 h 800786"/>
                <a:gd name="connsiteX3834" fmla="*/ 1038381 w 2044700"/>
                <a:gd name="connsiteY3834" fmla="*/ 287965 h 800786"/>
                <a:gd name="connsiteX3835" fmla="*/ 1043251 w 2044700"/>
                <a:gd name="connsiteY3835" fmla="*/ 287965 h 800786"/>
                <a:gd name="connsiteX3836" fmla="*/ 1044874 w 2044700"/>
                <a:gd name="connsiteY3836" fmla="*/ 286342 h 800786"/>
                <a:gd name="connsiteX3837" fmla="*/ 1043251 w 2044700"/>
                <a:gd name="connsiteY3837" fmla="*/ 284720 h 800786"/>
                <a:gd name="connsiteX3838" fmla="*/ 1038381 w 2044700"/>
                <a:gd name="connsiteY3838" fmla="*/ 283097 h 800786"/>
                <a:gd name="connsiteX3839" fmla="*/ 1035135 w 2044700"/>
                <a:gd name="connsiteY3839" fmla="*/ 283097 h 800786"/>
                <a:gd name="connsiteX3840" fmla="*/ 1031889 w 2044700"/>
                <a:gd name="connsiteY3840" fmla="*/ 283097 h 800786"/>
                <a:gd name="connsiteX3841" fmla="*/ 1030266 w 2044700"/>
                <a:gd name="connsiteY3841" fmla="*/ 283097 h 800786"/>
                <a:gd name="connsiteX3842" fmla="*/ 1027020 w 2044700"/>
                <a:gd name="connsiteY3842" fmla="*/ 283097 h 800786"/>
                <a:gd name="connsiteX3843" fmla="*/ 1023774 w 2044700"/>
                <a:gd name="connsiteY3843" fmla="*/ 283097 h 800786"/>
                <a:gd name="connsiteX3844" fmla="*/ 1020527 w 2044700"/>
                <a:gd name="connsiteY3844" fmla="*/ 283097 h 800786"/>
                <a:gd name="connsiteX3845" fmla="*/ 1017281 w 2044700"/>
                <a:gd name="connsiteY3845" fmla="*/ 283097 h 800786"/>
                <a:gd name="connsiteX3846" fmla="*/ 1014035 w 2044700"/>
                <a:gd name="connsiteY3846" fmla="*/ 283097 h 800786"/>
                <a:gd name="connsiteX3847" fmla="*/ 1012412 w 2044700"/>
                <a:gd name="connsiteY3847" fmla="*/ 281474 h 800786"/>
                <a:gd name="connsiteX3848" fmla="*/ 1010789 w 2044700"/>
                <a:gd name="connsiteY3848" fmla="*/ 278228 h 800786"/>
                <a:gd name="connsiteX3849" fmla="*/ 1010789 w 2044700"/>
                <a:gd name="connsiteY3849" fmla="*/ 276605 h 800786"/>
                <a:gd name="connsiteX3850" fmla="*/ 1012412 w 2044700"/>
                <a:gd name="connsiteY3850" fmla="*/ 274982 h 800786"/>
                <a:gd name="connsiteX3851" fmla="*/ 1010789 w 2044700"/>
                <a:gd name="connsiteY3851" fmla="*/ 273360 h 800786"/>
                <a:gd name="connsiteX3852" fmla="*/ 1007543 w 2044700"/>
                <a:gd name="connsiteY3852" fmla="*/ 274982 h 800786"/>
                <a:gd name="connsiteX3853" fmla="*/ 1004296 w 2044700"/>
                <a:gd name="connsiteY3853" fmla="*/ 276605 h 800786"/>
                <a:gd name="connsiteX3854" fmla="*/ 1002673 w 2044700"/>
                <a:gd name="connsiteY3854" fmla="*/ 276605 h 800786"/>
                <a:gd name="connsiteX3855" fmla="*/ 999427 w 2044700"/>
                <a:gd name="connsiteY3855" fmla="*/ 276605 h 800786"/>
                <a:gd name="connsiteX3856" fmla="*/ 996181 w 2044700"/>
                <a:gd name="connsiteY3856" fmla="*/ 276605 h 800786"/>
                <a:gd name="connsiteX3857" fmla="*/ 994558 w 2044700"/>
                <a:gd name="connsiteY3857" fmla="*/ 276605 h 800786"/>
                <a:gd name="connsiteX3858" fmla="*/ 994558 w 2044700"/>
                <a:gd name="connsiteY3858" fmla="*/ 274982 h 800786"/>
                <a:gd name="connsiteX3859" fmla="*/ 991312 w 2044700"/>
                <a:gd name="connsiteY3859" fmla="*/ 273360 h 800786"/>
                <a:gd name="connsiteX3860" fmla="*/ 988065 w 2044700"/>
                <a:gd name="connsiteY3860" fmla="*/ 271737 h 800786"/>
                <a:gd name="connsiteX3861" fmla="*/ 986442 w 2044700"/>
                <a:gd name="connsiteY3861" fmla="*/ 270114 h 800786"/>
                <a:gd name="connsiteX3862" fmla="*/ 988065 w 2044700"/>
                <a:gd name="connsiteY3862" fmla="*/ 268491 h 800786"/>
                <a:gd name="connsiteX3863" fmla="*/ 991312 w 2044700"/>
                <a:gd name="connsiteY3863" fmla="*/ 265245 h 800786"/>
                <a:gd name="connsiteX3864" fmla="*/ 992935 w 2044700"/>
                <a:gd name="connsiteY3864" fmla="*/ 265245 h 800786"/>
                <a:gd name="connsiteX3865" fmla="*/ 997804 w 2044700"/>
                <a:gd name="connsiteY3865" fmla="*/ 265245 h 800786"/>
                <a:gd name="connsiteX3866" fmla="*/ 1001050 w 2044700"/>
                <a:gd name="connsiteY3866" fmla="*/ 265245 h 800786"/>
                <a:gd name="connsiteX3867" fmla="*/ 1004296 w 2044700"/>
                <a:gd name="connsiteY3867" fmla="*/ 265245 h 800786"/>
                <a:gd name="connsiteX3868" fmla="*/ 1005919 w 2044700"/>
                <a:gd name="connsiteY3868" fmla="*/ 263623 h 800786"/>
                <a:gd name="connsiteX3869" fmla="*/ 1012412 w 2044700"/>
                <a:gd name="connsiteY3869" fmla="*/ 263623 h 800786"/>
                <a:gd name="connsiteX3870" fmla="*/ 1023774 w 2044700"/>
                <a:gd name="connsiteY3870" fmla="*/ 263623 h 800786"/>
                <a:gd name="connsiteX3871" fmla="*/ 1028643 w 2044700"/>
                <a:gd name="connsiteY3871" fmla="*/ 262000 h 800786"/>
                <a:gd name="connsiteX3872" fmla="*/ 1030266 w 2044700"/>
                <a:gd name="connsiteY3872" fmla="*/ 260377 h 800786"/>
                <a:gd name="connsiteX3873" fmla="*/ 1031889 w 2044700"/>
                <a:gd name="connsiteY3873" fmla="*/ 260377 h 800786"/>
                <a:gd name="connsiteX3874" fmla="*/ 1033512 w 2044700"/>
                <a:gd name="connsiteY3874" fmla="*/ 258754 h 800786"/>
                <a:gd name="connsiteX3875" fmla="*/ 1036758 w 2044700"/>
                <a:gd name="connsiteY3875" fmla="*/ 258754 h 800786"/>
                <a:gd name="connsiteX3876" fmla="*/ 1056235 w 2044700"/>
                <a:gd name="connsiteY3876" fmla="*/ 260377 h 800786"/>
                <a:gd name="connsiteX3877" fmla="*/ 1059482 w 2044700"/>
                <a:gd name="connsiteY3877" fmla="*/ 258754 h 800786"/>
                <a:gd name="connsiteX3878" fmla="*/ 1062728 w 2044700"/>
                <a:gd name="connsiteY3878" fmla="*/ 258754 h 800786"/>
                <a:gd name="connsiteX3879" fmla="*/ 1065974 w 2044700"/>
                <a:gd name="connsiteY3879" fmla="*/ 258754 h 800786"/>
                <a:gd name="connsiteX3880" fmla="*/ 1067597 w 2044700"/>
                <a:gd name="connsiteY3880" fmla="*/ 260377 h 800786"/>
                <a:gd name="connsiteX3881" fmla="*/ 1069220 w 2044700"/>
                <a:gd name="connsiteY3881" fmla="*/ 258754 h 800786"/>
                <a:gd name="connsiteX3882" fmla="*/ 1072466 w 2044700"/>
                <a:gd name="connsiteY3882" fmla="*/ 258754 h 800786"/>
                <a:gd name="connsiteX3883" fmla="*/ 1074089 w 2044700"/>
                <a:gd name="connsiteY3883" fmla="*/ 257131 h 800786"/>
                <a:gd name="connsiteX3884" fmla="*/ 1075713 w 2044700"/>
                <a:gd name="connsiteY3884" fmla="*/ 255508 h 800786"/>
                <a:gd name="connsiteX3885" fmla="*/ 1078959 w 2044700"/>
                <a:gd name="connsiteY3885" fmla="*/ 253885 h 800786"/>
                <a:gd name="connsiteX3886" fmla="*/ 1077336 w 2044700"/>
                <a:gd name="connsiteY3886" fmla="*/ 250640 h 800786"/>
                <a:gd name="connsiteX3887" fmla="*/ 1072466 w 2044700"/>
                <a:gd name="connsiteY3887" fmla="*/ 249017 h 800786"/>
                <a:gd name="connsiteX3888" fmla="*/ 1069220 w 2044700"/>
                <a:gd name="connsiteY3888" fmla="*/ 247394 h 800786"/>
                <a:gd name="connsiteX3889" fmla="*/ 1065974 w 2044700"/>
                <a:gd name="connsiteY3889" fmla="*/ 245771 h 800786"/>
                <a:gd name="connsiteX3890" fmla="*/ 1062728 w 2044700"/>
                <a:gd name="connsiteY3890" fmla="*/ 245771 h 800786"/>
                <a:gd name="connsiteX3891" fmla="*/ 1059482 w 2044700"/>
                <a:gd name="connsiteY3891" fmla="*/ 249017 h 800786"/>
                <a:gd name="connsiteX3892" fmla="*/ 1057858 w 2044700"/>
                <a:gd name="connsiteY3892" fmla="*/ 250640 h 800786"/>
                <a:gd name="connsiteX3893" fmla="*/ 1052989 w 2044700"/>
                <a:gd name="connsiteY3893" fmla="*/ 252263 h 800786"/>
                <a:gd name="connsiteX3894" fmla="*/ 1049743 w 2044700"/>
                <a:gd name="connsiteY3894" fmla="*/ 252263 h 800786"/>
                <a:gd name="connsiteX3895" fmla="*/ 1044874 w 2044700"/>
                <a:gd name="connsiteY3895" fmla="*/ 252263 h 800786"/>
                <a:gd name="connsiteX3896" fmla="*/ 1038381 w 2044700"/>
                <a:gd name="connsiteY3896" fmla="*/ 252263 h 800786"/>
                <a:gd name="connsiteX3897" fmla="*/ 1036758 w 2044700"/>
                <a:gd name="connsiteY3897" fmla="*/ 252263 h 800786"/>
                <a:gd name="connsiteX3898" fmla="*/ 1035135 w 2044700"/>
                <a:gd name="connsiteY3898" fmla="*/ 250640 h 800786"/>
                <a:gd name="connsiteX3899" fmla="*/ 1030266 w 2044700"/>
                <a:gd name="connsiteY3899" fmla="*/ 250640 h 800786"/>
                <a:gd name="connsiteX3900" fmla="*/ 1028643 w 2044700"/>
                <a:gd name="connsiteY3900" fmla="*/ 252263 h 800786"/>
                <a:gd name="connsiteX3901" fmla="*/ 1025397 w 2044700"/>
                <a:gd name="connsiteY3901" fmla="*/ 253885 h 800786"/>
                <a:gd name="connsiteX3902" fmla="*/ 1022150 w 2044700"/>
                <a:gd name="connsiteY3902" fmla="*/ 253885 h 800786"/>
                <a:gd name="connsiteX3903" fmla="*/ 1017281 w 2044700"/>
                <a:gd name="connsiteY3903" fmla="*/ 253885 h 800786"/>
                <a:gd name="connsiteX3904" fmla="*/ 1017281 w 2044700"/>
                <a:gd name="connsiteY3904" fmla="*/ 250640 h 800786"/>
                <a:gd name="connsiteX3905" fmla="*/ 1017281 w 2044700"/>
                <a:gd name="connsiteY3905" fmla="*/ 249017 h 800786"/>
                <a:gd name="connsiteX3906" fmla="*/ 1014035 w 2044700"/>
                <a:gd name="connsiteY3906" fmla="*/ 247394 h 800786"/>
                <a:gd name="connsiteX3907" fmla="*/ 1010789 w 2044700"/>
                <a:gd name="connsiteY3907" fmla="*/ 244148 h 800786"/>
                <a:gd name="connsiteX3908" fmla="*/ 1009166 w 2044700"/>
                <a:gd name="connsiteY3908" fmla="*/ 245771 h 800786"/>
                <a:gd name="connsiteX3909" fmla="*/ 1005919 w 2044700"/>
                <a:gd name="connsiteY3909" fmla="*/ 245771 h 800786"/>
                <a:gd name="connsiteX3910" fmla="*/ 1001050 w 2044700"/>
                <a:gd name="connsiteY3910" fmla="*/ 245771 h 800786"/>
                <a:gd name="connsiteX3911" fmla="*/ 997804 w 2044700"/>
                <a:gd name="connsiteY3911" fmla="*/ 244148 h 800786"/>
                <a:gd name="connsiteX3912" fmla="*/ 994558 w 2044700"/>
                <a:gd name="connsiteY3912" fmla="*/ 242525 h 800786"/>
                <a:gd name="connsiteX3913" fmla="*/ 992935 w 2044700"/>
                <a:gd name="connsiteY3913" fmla="*/ 242525 h 800786"/>
                <a:gd name="connsiteX3914" fmla="*/ 991312 w 2044700"/>
                <a:gd name="connsiteY3914" fmla="*/ 240903 h 800786"/>
                <a:gd name="connsiteX3915" fmla="*/ 986442 w 2044700"/>
                <a:gd name="connsiteY3915" fmla="*/ 240903 h 800786"/>
                <a:gd name="connsiteX3916" fmla="*/ 979950 w 2044700"/>
                <a:gd name="connsiteY3916" fmla="*/ 240903 h 800786"/>
                <a:gd name="connsiteX3917" fmla="*/ 978327 w 2044700"/>
                <a:gd name="connsiteY3917" fmla="*/ 239280 h 800786"/>
                <a:gd name="connsiteX3918" fmla="*/ 973458 w 2044700"/>
                <a:gd name="connsiteY3918" fmla="*/ 237657 h 800786"/>
                <a:gd name="connsiteX3919" fmla="*/ 970211 w 2044700"/>
                <a:gd name="connsiteY3919" fmla="*/ 236034 h 800786"/>
                <a:gd name="connsiteX3920" fmla="*/ 968588 w 2044700"/>
                <a:gd name="connsiteY3920" fmla="*/ 236034 h 800786"/>
                <a:gd name="connsiteX3921" fmla="*/ 966965 w 2044700"/>
                <a:gd name="connsiteY3921" fmla="*/ 234411 h 800786"/>
                <a:gd name="connsiteX3922" fmla="*/ 963719 w 2044700"/>
                <a:gd name="connsiteY3922" fmla="*/ 232788 h 800786"/>
                <a:gd name="connsiteX3923" fmla="*/ 958850 w 2044700"/>
                <a:gd name="connsiteY3923" fmla="*/ 229543 h 800786"/>
                <a:gd name="connsiteX3924" fmla="*/ 958850 w 2044700"/>
                <a:gd name="connsiteY3924" fmla="*/ 227920 h 800786"/>
                <a:gd name="connsiteX3925" fmla="*/ 958850 w 2044700"/>
                <a:gd name="connsiteY3925" fmla="*/ 226297 h 800786"/>
                <a:gd name="connsiteX3926" fmla="*/ 962096 w 2044700"/>
                <a:gd name="connsiteY3926" fmla="*/ 224674 h 800786"/>
                <a:gd name="connsiteX3927" fmla="*/ 962096 w 2044700"/>
                <a:gd name="connsiteY3927" fmla="*/ 219806 h 800786"/>
                <a:gd name="connsiteX3928" fmla="*/ 963719 w 2044700"/>
                <a:gd name="connsiteY3928" fmla="*/ 218183 h 800786"/>
                <a:gd name="connsiteX3929" fmla="*/ 966965 w 2044700"/>
                <a:gd name="connsiteY3929" fmla="*/ 216560 h 800786"/>
                <a:gd name="connsiteX3930" fmla="*/ 968588 w 2044700"/>
                <a:gd name="connsiteY3930" fmla="*/ 216560 h 800786"/>
                <a:gd name="connsiteX3931" fmla="*/ 971835 w 2044700"/>
                <a:gd name="connsiteY3931" fmla="*/ 218183 h 800786"/>
                <a:gd name="connsiteX3932" fmla="*/ 975081 w 2044700"/>
                <a:gd name="connsiteY3932" fmla="*/ 216560 h 800786"/>
                <a:gd name="connsiteX3933" fmla="*/ 976704 w 2044700"/>
                <a:gd name="connsiteY3933" fmla="*/ 214937 h 800786"/>
                <a:gd name="connsiteX3934" fmla="*/ 976704 w 2044700"/>
                <a:gd name="connsiteY3934" fmla="*/ 213314 h 800786"/>
                <a:gd name="connsiteX3935" fmla="*/ 978327 w 2044700"/>
                <a:gd name="connsiteY3935" fmla="*/ 211691 h 800786"/>
                <a:gd name="connsiteX3936" fmla="*/ 981573 w 2044700"/>
                <a:gd name="connsiteY3936" fmla="*/ 211691 h 800786"/>
                <a:gd name="connsiteX3937" fmla="*/ 988065 w 2044700"/>
                <a:gd name="connsiteY3937" fmla="*/ 211691 h 800786"/>
                <a:gd name="connsiteX3938" fmla="*/ 992935 w 2044700"/>
                <a:gd name="connsiteY3938" fmla="*/ 211691 h 800786"/>
                <a:gd name="connsiteX3939" fmla="*/ 996181 w 2044700"/>
                <a:gd name="connsiteY3939" fmla="*/ 208446 h 800786"/>
                <a:gd name="connsiteX3940" fmla="*/ 999427 w 2044700"/>
                <a:gd name="connsiteY3940" fmla="*/ 206823 h 800786"/>
                <a:gd name="connsiteX3941" fmla="*/ 1002673 w 2044700"/>
                <a:gd name="connsiteY3941" fmla="*/ 206823 h 800786"/>
                <a:gd name="connsiteX3942" fmla="*/ 1005919 w 2044700"/>
                <a:gd name="connsiteY3942" fmla="*/ 206823 h 800786"/>
                <a:gd name="connsiteX3943" fmla="*/ 1009166 w 2044700"/>
                <a:gd name="connsiteY3943" fmla="*/ 206823 h 800786"/>
                <a:gd name="connsiteX3944" fmla="*/ 1012412 w 2044700"/>
                <a:gd name="connsiteY3944" fmla="*/ 206823 h 800786"/>
                <a:gd name="connsiteX3945" fmla="*/ 1022150 w 2044700"/>
                <a:gd name="connsiteY3945" fmla="*/ 203577 h 800786"/>
                <a:gd name="connsiteX3946" fmla="*/ 1027020 w 2044700"/>
                <a:gd name="connsiteY3946" fmla="*/ 201954 h 800786"/>
                <a:gd name="connsiteX3947" fmla="*/ 1028643 w 2044700"/>
                <a:gd name="connsiteY3947" fmla="*/ 198709 h 800786"/>
                <a:gd name="connsiteX3948" fmla="*/ 1030266 w 2044700"/>
                <a:gd name="connsiteY3948" fmla="*/ 197086 h 800786"/>
                <a:gd name="connsiteX3949" fmla="*/ 1031889 w 2044700"/>
                <a:gd name="connsiteY3949" fmla="*/ 197086 h 800786"/>
                <a:gd name="connsiteX3950" fmla="*/ 1036758 w 2044700"/>
                <a:gd name="connsiteY3950" fmla="*/ 195463 h 800786"/>
                <a:gd name="connsiteX3951" fmla="*/ 1043251 w 2044700"/>
                <a:gd name="connsiteY3951" fmla="*/ 193840 h 800786"/>
                <a:gd name="connsiteX3952" fmla="*/ 1044874 w 2044700"/>
                <a:gd name="connsiteY3952" fmla="*/ 197086 h 800786"/>
                <a:gd name="connsiteX3953" fmla="*/ 1046497 w 2044700"/>
                <a:gd name="connsiteY3953" fmla="*/ 197086 h 800786"/>
                <a:gd name="connsiteX3954" fmla="*/ 1051366 w 2044700"/>
                <a:gd name="connsiteY3954" fmla="*/ 193840 h 800786"/>
                <a:gd name="connsiteX3955" fmla="*/ 1054612 w 2044700"/>
                <a:gd name="connsiteY3955" fmla="*/ 192217 h 800786"/>
                <a:gd name="connsiteX3956" fmla="*/ 1056235 w 2044700"/>
                <a:gd name="connsiteY3956" fmla="*/ 190594 h 800786"/>
                <a:gd name="connsiteX3957" fmla="*/ 1061105 w 2044700"/>
                <a:gd name="connsiteY3957" fmla="*/ 188971 h 800786"/>
                <a:gd name="connsiteX3958" fmla="*/ 1064351 w 2044700"/>
                <a:gd name="connsiteY3958" fmla="*/ 188971 h 800786"/>
                <a:gd name="connsiteX3959" fmla="*/ 1067597 w 2044700"/>
                <a:gd name="connsiteY3959" fmla="*/ 188971 h 800786"/>
                <a:gd name="connsiteX3960" fmla="*/ 1070843 w 2044700"/>
                <a:gd name="connsiteY3960" fmla="*/ 188971 h 800786"/>
                <a:gd name="connsiteX3961" fmla="*/ 1072466 w 2044700"/>
                <a:gd name="connsiteY3961" fmla="*/ 188971 h 800786"/>
                <a:gd name="connsiteX3962" fmla="*/ 1074089 w 2044700"/>
                <a:gd name="connsiteY3962" fmla="*/ 188971 h 800786"/>
                <a:gd name="connsiteX3963" fmla="*/ 1075713 w 2044700"/>
                <a:gd name="connsiteY3963" fmla="*/ 188971 h 800786"/>
                <a:gd name="connsiteX3964" fmla="*/ 1078959 w 2044700"/>
                <a:gd name="connsiteY3964" fmla="*/ 187349 h 800786"/>
                <a:gd name="connsiteX3965" fmla="*/ 1080582 w 2044700"/>
                <a:gd name="connsiteY3965" fmla="*/ 187349 h 800786"/>
                <a:gd name="connsiteX3966" fmla="*/ 1082205 w 2044700"/>
                <a:gd name="connsiteY3966" fmla="*/ 187349 h 800786"/>
                <a:gd name="connsiteX3967" fmla="*/ 1087074 w 2044700"/>
                <a:gd name="connsiteY3967" fmla="*/ 185726 h 800786"/>
                <a:gd name="connsiteX3968" fmla="*/ 1090320 w 2044700"/>
                <a:gd name="connsiteY3968" fmla="*/ 182480 h 800786"/>
                <a:gd name="connsiteX3969" fmla="*/ 1091943 w 2044700"/>
                <a:gd name="connsiteY3969" fmla="*/ 180857 h 800786"/>
                <a:gd name="connsiteX3970" fmla="*/ 1093567 w 2044700"/>
                <a:gd name="connsiteY3970" fmla="*/ 179234 h 800786"/>
                <a:gd name="connsiteX3971" fmla="*/ 1095190 w 2044700"/>
                <a:gd name="connsiteY3971" fmla="*/ 177611 h 800786"/>
                <a:gd name="connsiteX3972" fmla="*/ 1096813 w 2044700"/>
                <a:gd name="connsiteY3972" fmla="*/ 177611 h 800786"/>
                <a:gd name="connsiteX3973" fmla="*/ 1098436 w 2044700"/>
                <a:gd name="connsiteY3973" fmla="*/ 175989 h 800786"/>
                <a:gd name="connsiteX3974" fmla="*/ 1100059 w 2044700"/>
                <a:gd name="connsiteY3974" fmla="*/ 172743 h 800786"/>
                <a:gd name="connsiteX3975" fmla="*/ 1098436 w 2044700"/>
                <a:gd name="connsiteY3975" fmla="*/ 171120 h 800786"/>
                <a:gd name="connsiteX3976" fmla="*/ 1098436 w 2044700"/>
                <a:gd name="connsiteY3976" fmla="*/ 167874 h 800786"/>
                <a:gd name="connsiteX3977" fmla="*/ 1098436 w 2044700"/>
                <a:gd name="connsiteY3977" fmla="*/ 164629 h 800786"/>
                <a:gd name="connsiteX3978" fmla="*/ 1096813 w 2044700"/>
                <a:gd name="connsiteY3978" fmla="*/ 161383 h 800786"/>
                <a:gd name="connsiteX3979" fmla="*/ 1098436 w 2044700"/>
                <a:gd name="connsiteY3979" fmla="*/ 158137 h 800786"/>
                <a:gd name="connsiteX3980" fmla="*/ 1100059 w 2044700"/>
                <a:gd name="connsiteY3980" fmla="*/ 154892 h 800786"/>
                <a:gd name="connsiteX3981" fmla="*/ 1103305 w 2044700"/>
                <a:gd name="connsiteY3981" fmla="*/ 154892 h 800786"/>
                <a:gd name="connsiteX3982" fmla="*/ 1106551 w 2044700"/>
                <a:gd name="connsiteY3982" fmla="*/ 153269 h 800786"/>
                <a:gd name="connsiteX3983" fmla="*/ 1111421 w 2044700"/>
                <a:gd name="connsiteY3983" fmla="*/ 153269 h 800786"/>
                <a:gd name="connsiteX3984" fmla="*/ 1113044 w 2044700"/>
                <a:gd name="connsiteY3984" fmla="*/ 151646 h 800786"/>
                <a:gd name="connsiteX3985" fmla="*/ 1114667 w 2044700"/>
                <a:gd name="connsiteY3985" fmla="*/ 150023 h 800786"/>
                <a:gd name="connsiteX3986" fmla="*/ 1114667 w 2044700"/>
                <a:gd name="connsiteY3986" fmla="*/ 148400 h 800786"/>
                <a:gd name="connsiteX3987" fmla="*/ 1113044 w 2044700"/>
                <a:gd name="connsiteY3987" fmla="*/ 150023 h 800786"/>
                <a:gd name="connsiteX3988" fmla="*/ 1111421 w 2044700"/>
                <a:gd name="connsiteY3988" fmla="*/ 150023 h 800786"/>
                <a:gd name="connsiteX3989" fmla="*/ 1108174 w 2044700"/>
                <a:gd name="connsiteY3989" fmla="*/ 150023 h 800786"/>
                <a:gd name="connsiteX3990" fmla="*/ 1106551 w 2044700"/>
                <a:gd name="connsiteY3990" fmla="*/ 151646 h 800786"/>
                <a:gd name="connsiteX3991" fmla="*/ 1103305 w 2044700"/>
                <a:gd name="connsiteY3991" fmla="*/ 153269 h 800786"/>
                <a:gd name="connsiteX3992" fmla="*/ 1100059 w 2044700"/>
                <a:gd name="connsiteY3992" fmla="*/ 153269 h 800786"/>
                <a:gd name="connsiteX3993" fmla="*/ 1096813 w 2044700"/>
                <a:gd name="connsiteY3993" fmla="*/ 153269 h 800786"/>
                <a:gd name="connsiteX3994" fmla="*/ 1093567 w 2044700"/>
                <a:gd name="connsiteY3994" fmla="*/ 153269 h 800786"/>
                <a:gd name="connsiteX3995" fmla="*/ 1090320 w 2044700"/>
                <a:gd name="connsiteY3995" fmla="*/ 153269 h 800786"/>
                <a:gd name="connsiteX3996" fmla="*/ 1088697 w 2044700"/>
                <a:gd name="connsiteY3996" fmla="*/ 153269 h 800786"/>
                <a:gd name="connsiteX3997" fmla="*/ 1085451 w 2044700"/>
                <a:gd name="connsiteY3997" fmla="*/ 154892 h 800786"/>
                <a:gd name="connsiteX3998" fmla="*/ 1083828 w 2044700"/>
                <a:gd name="connsiteY3998" fmla="*/ 156514 h 800786"/>
                <a:gd name="connsiteX3999" fmla="*/ 1080582 w 2044700"/>
                <a:gd name="connsiteY3999" fmla="*/ 154892 h 800786"/>
                <a:gd name="connsiteX4000" fmla="*/ 1077336 w 2044700"/>
                <a:gd name="connsiteY4000" fmla="*/ 153269 h 800786"/>
                <a:gd name="connsiteX4001" fmla="*/ 1074089 w 2044700"/>
                <a:gd name="connsiteY4001" fmla="*/ 151646 h 800786"/>
                <a:gd name="connsiteX4002" fmla="*/ 1069220 w 2044700"/>
                <a:gd name="connsiteY4002" fmla="*/ 151646 h 800786"/>
                <a:gd name="connsiteX4003" fmla="*/ 1065974 w 2044700"/>
                <a:gd name="connsiteY4003" fmla="*/ 151646 h 800786"/>
                <a:gd name="connsiteX4004" fmla="*/ 1062728 w 2044700"/>
                <a:gd name="connsiteY4004" fmla="*/ 151646 h 800786"/>
                <a:gd name="connsiteX4005" fmla="*/ 1059482 w 2044700"/>
                <a:gd name="connsiteY4005" fmla="*/ 151646 h 800786"/>
                <a:gd name="connsiteX4006" fmla="*/ 1057858 w 2044700"/>
                <a:gd name="connsiteY4006" fmla="*/ 150023 h 800786"/>
                <a:gd name="connsiteX4007" fmla="*/ 1054612 w 2044700"/>
                <a:gd name="connsiteY4007" fmla="*/ 148400 h 800786"/>
                <a:gd name="connsiteX4008" fmla="*/ 1056235 w 2044700"/>
                <a:gd name="connsiteY4008" fmla="*/ 145154 h 800786"/>
                <a:gd name="connsiteX4009" fmla="*/ 1056235 w 2044700"/>
                <a:gd name="connsiteY4009" fmla="*/ 143532 h 800786"/>
                <a:gd name="connsiteX4010" fmla="*/ 1059482 w 2044700"/>
                <a:gd name="connsiteY4010" fmla="*/ 140286 h 800786"/>
                <a:gd name="connsiteX4011" fmla="*/ 1065974 w 2044700"/>
                <a:gd name="connsiteY4011" fmla="*/ 137040 h 800786"/>
                <a:gd name="connsiteX4012" fmla="*/ 1067597 w 2044700"/>
                <a:gd name="connsiteY4012" fmla="*/ 135417 h 800786"/>
                <a:gd name="connsiteX4013" fmla="*/ 1070843 w 2044700"/>
                <a:gd name="connsiteY4013" fmla="*/ 133794 h 800786"/>
                <a:gd name="connsiteX4014" fmla="*/ 1077336 w 2044700"/>
                <a:gd name="connsiteY4014" fmla="*/ 130549 h 800786"/>
                <a:gd name="connsiteX4015" fmla="*/ 1078959 w 2044700"/>
                <a:gd name="connsiteY4015" fmla="*/ 130549 h 800786"/>
                <a:gd name="connsiteX4016" fmla="*/ 1082205 w 2044700"/>
                <a:gd name="connsiteY4016" fmla="*/ 128926 h 800786"/>
                <a:gd name="connsiteX4017" fmla="*/ 1083828 w 2044700"/>
                <a:gd name="connsiteY4017" fmla="*/ 128926 h 800786"/>
                <a:gd name="connsiteX4018" fmla="*/ 1085451 w 2044700"/>
                <a:gd name="connsiteY4018" fmla="*/ 128926 h 800786"/>
                <a:gd name="connsiteX4019" fmla="*/ 1088697 w 2044700"/>
                <a:gd name="connsiteY4019" fmla="*/ 127303 h 800786"/>
                <a:gd name="connsiteX4020" fmla="*/ 1090320 w 2044700"/>
                <a:gd name="connsiteY4020" fmla="*/ 127303 h 800786"/>
                <a:gd name="connsiteX4021" fmla="*/ 1091943 w 2044700"/>
                <a:gd name="connsiteY4021" fmla="*/ 124057 h 800786"/>
                <a:gd name="connsiteX4022" fmla="*/ 1091943 w 2044700"/>
                <a:gd name="connsiteY4022" fmla="*/ 122435 h 800786"/>
                <a:gd name="connsiteX4023" fmla="*/ 1093567 w 2044700"/>
                <a:gd name="connsiteY4023" fmla="*/ 122435 h 800786"/>
                <a:gd name="connsiteX4024" fmla="*/ 1096813 w 2044700"/>
                <a:gd name="connsiteY4024" fmla="*/ 120812 h 800786"/>
                <a:gd name="connsiteX4025" fmla="*/ 1100059 w 2044700"/>
                <a:gd name="connsiteY4025" fmla="*/ 120812 h 800786"/>
                <a:gd name="connsiteX4026" fmla="*/ 1100059 w 2044700"/>
                <a:gd name="connsiteY4026" fmla="*/ 119189 h 800786"/>
                <a:gd name="connsiteX4027" fmla="*/ 1101682 w 2044700"/>
                <a:gd name="connsiteY4027" fmla="*/ 117566 h 800786"/>
                <a:gd name="connsiteX4028" fmla="*/ 1108174 w 2044700"/>
                <a:gd name="connsiteY4028" fmla="*/ 112697 h 800786"/>
                <a:gd name="connsiteX4029" fmla="*/ 1111421 w 2044700"/>
                <a:gd name="connsiteY4029" fmla="*/ 112697 h 800786"/>
                <a:gd name="connsiteX4030" fmla="*/ 1113044 w 2044700"/>
                <a:gd name="connsiteY4030" fmla="*/ 111075 h 800786"/>
                <a:gd name="connsiteX4031" fmla="*/ 1117913 w 2044700"/>
                <a:gd name="connsiteY4031" fmla="*/ 111075 h 800786"/>
                <a:gd name="connsiteX4032" fmla="*/ 1121159 w 2044700"/>
                <a:gd name="connsiteY4032" fmla="*/ 111075 h 800786"/>
                <a:gd name="connsiteX4033" fmla="*/ 1127652 w 2044700"/>
                <a:gd name="connsiteY4033" fmla="*/ 114320 h 800786"/>
                <a:gd name="connsiteX4034" fmla="*/ 1129275 w 2044700"/>
                <a:gd name="connsiteY4034" fmla="*/ 115943 h 800786"/>
                <a:gd name="connsiteX4035" fmla="*/ 1130898 w 2044700"/>
                <a:gd name="connsiteY4035" fmla="*/ 119189 h 800786"/>
                <a:gd name="connsiteX4036" fmla="*/ 1132521 w 2044700"/>
                <a:gd name="connsiteY4036" fmla="*/ 120812 h 800786"/>
                <a:gd name="connsiteX4037" fmla="*/ 1132521 w 2044700"/>
                <a:gd name="connsiteY4037" fmla="*/ 119189 h 800786"/>
                <a:gd name="connsiteX4038" fmla="*/ 1129275 w 2044700"/>
                <a:gd name="connsiteY4038" fmla="*/ 114320 h 800786"/>
                <a:gd name="connsiteX4039" fmla="*/ 1129275 w 2044700"/>
                <a:gd name="connsiteY4039" fmla="*/ 111075 h 800786"/>
                <a:gd name="connsiteX4040" fmla="*/ 1130898 w 2044700"/>
                <a:gd name="connsiteY4040" fmla="*/ 107829 h 800786"/>
                <a:gd name="connsiteX4041" fmla="*/ 1135767 w 2044700"/>
                <a:gd name="connsiteY4041" fmla="*/ 107829 h 800786"/>
                <a:gd name="connsiteX4042" fmla="*/ 1140636 w 2044700"/>
                <a:gd name="connsiteY4042" fmla="*/ 106206 h 800786"/>
                <a:gd name="connsiteX4043" fmla="*/ 1147129 w 2044700"/>
                <a:gd name="connsiteY4043" fmla="*/ 106206 h 800786"/>
                <a:gd name="connsiteX4044" fmla="*/ 1151998 w 2044700"/>
                <a:gd name="connsiteY4044" fmla="*/ 107829 h 800786"/>
                <a:gd name="connsiteX4045" fmla="*/ 1155244 w 2044700"/>
                <a:gd name="connsiteY4045" fmla="*/ 109452 h 800786"/>
                <a:gd name="connsiteX4046" fmla="*/ 1156867 w 2044700"/>
                <a:gd name="connsiteY4046" fmla="*/ 111075 h 800786"/>
                <a:gd name="connsiteX4047" fmla="*/ 1160113 w 2044700"/>
                <a:gd name="connsiteY4047" fmla="*/ 112697 h 800786"/>
                <a:gd name="connsiteX4048" fmla="*/ 1164983 w 2044700"/>
                <a:gd name="connsiteY4048" fmla="*/ 112697 h 800786"/>
                <a:gd name="connsiteX4049" fmla="*/ 1168229 w 2044700"/>
                <a:gd name="connsiteY4049" fmla="*/ 111075 h 800786"/>
                <a:gd name="connsiteX4050" fmla="*/ 1168229 w 2044700"/>
                <a:gd name="connsiteY4050" fmla="*/ 107829 h 800786"/>
                <a:gd name="connsiteX4051" fmla="*/ 1164983 w 2044700"/>
                <a:gd name="connsiteY4051" fmla="*/ 104583 h 800786"/>
                <a:gd name="connsiteX4052" fmla="*/ 1164983 w 2044700"/>
                <a:gd name="connsiteY4052" fmla="*/ 101337 h 800786"/>
                <a:gd name="connsiteX4053" fmla="*/ 1168229 w 2044700"/>
                <a:gd name="connsiteY4053" fmla="*/ 98092 h 800786"/>
                <a:gd name="connsiteX4054" fmla="*/ 1171475 w 2044700"/>
                <a:gd name="connsiteY4054" fmla="*/ 96469 h 800786"/>
                <a:gd name="connsiteX4055" fmla="*/ 1171475 w 2044700"/>
                <a:gd name="connsiteY4055" fmla="*/ 94846 h 800786"/>
                <a:gd name="connsiteX4056" fmla="*/ 1169852 w 2044700"/>
                <a:gd name="connsiteY4056" fmla="*/ 93223 h 800786"/>
                <a:gd name="connsiteX4057" fmla="*/ 1166606 w 2044700"/>
                <a:gd name="connsiteY4057" fmla="*/ 89978 h 800786"/>
                <a:gd name="connsiteX4058" fmla="*/ 1164983 w 2044700"/>
                <a:gd name="connsiteY4058" fmla="*/ 88355 h 800786"/>
                <a:gd name="connsiteX4059" fmla="*/ 1163360 w 2044700"/>
                <a:gd name="connsiteY4059" fmla="*/ 83486 h 800786"/>
                <a:gd name="connsiteX4060" fmla="*/ 1168229 w 2044700"/>
                <a:gd name="connsiteY4060" fmla="*/ 80240 h 800786"/>
                <a:gd name="connsiteX4061" fmla="*/ 1177967 w 2044700"/>
                <a:gd name="connsiteY4061" fmla="*/ 76995 h 800786"/>
                <a:gd name="connsiteX4062" fmla="*/ 1182837 w 2044700"/>
                <a:gd name="connsiteY4062" fmla="*/ 75372 h 800786"/>
                <a:gd name="connsiteX4063" fmla="*/ 1187706 w 2044700"/>
                <a:gd name="connsiteY4063" fmla="*/ 75372 h 800786"/>
                <a:gd name="connsiteX4064" fmla="*/ 1192575 w 2044700"/>
                <a:gd name="connsiteY4064" fmla="*/ 75372 h 800786"/>
                <a:gd name="connsiteX4065" fmla="*/ 1199068 w 2044700"/>
                <a:gd name="connsiteY4065" fmla="*/ 75372 h 800786"/>
                <a:gd name="connsiteX4066" fmla="*/ 1203937 w 2044700"/>
                <a:gd name="connsiteY4066" fmla="*/ 76995 h 800786"/>
                <a:gd name="connsiteX4067" fmla="*/ 1205560 w 2044700"/>
                <a:gd name="connsiteY4067" fmla="*/ 78618 h 800786"/>
                <a:gd name="connsiteX4068" fmla="*/ 1208806 w 2044700"/>
                <a:gd name="connsiteY4068" fmla="*/ 80240 h 800786"/>
                <a:gd name="connsiteX4069" fmla="*/ 1210429 w 2044700"/>
                <a:gd name="connsiteY4069" fmla="*/ 85109 h 800786"/>
                <a:gd name="connsiteX4070" fmla="*/ 1218545 w 2044700"/>
                <a:gd name="connsiteY4070" fmla="*/ 89978 h 800786"/>
                <a:gd name="connsiteX4071" fmla="*/ 1223414 w 2044700"/>
                <a:gd name="connsiteY4071" fmla="*/ 89978 h 800786"/>
                <a:gd name="connsiteX4072" fmla="*/ 1226660 w 2044700"/>
                <a:gd name="connsiteY4072" fmla="*/ 89978 h 800786"/>
                <a:gd name="connsiteX4073" fmla="*/ 1236399 w 2044700"/>
                <a:gd name="connsiteY4073" fmla="*/ 94846 h 800786"/>
                <a:gd name="connsiteX4074" fmla="*/ 1238022 w 2044700"/>
                <a:gd name="connsiteY4074" fmla="*/ 98092 h 800786"/>
                <a:gd name="connsiteX4075" fmla="*/ 1241268 w 2044700"/>
                <a:gd name="connsiteY4075" fmla="*/ 98092 h 800786"/>
                <a:gd name="connsiteX4076" fmla="*/ 1247761 w 2044700"/>
                <a:gd name="connsiteY4076" fmla="*/ 101337 h 800786"/>
                <a:gd name="connsiteX4077" fmla="*/ 1249384 w 2044700"/>
                <a:gd name="connsiteY4077" fmla="*/ 99715 h 800786"/>
                <a:gd name="connsiteX4078" fmla="*/ 1244514 w 2044700"/>
                <a:gd name="connsiteY4078" fmla="*/ 96469 h 800786"/>
                <a:gd name="connsiteX4079" fmla="*/ 1239645 w 2044700"/>
                <a:gd name="connsiteY4079" fmla="*/ 94846 h 800786"/>
                <a:gd name="connsiteX4080" fmla="*/ 1236399 w 2044700"/>
                <a:gd name="connsiteY4080" fmla="*/ 91600 h 800786"/>
                <a:gd name="connsiteX4081" fmla="*/ 1234776 w 2044700"/>
                <a:gd name="connsiteY4081" fmla="*/ 89978 h 800786"/>
                <a:gd name="connsiteX4082" fmla="*/ 1229906 w 2044700"/>
                <a:gd name="connsiteY4082" fmla="*/ 88355 h 800786"/>
                <a:gd name="connsiteX4083" fmla="*/ 1226660 w 2044700"/>
                <a:gd name="connsiteY4083" fmla="*/ 86732 h 800786"/>
                <a:gd name="connsiteX4084" fmla="*/ 1220168 w 2044700"/>
                <a:gd name="connsiteY4084" fmla="*/ 86732 h 800786"/>
                <a:gd name="connsiteX4085" fmla="*/ 1213676 w 2044700"/>
                <a:gd name="connsiteY4085" fmla="*/ 83486 h 800786"/>
                <a:gd name="connsiteX4086" fmla="*/ 1212052 w 2044700"/>
                <a:gd name="connsiteY4086" fmla="*/ 81863 h 800786"/>
                <a:gd name="connsiteX4087" fmla="*/ 1208806 w 2044700"/>
                <a:gd name="connsiteY4087" fmla="*/ 78618 h 800786"/>
                <a:gd name="connsiteX4088" fmla="*/ 1205560 w 2044700"/>
                <a:gd name="connsiteY4088" fmla="*/ 76995 h 800786"/>
                <a:gd name="connsiteX4089" fmla="*/ 1202314 w 2044700"/>
                <a:gd name="connsiteY4089" fmla="*/ 75372 h 800786"/>
                <a:gd name="connsiteX4090" fmla="*/ 1200691 w 2044700"/>
                <a:gd name="connsiteY4090" fmla="*/ 73749 h 800786"/>
                <a:gd name="connsiteX4091" fmla="*/ 1203937 w 2044700"/>
                <a:gd name="connsiteY4091" fmla="*/ 72126 h 800786"/>
                <a:gd name="connsiteX4092" fmla="*/ 1208806 w 2044700"/>
                <a:gd name="connsiteY4092" fmla="*/ 70503 h 800786"/>
                <a:gd name="connsiteX4093" fmla="*/ 1212052 w 2044700"/>
                <a:gd name="connsiteY4093" fmla="*/ 68880 h 800786"/>
                <a:gd name="connsiteX4094" fmla="*/ 1218545 w 2044700"/>
                <a:gd name="connsiteY4094" fmla="*/ 68880 h 800786"/>
                <a:gd name="connsiteX4095" fmla="*/ 1221791 w 2044700"/>
                <a:gd name="connsiteY4095" fmla="*/ 68880 h 800786"/>
                <a:gd name="connsiteX4096" fmla="*/ 1229906 w 2044700"/>
                <a:gd name="connsiteY4096" fmla="*/ 67258 h 800786"/>
                <a:gd name="connsiteX4097" fmla="*/ 1233153 w 2044700"/>
                <a:gd name="connsiteY4097" fmla="*/ 67258 h 800786"/>
                <a:gd name="connsiteX4098" fmla="*/ 1233153 w 2044700"/>
                <a:gd name="connsiteY4098" fmla="*/ 65635 h 800786"/>
                <a:gd name="connsiteX4099" fmla="*/ 1241268 w 2044700"/>
                <a:gd name="connsiteY4099" fmla="*/ 65635 h 800786"/>
                <a:gd name="connsiteX4100" fmla="*/ 1242891 w 2044700"/>
                <a:gd name="connsiteY4100" fmla="*/ 67258 h 800786"/>
                <a:gd name="connsiteX4101" fmla="*/ 1246137 w 2044700"/>
                <a:gd name="connsiteY4101" fmla="*/ 67258 h 800786"/>
                <a:gd name="connsiteX4102" fmla="*/ 1247761 w 2044700"/>
                <a:gd name="connsiteY4102" fmla="*/ 65635 h 800786"/>
                <a:gd name="connsiteX4103" fmla="*/ 1251007 w 2044700"/>
                <a:gd name="connsiteY4103" fmla="*/ 65635 h 800786"/>
                <a:gd name="connsiteX4104" fmla="*/ 1252630 w 2044700"/>
                <a:gd name="connsiteY4104" fmla="*/ 64012 h 800786"/>
                <a:gd name="connsiteX4105" fmla="*/ 1254253 w 2044700"/>
                <a:gd name="connsiteY4105" fmla="*/ 67258 h 800786"/>
                <a:gd name="connsiteX4106" fmla="*/ 1257499 w 2044700"/>
                <a:gd name="connsiteY4106" fmla="*/ 67258 h 800786"/>
                <a:gd name="connsiteX4107" fmla="*/ 1259122 w 2044700"/>
                <a:gd name="connsiteY4107" fmla="*/ 62389 h 800786"/>
                <a:gd name="connsiteX4108" fmla="*/ 1260745 w 2044700"/>
                <a:gd name="connsiteY4108" fmla="*/ 62389 h 800786"/>
                <a:gd name="connsiteX4109" fmla="*/ 1265615 w 2044700"/>
                <a:gd name="connsiteY4109" fmla="*/ 62389 h 800786"/>
                <a:gd name="connsiteX4110" fmla="*/ 1268861 w 2044700"/>
                <a:gd name="connsiteY4110" fmla="*/ 59143 h 800786"/>
                <a:gd name="connsiteX4111" fmla="*/ 1272107 w 2044700"/>
                <a:gd name="connsiteY4111" fmla="*/ 57521 h 800786"/>
                <a:gd name="connsiteX4112" fmla="*/ 1276976 w 2044700"/>
                <a:gd name="connsiteY4112" fmla="*/ 57521 h 800786"/>
                <a:gd name="connsiteX4113" fmla="*/ 1280222 w 2044700"/>
                <a:gd name="connsiteY4113" fmla="*/ 55898 h 800786"/>
                <a:gd name="connsiteX4114" fmla="*/ 1281846 w 2044700"/>
                <a:gd name="connsiteY4114" fmla="*/ 54275 h 800786"/>
                <a:gd name="connsiteX4115" fmla="*/ 1285092 w 2044700"/>
                <a:gd name="connsiteY4115" fmla="*/ 55898 h 800786"/>
                <a:gd name="connsiteX4116" fmla="*/ 1293207 w 2044700"/>
                <a:gd name="connsiteY4116" fmla="*/ 59143 h 800786"/>
                <a:gd name="connsiteX4117" fmla="*/ 1293207 w 2044700"/>
                <a:gd name="connsiteY4117" fmla="*/ 60766 h 800786"/>
                <a:gd name="connsiteX4118" fmla="*/ 1301323 w 2044700"/>
                <a:gd name="connsiteY4118" fmla="*/ 64012 h 800786"/>
                <a:gd name="connsiteX4119" fmla="*/ 1302946 w 2044700"/>
                <a:gd name="connsiteY4119" fmla="*/ 68880 h 800786"/>
                <a:gd name="connsiteX4120" fmla="*/ 1302946 w 2044700"/>
                <a:gd name="connsiteY4120" fmla="*/ 73749 h 800786"/>
                <a:gd name="connsiteX4121" fmla="*/ 1302946 w 2044700"/>
                <a:gd name="connsiteY4121" fmla="*/ 81863 h 800786"/>
                <a:gd name="connsiteX4122" fmla="*/ 1299700 w 2044700"/>
                <a:gd name="connsiteY4122" fmla="*/ 85109 h 800786"/>
                <a:gd name="connsiteX4123" fmla="*/ 1299700 w 2044700"/>
                <a:gd name="connsiteY4123" fmla="*/ 89978 h 800786"/>
                <a:gd name="connsiteX4124" fmla="*/ 1301323 w 2044700"/>
                <a:gd name="connsiteY4124" fmla="*/ 91600 h 800786"/>
                <a:gd name="connsiteX4125" fmla="*/ 1302946 w 2044700"/>
                <a:gd name="connsiteY4125" fmla="*/ 91600 h 800786"/>
                <a:gd name="connsiteX4126" fmla="*/ 1304569 w 2044700"/>
                <a:gd name="connsiteY4126" fmla="*/ 88355 h 800786"/>
                <a:gd name="connsiteX4127" fmla="*/ 1306192 w 2044700"/>
                <a:gd name="connsiteY4127" fmla="*/ 85109 h 800786"/>
                <a:gd name="connsiteX4128" fmla="*/ 1307815 w 2044700"/>
                <a:gd name="connsiteY4128" fmla="*/ 81863 h 800786"/>
                <a:gd name="connsiteX4129" fmla="*/ 1311061 w 2044700"/>
                <a:gd name="connsiteY4129" fmla="*/ 81863 h 800786"/>
                <a:gd name="connsiteX4130" fmla="*/ 1314307 w 2044700"/>
                <a:gd name="connsiteY4130" fmla="*/ 78618 h 800786"/>
                <a:gd name="connsiteX4131" fmla="*/ 1314307 w 2044700"/>
                <a:gd name="connsiteY4131" fmla="*/ 73749 h 800786"/>
                <a:gd name="connsiteX4132" fmla="*/ 1312684 w 2044700"/>
                <a:gd name="connsiteY4132" fmla="*/ 70503 h 800786"/>
                <a:gd name="connsiteX4133" fmla="*/ 1309438 w 2044700"/>
                <a:gd name="connsiteY4133" fmla="*/ 67258 h 800786"/>
                <a:gd name="connsiteX4134" fmla="*/ 1307815 w 2044700"/>
                <a:gd name="connsiteY4134" fmla="*/ 64012 h 800786"/>
                <a:gd name="connsiteX4135" fmla="*/ 1309438 w 2044700"/>
                <a:gd name="connsiteY4135" fmla="*/ 60766 h 800786"/>
                <a:gd name="connsiteX4136" fmla="*/ 1312684 w 2044700"/>
                <a:gd name="connsiteY4136" fmla="*/ 59143 h 800786"/>
                <a:gd name="connsiteX4137" fmla="*/ 1319177 w 2044700"/>
                <a:gd name="connsiteY4137" fmla="*/ 60766 h 800786"/>
                <a:gd name="connsiteX4138" fmla="*/ 1330539 w 2044700"/>
                <a:gd name="connsiteY4138" fmla="*/ 65635 h 800786"/>
                <a:gd name="connsiteX4139" fmla="*/ 1337031 w 2044700"/>
                <a:gd name="connsiteY4139" fmla="*/ 67258 h 800786"/>
                <a:gd name="connsiteX4140" fmla="*/ 1338654 w 2044700"/>
                <a:gd name="connsiteY4140" fmla="*/ 67258 h 800786"/>
                <a:gd name="connsiteX4141" fmla="*/ 1341900 w 2044700"/>
                <a:gd name="connsiteY4141" fmla="*/ 70503 h 800786"/>
                <a:gd name="connsiteX4142" fmla="*/ 1343524 w 2044700"/>
                <a:gd name="connsiteY4142" fmla="*/ 70503 h 800786"/>
                <a:gd name="connsiteX4143" fmla="*/ 1345147 w 2044700"/>
                <a:gd name="connsiteY4143" fmla="*/ 73749 h 800786"/>
                <a:gd name="connsiteX4144" fmla="*/ 1348393 w 2044700"/>
                <a:gd name="connsiteY4144" fmla="*/ 76995 h 800786"/>
                <a:gd name="connsiteX4145" fmla="*/ 1348393 w 2044700"/>
                <a:gd name="connsiteY4145" fmla="*/ 78618 h 800786"/>
                <a:gd name="connsiteX4146" fmla="*/ 1350016 w 2044700"/>
                <a:gd name="connsiteY4146" fmla="*/ 80240 h 800786"/>
                <a:gd name="connsiteX4147" fmla="*/ 1353262 w 2044700"/>
                <a:gd name="connsiteY4147" fmla="*/ 78618 h 800786"/>
                <a:gd name="connsiteX4148" fmla="*/ 1353262 w 2044700"/>
                <a:gd name="connsiteY4148" fmla="*/ 76995 h 800786"/>
                <a:gd name="connsiteX4149" fmla="*/ 1354885 w 2044700"/>
                <a:gd name="connsiteY4149" fmla="*/ 75372 h 800786"/>
                <a:gd name="connsiteX4150" fmla="*/ 1356508 w 2044700"/>
                <a:gd name="connsiteY4150" fmla="*/ 76995 h 800786"/>
                <a:gd name="connsiteX4151" fmla="*/ 1361378 w 2044700"/>
                <a:gd name="connsiteY4151" fmla="*/ 76995 h 800786"/>
                <a:gd name="connsiteX4152" fmla="*/ 1363001 w 2044700"/>
                <a:gd name="connsiteY4152" fmla="*/ 76995 h 800786"/>
                <a:gd name="connsiteX4153" fmla="*/ 1364624 w 2044700"/>
                <a:gd name="connsiteY4153" fmla="*/ 76995 h 800786"/>
                <a:gd name="connsiteX4154" fmla="*/ 1367870 w 2044700"/>
                <a:gd name="connsiteY4154" fmla="*/ 78618 h 800786"/>
                <a:gd name="connsiteX4155" fmla="*/ 1369493 w 2044700"/>
                <a:gd name="connsiteY4155" fmla="*/ 76995 h 800786"/>
                <a:gd name="connsiteX4156" fmla="*/ 1367870 w 2044700"/>
                <a:gd name="connsiteY4156" fmla="*/ 75372 h 800786"/>
                <a:gd name="connsiteX4157" fmla="*/ 1364624 w 2044700"/>
                <a:gd name="connsiteY4157" fmla="*/ 73749 h 800786"/>
                <a:gd name="connsiteX4158" fmla="*/ 1363001 w 2044700"/>
                <a:gd name="connsiteY4158" fmla="*/ 73749 h 800786"/>
                <a:gd name="connsiteX4159" fmla="*/ 1361378 w 2044700"/>
                <a:gd name="connsiteY4159" fmla="*/ 72126 h 800786"/>
                <a:gd name="connsiteX4160" fmla="*/ 1359754 w 2044700"/>
                <a:gd name="connsiteY4160" fmla="*/ 68880 h 800786"/>
                <a:gd name="connsiteX4161" fmla="*/ 1356508 w 2044700"/>
                <a:gd name="connsiteY4161" fmla="*/ 67258 h 800786"/>
                <a:gd name="connsiteX4162" fmla="*/ 1353262 w 2044700"/>
                <a:gd name="connsiteY4162" fmla="*/ 64012 h 800786"/>
                <a:gd name="connsiteX4163" fmla="*/ 1351639 w 2044700"/>
                <a:gd name="connsiteY4163" fmla="*/ 60766 h 800786"/>
                <a:gd name="connsiteX4164" fmla="*/ 1351639 w 2044700"/>
                <a:gd name="connsiteY4164" fmla="*/ 57521 h 800786"/>
                <a:gd name="connsiteX4165" fmla="*/ 1351639 w 2044700"/>
                <a:gd name="connsiteY4165" fmla="*/ 54275 h 800786"/>
                <a:gd name="connsiteX4166" fmla="*/ 1353262 w 2044700"/>
                <a:gd name="connsiteY4166" fmla="*/ 51029 h 800786"/>
                <a:gd name="connsiteX4167" fmla="*/ 1359754 w 2044700"/>
                <a:gd name="connsiteY4167" fmla="*/ 51029 h 800786"/>
                <a:gd name="connsiteX4168" fmla="*/ 1364624 w 2044700"/>
                <a:gd name="connsiteY4168" fmla="*/ 49406 h 800786"/>
                <a:gd name="connsiteX4169" fmla="*/ 1367870 w 2044700"/>
                <a:gd name="connsiteY4169" fmla="*/ 51029 h 800786"/>
                <a:gd name="connsiteX4170" fmla="*/ 1371116 w 2044700"/>
                <a:gd name="connsiteY4170" fmla="*/ 51029 h 800786"/>
                <a:gd name="connsiteX4171" fmla="*/ 1372739 w 2044700"/>
                <a:gd name="connsiteY4171" fmla="*/ 51029 h 800786"/>
                <a:gd name="connsiteX4172" fmla="*/ 1377609 w 2044700"/>
                <a:gd name="connsiteY4172" fmla="*/ 51029 h 800786"/>
                <a:gd name="connsiteX4173" fmla="*/ 1379232 w 2044700"/>
                <a:gd name="connsiteY4173" fmla="*/ 51029 h 800786"/>
                <a:gd name="connsiteX4174" fmla="*/ 1382478 w 2044700"/>
                <a:gd name="connsiteY4174" fmla="*/ 51029 h 800786"/>
                <a:gd name="connsiteX4175" fmla="*/ 1384101 w 2044700"/>
                <a:gd name="connsiteY4175" fmla="*/ 52652 h 800786"/>
                <a:gd name="connsiteX4176" fmla="*/ 1384101 w 2044700"/>
                <a:gd name="connsiteY4176" fmla="*/ 55898 h 800786"/>
                <a:gd name="connsiteX4177" fmla="*/ 1387347 w 2044700"/>
                <a:gd name="connsiteY4177" fmla="*/ 55898 h 800786"/>
                <a:gd name="connsiteX4178" fmla="*/ 1388970 w 2044700"/>
                <a:gd name="connsiteY4178" fmla="*/ 55898 h 800786"/>
                <a:gd name="connsiteX4179" fmla="*/ 1390593 w 2044700"/>
                <a:gd name="connsiteY4179" fmla="*/ 57521 h 800786"/>
                <a:gd name="connsiteX4180" fmla="*/ 1392216 w 2044700"/>
                <a:gd name="connsiteY4180" fmla="*/ 57521 h 800786"/>
                <a:gd name="connsiteX4181" fmla="*/ 1393839 w 2044700"/>
                <a:gd name="connsiteY4181" fmla="*/ 59143 h 800786"/>
                <a:gd name="connsiteX4182" fmla="*/ 1398709 w 2044700"/>
                <a:gd name="connsiteY4182" fmla="*/ 59143 h 800786"/>
                <a:gd name="connsiteX4183" fmla="*/ 1406824 w 2044700"/>
                <a:gd name="connsiteY4183" fmla="*/ 64012 h 800786"/>
                <a:gd name="connsiteX4184" fmla="*/ 1410070 w 2044700"/>
                <a:gd name="connsiteY4184" fmla="*/ 64012 h 800786"/>
                <a:gd name="connsiteX4185" fmla="*/ 1413317 w 2044700"/>
                <a:gd name="connsiteY4185" fmla="*/ 64012 h 800786"/>
                <a:gd name="connsiteX4186" fmla="*/ 1414940 w 2044700"/>
                <a:gd name="connsiteY4186" fmla="*/ 64012 h 800786"/>
                <a:gd name="connsiteX4187" fmla="*/ 1418186 w 2044700"/>
                <a:gd name="connsiteY4187" fmla="*/ 67258 h 800786"/>
                <a:gd name="connsiteX4188" fmla="*/ 1421432 w 2044700"/>
                <a:gd name="connsiteY4188" fmla="*/ 67258 h 800786"/>
                <a:gd name="connsiteX4189" fmla="*/ 1424678 w 2044700"/>
                <a:gd name="connsiteY4189" fmla="*/ 67258 h 800786"/>
                <a:gd name="connsiteX4190" fmla="*/ 1429548 w 2044700"/>
                <a:gd name="connsiteY4190" fmla="*/ 68880 h 800786"/>
                <a:gd name="connsiteX4191" fmla="*/ 1432794 w 2044700"/>
                <a:gd name="connsiteY4191" fmla="*/ 70503 h 800786"/>
                <a:gd name="connsiteX4192" fmla="*/ 1437663 w 2044700"/>
                <a:gd name="connsiteY4192" fmla="*/ 73749 h 800786"/>
                <a:gd name="connsiteX4193" fmla="*/ 1442532 w 2044700"/>
                <a:gd name="connsiteY4193" fmla="*/ 75372 h 800786"/>
                <a:gd name="connsiteX4194" fmla="*/ 1445778 w 2044700"/>
                <a:gd name="connsiteY4194" fmla="*/ 76995 h 800786"/>
                <a:gd name="connsiteX4195" fmla="*/ 1447402 w 2044700"/>
                <a:gd name="connsiteY4195" fmla="*/ 78618 h 800786"/>
                <a:gd name="connsiteX4196" fmla="*/ 1450648 w 2044700"/>
                <a:gd name="connsiteY4196" fmla="*/ 80240 h 800786"/>
                <a:gd name="connsiteX4197" fmla="*/ 1453894 w 2044700"/>
                <a:gd name="connsiteY4197" fmla="*/ 81863 h 800786"/>
                <a:gd name="connsiteX4198" fmla="*/ 1457140 w 2044700"/>
                <a:gd name="connsiteY4198" fmla="*/ 81863 h 800786"/>
                <a:gd name="connsiteX4199" fmla="*/ 1460386 w 2044700"/>
                <a:gd name="connsiteY4199" fmla="*/ 81863 h 800786"/>
                <a:gd name="connsiteX4200" fmla="*/ 1463633 w 2044700"/>
                <a:gd name="connsiteY4200" fmla="*/ 81863 h 800786"/>
                <a:gd name="connsiteX4201" fmla="*/ 1463633 w 2044700"/>
                <a:gd name="connsiteY4201" fmla="*/ 80240 h 800786"/>
                <a:gd name="connsiteX4202" fmla="*/ 1460386 w 2044700"/>
                <a:gd name="connsiteY4202" fmla="*/ 76995 h 800786"/>
                <a:gd name="connsiteX4203" fmla="*/ 1458763 w 2044700"/>
                <a:gd name="connsiteY4203" fmla="*/ 75372 h 800786"/>
                <a:gd name="connsiteX4204" fmla="*/ 1453894 w 2044700"/>
                <a:gd name="connsiteY4204" fmla="*/ 72126 h 800786"/>
                <a:gd name="connsiteX4205" fmla="*/ 1450648 w 2044700"/>
                <a:gd name="connsiteY4205" fmla="*/ 68880 h 800786"/>
                <a:gd name="connsiteX4206" fmla="*/ 1449025 w 2044700"/>
                <a:gd name="connsiteY4206" fmla="*/ 67258 h 800786"/>
                <a:gd name="connsiteX4207" fmla="*/ 1445778 w 2044700"/>
                <a:gd name="connsiteY4207" fmla="*/ 64012 h 800786"/>
                <a:gd name="connsiteX4208" fmla="*/ 1442532 w 2044700"/>
                <a:gd name="connsiteY4208" fmla="*/ 64012 h 800786"/>
                <a:gd name="connsiteX4209" fmla="*/ 1439286 w 2044700"/>
                <a:gd name="connsiteY4209" fmla="*/ 62389 h 800786"/>
                <a:gd name="connsiteX4210" fmla="*/ 1436040 w 2044700"/>
                <a:gd name="connsiteY4210" fmla="*/ 62389 h 800786"/>
                <a:gd name="connsiteX4211" fmla="*/ 1431171 w 2044700"/>
                <a:gd name="connsiteY4211" fmla="*/ 59143 h 800786"/>
                <a:gd name="connsiteX4212" fmla="*/ 1429548 w 2044700"/>
                <a:gd name="connsiteY4212" fmla="*/ 60766 h 800786"/>
                <a:gd name="connsiteX4213" fmla="*/ 1424678 w 2044700"/>
                <a:gd name="connsiteY4213" fmla="*/ 59143 h 800786"/>
                <a:gd name="connsiteX4214" fmla="*/ 1421432 w 2044700"/>
                <a:gd name="connsiteY4214" fmla="*/ 57521 h 800786"/>
                <a:gd name="connsiteX4215" fmla="*/ 1418186 w 2044700"/>
                <a:gd name="connsiteY4215" fmla="*/ 54275 h 800786"/>
                <a:gd name="connsiteX4216" fmla="*/ 1414940 w 2044700"/>
                <a:gd name="connsiteY4216" fmla="*/ 52652 h 800786"/>
                <a:gd name="connsiteX4217" fmla="*/ 1413317 w 2044700"/>
                <a:gd name="connsiteY4217" fmla="*/ 51029 h 800786"/>
                <a:gd name="connsiteX4218" fmla="*/ 1410070 w 2044700"/>
                <a:gd name="connsiteY4218" fmla="*/ 47783 h 800786"/>
                <a:gd name="connsiteX4219" fmla="*/ 1410070 w 2044700"/>
                <a:gd name="connsiteY4219" fmla="*/ 46161 h 800786"/>
                <a:gd name="connsiteX4220" fmla="*/ 1413317 w 2044700"/>
                <a:gd name="connsiteY4220" fmla="*/ 46161 h 800786"/>
                <a:gd name="connsiteX4221" fmla="*/ 1421432 w 2044700"/>
                <a:gd name="connsiteY4221" fmla="*/ 44538 h 800786"/>
                <a:gd name="connsiteX4222" fmla="*/ 1423055 w 2044700"/>
                <a:gd name="connsiteY4222" fmla="*/ 44538 h 800786"/>
                <a:gd name="connsiteX4223" fmla="*/ 1427924 w 2044700"/>
                <a:gd name="connsiteY4223" fmla="*/ 42915 h 800786"/>
                <a:gd name="connsiteX4224" fmla="*/ 1431171 w 2044700"/>
                <a:gd name="connsiteY4224" fmla="*/ 44538 h 800786"/>
                <a:gd name="connsiteX4225" fmla="*/ 1439286 w 2044700"/>
                <a:gd name="connsiteY4225" fmla="*/ 44538 h 800786"/>
                <a:gd name="connsiteX4226" fmla="*/ 1440909 w 2044700"/>
                <a:gd name="connsiteY4226" fmla="*/ 44538 h 800786"/>
                <a:gd name="connsiteX4227" fmla="*/ 1445778 w 2044700"/>
                <a:gd name="connsiteY4227" fmla="*/ 47783 h 800786"/>
                <a:gd name="connsiteX4228" fmla="*/ 1450648 w 2044700"/>
                <a:gd name="connsiteY4228" fmla="*/ 49406 h 800786"/>
                <a:gd name="connsiteX4229" fmla="*/ 1462009 w 2044700"/>
                <a:gd name="connsiteY4229" fmla="*/ 52652 h 800786"/>
                <a:gd name="connsiteX4230" fmla="*/ 1465256 w 2044700"/>
                <a:gd name="connsiteY4230" fmla="*/ 54275 h 800786"/>
                <a:gd name="connsiteX4231" fmla="*/ 1470125 w 2044700"/>
                <a:gd name="connsiteY4231" fmla="*/ 57521 h 800786"/>
                <a:gd name="connsiteX4232" fmla="*/ 1476617 w 2044700"/>
                <a:gd name="connsiteY4232" fmla="*/ 59143 h 800786"/>
                <a:gd name="connsiteX4233" fmla="*/ 1479863 w 2044700"/>
                <a:gd name="connsiteY4233" fmla="*/ 59143 h 800786"/>
                <a:gd name="connsiteX4234" fmla="*/ 1478240 w 2044700"/>
                <a:gd name="connsiteY4234" fmla="*/ 57521 h 800786"/>
                <a:gd name="connsiteX4235" fmla="*/ 1474994 w 2044700"/>
                <a:gd name="connsiteY4235" fmla="*/ 54275 h 800786"/>
                <a:gd name="connsiteX4236" fmla="*/ 1470125 w 2044700"/>
                <a:gd name="connsiteY4236" fmla="*/ 54275 h 800786"/>
                <a:gd name="connsiteX4237" fmla="*/ 1468502 w 2044700"/>
                <a:gd name="connsiteY4237" fmla="*/ 54275 h 800786"/>
                <a:gd name="connsiteX4238" fmla="*/ 1466879 w 2044700"/>
                <a:gd name="connsiteY4238" fmla="*/ 51029 h 800786"/>
                <a:gd name="connsiteX4239" fmla="*/ 1462009 w 2044700"/>
                <a:gd name="connsiteY4239" fmla="*/ 49406 h 800786"/>
                <a:gd name="connsiteX4240" fmla="*/ 1460386 w 2044700"/>
                <a:gd name="connsiteY4240" fmla="*/ 49406 h 800786"/>
                <a:gd name="connsiteX4241" fmla="*/ 1457140 w 2044700"/>
                <a:gd name="connsiteY4241" fmla="*/ 46161 h 800786"/>
                <a:gd name="connsiteX4242" fmla="*/ 1452271 w 2044700"/>
                <a:gd name="connsiteY4242" fmla="*/ 46161 h 800786"/>
                <a:gd name="connsiteX4243" fmla="*/ 1449025 w 2044700"/>
                <a:gd name="connsiteY4243" fmla="*/ 42915 h 800786"/>
                <a:gd name="connsiteX4244" fmla="*/ 1447402 w 2044700"/>
                <a:gd name="connsiteY4244" fmla="*/ 41292 h 800786"/>
                <a:gd name="connsiteX4245" fmla="*/ 1453894 w 2044700"/>
                <a:gd name="connsiteY4245" fmla="*/ 39669 h 800786"/>
                <a:gd name="connsiteX4246" fmla="*/ 1457140 w 2044700"/>
                <a:gd name="connsiteY4246" fmla="*/ 39669 h 800786"/>
                <a:gd name="connsiteX4247" fmla="*/ 1463633 w 2044700"/>
                <a:gd name="connsiteY4247" fmla="*/ 39669 h 800786"/>
                <a:gd name="connsiteX4248" fmla="*/ 1462009 w 2044700"/>
                <a:gd name="connsiteY4248" fmla="*/ 38046 h 800786"/>
                <a:gd name="connsiteX4249" fmla="*/ 1455517 w 2044700"/>
                <a:gd name="connsiteY4249" fmla="*/ 36423 h 800786"/>
                <a:gd name="connsiteX4250" fmla="*/ 1450648 w 2044700"/>
                <a:gd name="connsiteY4250" fmla="*/ 36423 h 800786"/>
                <a:gd name="connsiteX4251" fmla="*/ 1439286 w 2044700"/>
                <a:gd name="connsiteY4251" fmla="*/ 36423 h 800786"/>
                <a:gd name="connsiteX4252" fmla="*/ 1436040 w 2044700"/>
                <a:gd name="connsiteY4252" fmla="*/ 36423 h 800786"/>
                <a:gd name="connsiteX4253" fmla="*/ 1431171 w 2044700"/>
                <a:gd name="connsiteY4253" fmla="*/ 33178 h 800786"/>
                <a:gd name="connsiteX4254" fmla="*/ 1427924 w 2044700"/>
                <a:gd name="connsiteY4254" fmla="*/ 31555 h 800786"/>
                <a:gd name="connsiteX4255" fmla="*/ 1427924 w 2044700"/>
                <a:gd name="connsiteY4255" fmla="*/ 28309 h 800786"/>
                <a:gd name="connsiteX4256" fmla="*/ 1431171 w 2044700"/>
                <a:gd name="connsiteY4256" fmla="*/ 25064 h 800786"/>
                <a:gd name="connsiteX4257" fmla="*/ 1437663 w 2044700"/>
                <a:gd name="connsiteY4257" fmla="*/ 25064 h 800786"/>
                <a:gd name="connsiteX4258" fmla="*/ 1442532 w 2044700"/>
                <a:gd name="connsiteY4258" fmla="*/ 28309 h 800786"/>
                <a:gd name="connsiteX4259" fmla="*/ 1445778 w 2044700"/>
                <a:gd name="connsiteY4259" fmla="*/ 28309 h 800786"/>
                <a:gd name="connsiteX4260" fmla="*/ 1449025 w 2044700"/>
                <a:gd name="connsiteY4260" fmla="*/ 31555 h 800786"/>
                <a:gd name="connsiteX4261" fmla="*/ 1450648 w 2044700"/>
                <a:gd name="connsiteY4261" fmla="*/ 31555 h 800786"/>
                <a:gd name="connsiteX4262" fmla="*/ 1452271 w 2044700"/>
                <a:gd name="connsiteY4262" fmla="*/ 28309 h 800786"/>
                <a:gd name="connsiteX4263" fmla="*/ 1450648 w 2044700"/>
                <a:gd name="connsiteY4263" fmla="*/ 25064 h 800786"/>
                <a:gd name="connsiteX4264" fmla="*/ 1449025 w 2044700"/>
                <a:gd name="connsiteY4264" fmla="*/ 23441 h 800786"/>
                <a:gd name="connsiteX4265" fmla="*/ 1457140 w 2044700"/>
                <a:gd name="connsiteY4265" fmla="*/ 23441 h 800786"/>
                <a:gd name="connsiteX4266" fmla="*/ 1458763 w 2044700"/>
                <a:gd name="connsiteY4266" fmla="*/ 23441 h 800786"/>
                <a:gd name="connsiteX4267" fmla="*/ 1470125 w 2044700"/>
                <a:gd name="connsiteY4267" fmla="*/ 23441 h 800786"/>
                <a:gd name="connsiteX4268" fmla="*/ 1473371 w 2044700"/>
                <a:gd name="connsiteY4268" fmla="*/ 23441 h 800786"/>
                <a:gd name="connsiteX4269" fmla="*/ 1478240 w 2044700"/>
                <a:gd name="connsiteY4269" fmla="*/ 21818 h 800786"/>
                <a:gd name="connsiteX4270" fmla="*/ 1479863 w 2044700"/>
                <a:gd name="connsiteY4270" fmla="*/ 21818 h 800786"/>
                <a:gd name="connsiteX4271" fmla="*/ 1484733 w 2044700"/>
                <a:gd name="connsiteY4271" fmla="*/ 21818 h 800786"/>
                <a:gd name="connsiteX4272" fmla="*/ 1487979 w 2044700"/>
                <a:gd name="connsiteY4272" fmla="*/ 21818 h 800786"/>
                <a:gd name="connsiteX4273" fmla="*/ 1489602 w 2044700"/>
                <a:gd name="connsiteY4273" fmla="*/ 20195 h 800786"/>
                <a:gd name="connsiteX4274" fmla="*/ 1491225 w 2044700"/>
                <a:gd name="connsiteY4274" fmla="*/ 18572 h 800786"/>
                <a:gd name="connsiteX4275" fmla="*/ 1496094 w 2044700"/>
                <a:gd name="connsiteY4275" fmla="*/ 18572 h 800786"/>
                <a:gd name="connsiteX4276" fmla="*/ 1499341 w 2044700"/>
                <a:gd name="connsiteY4276" fmla="*/ 16949 h 800786"/>
                <a:gd name="connsiteX4277" fmla="*/ 1512325 w 2044700"/>
                <a:gd name="connsiteY4277" fmla="*/ 21818 h 800786"/>
                <a:gd name="connsiteX4278" fmla="*/ 1517195 w 2044700"/>
                <a:gd name="connsiteY4278" fmla="*/ 23441 h 800786"/>
                <a:gd name="connsiteX4279" fmla="*/ 1520441 w 2044700"/>
                <a:gd name="connsiteY4279" fmla="*/ 25064 h 800786"/>
                <a:gd name="connsiteX4280" fmla="*/ 1525310 w 2044700"/>
                <a:gd name="connsiteY4280" fmla="*/ 26686 h 800786"/>
                <a:gd name="connsiteX4281" fmla="*/ 1530179 w 2044700"/>
                <a:gd name="connsiteY4281" fmla="*/ 26686 h 800786"/>
                <a:gd name="connsiteX4282" fmla="*/ 1533426 w 2044700"/>
                <a:gd name="connsiteY4282" fmla="*/ 26686 h 800786"/>
                <a:gd name="connsiteX4283" fmla="*/ 1536672 w 2044700"/>
                <a:gd name="connsiteY4283" fmla="*/ 28309 h 800786"/>
                <a:gd name="connsiteX4284" fmla="*/ 1539918 w 2044700"/>
                <a:gd name="connsiteY4284" fmla="*/ 29932 h 800786"/>
                <a:gd name="connsiteX4285" fmla="*/ 1544787 w 2044700"/>
                <a:gd name="connsiteY4285" fmla="*/ 28309 h 800786"/>
                <a:gd name="connsiteX4286" fmla="*/ 1548033 w 2044700"/>
                <a:gd name="connsiteY4286" fmla="*/ 26686 h 800786"/>
                <a:gd name="connsiteX4287" fmla="*/ 1546410 w 2044700"/>
                <a:gd name="connsiteY4287" fmla="*/ 23441 h 800786"/>
                <a:gd name="connsiteX4288" fmla="*/ 1544787 w 2044700"/>
                <a:gd name="connsiteY4288" fmla="*/ 21818 h 800786"/>
                <a:gd name="connsiteX4289" fmla="*/ 1551280 w 2044700"/>
                <a:gd name="connsiteY4289" fmla="*/ 20195 h 800786"/>
                <a:gd name="connsiteX4290" fmla="*/ 1557772 w 2044700"/>
                <a:gd name="connsiteY4290" fmla="*/ 21818 h 800786"/>
                <a:gd name="connsiteX4291" fmla="*/ 1561018 w 2044700"/>
                <a:gd name="connsiteY4291" fmla="*/ 23441 h 800786"/>
                <a:gd name="connsiteX4292" fmla="*/ 1559395 w 2044700"/>
                <a:gd name="connsiteY4292" fmla="*/ 26686 h 800786"/>
                <a:gd name="connsiteX4293" fmla="*/ 1556149 w 2044700"/>
                <a:gd name="connsiteY4293" fmla="*/ 29932 h 800786"/>
                <a:gd name="connsiteX4294" fmla="*/ 1561018 w 2044700"/>
                <a:gd name="connsiteY4294" fmla="*/ 33178 h 800786"/>
                <a:gd name="connsiteX4295" fmla="*/ 1562641 w 2044700"/>
                <a:gd name="connsiteY4295" fmla="*/ 34801 h 800786"/>
                <a:gd name="connsiteX4296" fmla="*/ 1570757 w 2044700"/>
                <a:gd name="connsiteY4296" fmla="*/ 38046 h 800786"/>
                <a:gd name="connsiteX4297" fmla="*/ 1570757 w 2044700"/>
                <a:gd name="connsiteY4297" fmla="*/ 34801 h 800786"/>
                <a:gd name="connsiteX4298" fmla="*/ 1565887 w 2044700"/>
                <a:gd name="connsiteY4298" fmla="*/ 31555 h 800786"/>
                <a:gd name="connsiteX4299" fmla="*/ 1565887 w 2044700"/>
                <a:gd name="connsiteY4299" fmla="*/ 29932 h 800786"/>
                <a:gd name="connsiteX4300" fmla="*/ 1572380 w 2044700"/>
                <a:gd name="connsiteY4300" fmla="*/ 28309 h 800786"/>
                <a:gd name="connsiteX4301" fmla="*/ 1574003 w 2044700"/>
                <a:gd name="connsiteY4301" fmla="*/ 26686 h 800786"/>
                <a:gd name="connsiteX4302" fmla="*/ 1575626 w 2044700"/>
                <a:gd name="connsiteY4302" fmla="*/ 25064 h 800786"/>
                <a:gd name="connsiteX4303" fmla="*/ 1580495 w 2044700"/>
                <a:gd name="connsiteY4303" fmla="*/ 25064 h 800786"/>
                <a:gd name="connsiteX4304" fmla="*/ 1583741 w 2044700"/>
                <a:gd name="connsiteY4304" fmla="*/ 23441 h 800786"/>
                <a:gd name="connsiteX4305" fmla="*/ 1588611 w 2044700"/>
                <a:gd name="connsiteY4305" fmla="*/ 23441 h 800786"/>
                <a:gd name="connsiteX4306" fmla="*/ 1585365 w 2044700"/>
                <a:gd name="connsiteY4306" fmla="*/ 21818 h 800786"/>
                <a:gd name="connsiteX4307" fmla="*/ 1578872 w 2044700"/>
                <a:gd name="connsiteY4307" fmla="*/ 21818 h 800786"/>
                <a:gd name="connsiteX4308" fmla="*/ 1574003 w 2044700"/>
                <a:gd name="connsiteY4308" fmla="*/ 20195 h 800786"/>
                <a:gd name="connsiteX4309" fmla="*/ 1569134 w 2044700"/>
                <a:gd name="connsiteY4309" fmla="*/ 16949 h 800786"/>
                <a:gd name="connsiteX4310" fmla="*/ 1567511 w 2044700"/>
                <a:gd name="connsiteY4310" fmla="*/ 13704 h 800786"/>
                <a:gd name="connsiteX4311" fmla="*/ 1572380 w 2044700"/>
                <a:gd name="connsiteY4311" fmla="*/ 12081 h 800786"/>
                <a:gd name="connsiteX4312" fmla="*/ 1577249 w 2044700"/>
                <a:gd name="connsiteY4312" fmla="*/ 10458 h 800786"/>
                <a:gd name="connsiteX4313" fmla="*/ 1582118 w 2044700"/>
                <a:gd name="connsiteY4313" fmla="*/ 12081 h 800786"/>
                <a:gd name="connsiteX4314" fmla="*/ 1586988 w 2044700"/>
                <a:gd name="connsiteY4314" fmla="*/ 8835 h 800786"/>
                <a:gd name="connsiteX4315" fmla="*/ 1596726 w 2044700"/>
                <a:gd name="connsiteY4315" fmla="*/ 7212 h 800786"/>
                <a:gd name="connsiteX4316" fmla="*/ 1599972 w 2044700"/>
                <a:gd name="connsiteY4316" fmla="*/ 8835 h 800786"/>
                <a:gd name="connsiteX4317" fmla="*/ 1601596 w 2044700"/>
                <a:gd name="connsiteY4317" fmla="*/ 8835 h 800786"/>
                <a:gd name="connsiteX4318" fmla="*/ 1603219 w 2044700"/>
                <a:gd name="connsiteY4318" fmla="*/ 10458 h 800786"/>
                <a:gd name="connsiteX4319" fmla="*/ 1608088 w 2044700"/>
                <a:gd name="connsiteY4319" fmla="*/ 7212 h 800786"/>
                <a:gd name="connsiteX4320" fmla="*/ 1609711 w 2044700"/>
                <a:gd name="connsiteY4320" fmla="*/ 3966 h 800786"/>
                <a:gd name="connsiteX4321" fmla="*/ 1614580 w 2044700"/>
                <a:gd name="connsiteY4321" fmla="*/ 3966 h 800786"/>
                <a:gd name="connsiteX4322" fmla="*/ 1621073 w 2044700"/>
                <a:gd name="connsiteY4322" fmla="*/ 2344 h 800786"/>
                <a:gd name="connsiteX4323" fmla="*/ 1647042 w 2044700"/>
                <a:gd name="connsiteY4323" fmla="*/ 2344 h 800786"/>
                <a:gd name="connsiteX4324" fmla="*/ 1650288 w 2044700"/>
                <a:gd name="connsiteY4324" fmla="*/ 3966 h 800786"/>
                <a:gd name="connsiteX4325" fmla="*/ 1651911 w 2044700"/>
                <a:gd name="connsiteY4325" fmla="*/ 7212 h 800786"/>
                <a:gd name="connsiteX4326" fmla="*/ 1656781 w 2044700"/>
                <a:gd name="connsiteY4326" fmla="*/ 8835 h 800786"/>
                <a:gd name="connsiteX4327" fmla="*/ 1658404 w 2044700"/>
                <a:gd name="connsiteY4327" fmla="*/ 3966 h 800786"/>
                <a:gd name="connsiteX4328" fmla="*/ 1658404 w 2044700"/>
                <a:gd name="connsiteY4328" fmla="*/ 2344 h 800786"/>
                <a:gd name="connsiteX4329" fmla="*/ 1663273 w 2044700"/>
                <a:gd name="connsiteY4329" fmla="*/ 721 h 800786"/>
                <a:gd name="connsiteX4330" fmla="*/ 1669765 w 2044700"/>
                <a:gd name="connsiteY4330" fmla="*/ 721 h 800786"/>
                <a:gd name="connsiteX4331" fmla="*/ 1682953 w 2044700"/>
                <a:gd name="connsiteY4331" fmla="*/ 112 h 8007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 ang="0">
                  <a:pos x="connsiteX535" y="connsiteY535"/>
                </a:cxn>
                <a:cxn ang="0">
                  <a:pos x="connsiteX536" y="connsiteY536"/>
                </a:cxn>
                <a:cxn ang="0">
                  <a:pos x="connsiteX537" y="connsiteY537"/>
                </a:cxn>
                <a:cxn ang="0">
                  <a:pos x="connsiteX538" y="connsiteY538"/>
                </a:cxn>
                <a:cxn ang="0">
                  <a:pos x="connsiteX539" y="connsiteY539"/>
                </a:cxn>
                <a:cxn ang="0">
                  <a:pos x="connsiteX540" y="connsiteY540"/>
                </a:cxn>
                <a:cxn ang="0">
                  <a:pos x="connsiteX541" y="connsiteY541"/>
                </a:cxn>
                <a:cxn ang="0">
                  <a:pos x="connsiteX542" y="connsiteY542"/>
                </a:cxn>
                <a:cxn ang="0">
                  <a:pos x="connsiteX543" y="connsiteY543"/>
                </a:cxn>
                <a:cxn ang="0">
                  <a:pos x="connsiteX544" y="connsiteY544"/>
                </a:cxn>
                <a:cxn ang="0">
                  <a:pos x="connsiteX545" y="connsiteY545"/>
                </a:cxn>
                <a:cxn ang="0">
                  <a:pos x="connsiteX546" y="connsiteY546"/>
                </a:cxn>
                <a:cxn ang="0">
                  <a:pos x="connsiteX547" y="connsiteY547"/>
                </a:cxn>
                <a:cxn ang="0">
                  <a:pos x="connsiteX548" y="connsiteY548"/>
                </a:cxn>
                <a:cxn ang="0">
                  <a:pos x="connsiteX549" y="connsiteY549"/>
                </a:cxn>
                <a:cxn ang="0">
                  <a:pos x="connsiteX550" y="connsiteY550"/>
                </a:cxn>
                <a:cxn ang="0">
                  <a:pos x="connsiteX551" y="connsiteY551"/>
                </a:cxn>
                <a:cxn ang="0">
                  <a:pos x="connsiteX552" y="connsiteY552"/>
                </a:cxn>
                <a:cxn ang="0">
                  <a:pos x="connsiteX553" y="connsiteY553"/>
                </a:cxn>
                <a:cxn ang="0">
                  <a:pos x="connsiteX554" y="connsiteY554"/>
                </a:cxn>
                <a:cxn ang="0">
                  <a:pos x="connsiteX555" y="connsiteY555"/>
                </a:cxn>
                <a:cxn ang="0">
                  <a:pos x="connsiteX556" y="connsiteY556"/>
                </a:cxn>
                <a:cxn ang="0">
                  <a:pos x="connsiteX557" y="connsiteY557"/>
                </a:cxn>
                <a:cxn ang="0">
                  <a:pos x="connsiteX558" y="connsiteY558"/>
                </a:cxn>
                <a:cxn ang="0">
                  <a:pos x="connsiteX559" y="connsiteY559"/>
                </a:cxn>
                <a:cxn ang="0">
                  <a:pos x="connsiteX560" y="connsiteY560"/>
                </a:cxn>
                <a:cxn ang="0">
                  <a:pos x="connsiteX561" y="connsiteY561"/>
                </a:cxn>
                <a:cxn ang="0">
                  <a:pos x="connsiteX562" y="connsiteY562"/>
                </a:cxn>
                <a:cxn ang="0">
                  <a:pos x="connsiteX563" y="connsiteY563"/>
                </a:cxn>
                <a:cxn ang="0">
                  <a:pos x="connsiteX564" y="connsiteY564"/>
                </a:cxn>
                <a:cxn ang="0">
                  <a:pos x="connsiteX565" y="connsiteY565"/>
                </a:cxn>
                <a:cxn ang="0">
                  <a:pos x="connsiteX566" y="connsiteY566"/>
                </a:cxn>
                <a:cxn ang="0">
                  <a:pos x="connsiteX567" y="connsiteY567"/>
                </a:cxn>
                <a:cxn ang="0">
                  <a:pos x="connsiteX568" y="connsiteY568"/>
                </a:cxn>
                <a:cxn ang="0">
                  <a:pos x="connsiteX569" y="connsiteY569"/>
                </a:cxn>
                <a:cxn ang="0">
                  <a:pos x="connsiteX570" y="connsiteY570"/>
                </a:cxn>
                <a:cxn ang="0">
                  <a:pos x="connsiteX571" y="connsiteY571"/>
                </a:cxn>
                <a:cxn ang="0">
                  <a:pos x="connsiteX572" y="connsiteY572"/>
                </a:cxn>
                <a:cxn ang="0">
                  <a:pos x="connsiteX573" y="connsiteY573"/>
                </a:cxn>
                <a:cxn ang="0">
                  <a:pos x="connsiteX574" y="connsiteY574"/>
                </a:cxn>
                <a:cxn ang="0">
                  <a:pos x="connsiteX575" y="connsiteY575"/>
                </a:cxn>
                <a:cxn ang="0">
                  <a:pos x="connsiteX576" y="connsiteY576"/>
                </a:cxn>
                <a:cxn ang="0">
                  <a:pos x="connsiteX577" y="connsiteY577"/>
                </a:cxn>
                <a:cxn ang="0">
                  <a:pos x="connsiteX578" y="connsiteY578"/>
                </a:cxn>
                <a:cxn ang="0">
                  <a:pos x="connsiteX579" y="connsiteY579"/>
                </a:cxn>
                <a:cxn ang="0">
                  <a:pos x="connsiteX580" y="connsiteY580"/>
                </a:cxn>
                <a:cxn ang="0">
                  <a:pos x="connsiteX581" y="connsiteY581"/>
                </a:cxn>
                <a:cxn ang="0">
                  <a:pos x="connsiteX582" y="connsiteY582"/>
                </a:cxn>
                <a:cxn ang="0">
                  <a:pos x="connsiteX583" y="connsiteY583"/>
                </a:cxn>
                <a:cxn ang="0">
                  <a:pos x="connsiteX584" y="connsiteY584"/>
                </a:cxn>
                <a:cxn ang="0">
                  <a:pos x="connsiteX585" y="connsiteY585"/>
                </a:cxn>
                <a:cxn ang="0">
                  <a:pos x="connsiteX586" y="connsiteY586"/>
                </a:cxn>
                <a:cxn ang="0">
                  <a:pos x="connsiteX587" y="connsiteY587"/>
                </a:cxn>
                <a:cxn ang="0">
                  <a:pos x="connsiteX588" y="connsiteY588"/>
                </a:cxn>
                <a:cxn ang="0">
                  <a:pos x="connsiteX589" y="connsiteY589"/>
                </a:cxn>
                <a:cxn ang="0">
                  <a:pos x="connsiteX590" y="connsiteY590"/>
                </a:cxn>
                <a:cxn ang="0">
                  <a:pos x="connsiteX591" y="connsiteY591"/>
                </a:cxn>
                <a:cxn ang="0">
                  <a:pos x="connsiteX592" y="connsiteY592"/>
                </a:cxn>
                <a:cxn ang="0">
                  <a:pos x="connsiteX593" y="connsiteY593"/>
                </a:cxn>
                <a:cxn ang="0">
                  <a:pos x="connsiteX594" y="connsiteY594"/>
                </a:cxn>
                <a:cxn ang="0">
                  <a:pos x="connsiteX595" y="connsiteY595"/>
                </a:cxn>
                <a:cxn ang="0">
                  <a:pos x="connsiteX596" y="connsiteY596"/>
                </a:cxn>
                <a:cxn ang="0">
                  <a:pos x="connsiteX597" y="connsiteY597"/>
                </a:cxn>
                <a:cxn ang="0">
                  <a:pos x="connsiteX598" y="connsiteY598"/>
                </a:cxn>
                <a:cxn ang="0">
                  <a:pos x="connsiteX599" y="connsiteY599"/>
                </a:cxn>
                <a:cxn ang="0">
                  <a:pos x="connsiteX600" y="connsiteY600"/>
                </a:cxn>
                <a:cxn ang="0">
                  <a:pos x="connsiteX601" y="connsiteY601"/>
                </a:cxn>
                <a:cxn ang="0">
                  <a:pos x="connsiteX602" y="connsiteY602"/>
                </a:cxn>
                <a:cxn ang="0">
                  <a:pos x="connsiteX603" y="connsiteY603"/>
                </a:cxn>
                <a:cxn ang="0">
                  <a:pos x="connsiteX604" y="connsiteY604"/>
                </a:cxn>
                <a:cxn ang="0">
                  <a:pos x="connsiteX605" y="connsiteY605"/>
                </a:cxn>
                <a:cxn ang="0">
                  <a:pos x="connsiteX606" y="connsiteY606"/>
                </a:cxn>
                <a:cxn ang="0">
                  <a:pos x="connsiteX607" y="connsiteY607"/>
                </a:cxn>
                <a:cxn ang="0">
                  <a:pos x="connsiteX608" y="connsiteY608"/>
                </a:cxn>
                <a:cxn ang="0">
                  <a:pos x="connsiteX609" y="connsiteY609"/>
                </a:cxn>
                <a:cxn ang="0">
                  <a:pos x="connsiteX610" y="connsiteY610"/>
                </a:cxn>
                <a:cxn ang="0">
                  <a:pos x="connsiteX611" y="connsiteY611"/>
                </a:cxn>
                <a:cxn ang="0">
                  <a:pos x="connsiteX612" y="connsiteY612"/>
                </a:cxn>
                <a:cxn ang="0">
                  <a:pos x="connsiteX613" y="connsiteY613"/>
                </a:cxn>
                <a:cxn ang="0">
                  <a:pos x="connsiteX614" y="connsiteY614"/>
                </a:cxn>
                <a:cxn ang="0">
                  <a:pos x="connsiteX615" y="connsiteY615"/>
                </a:cxn>
                <a:cxn ang="0">
                  <a:pos x="connsiteX616" y="connsiteY616"/>
                </a:cxn>
                <a:cxn ang="0">
                  <a:pos x="connsiteX617" y="connsiteY617"/>
                </a:cxn>
                <a:cxn ang="0">
                  <a:pos x="connsiteX618" y="connsiteY618"/>
                </a:cxn>
                <a:cxn ang="0">
                  <a:pos x="connsiteX619" y="connsiteY619"/>
                </a:cxn>
                <a:cxn ang="0">
                  <a:pos x="connsiteX620" y="connsiteY620"/>
                </a:cxn>
                <a:cxn ang="0">
                  <a:pos x="connsiteX621" y="connsiteY621"/>
                </a:cxn>
                <a:cxn ang="0">
                  <a:pos x="connsiteX622" y="connsiteY622"/>
                </a:cxn>
                <a:cxn ang="0">
                  <a:pos x="connsiteX623" y="connsiteY623"/>
                </a:cxn>
                <a:cxn ang="0">
                  <a:pos x="connsiteX624" y="connsiteY624"/>
                </a:cxn>
                <a:cxn ang="0">
                  <a:pos x="connsiteX625" y="connsiteY625"/>
                </a:cxn>
                <a:cxn ang="0">
                  <a:pos x="connsiteX626" y="connsiteY626"/>
                </a:cxn>
                <a:cxn ang="0">
                  <a:pos x="connsiteX627" y="connsiteY627"/>
                </a:cxn>
                <a:cxn ang="0">
                  <a:pos x="connsiteX628" y="connsiteY628"/>
                </a:cxn>
                <a:cxn ang="0">
                  <a:pos x="connsiteX629" y="connsiteY629"/>
                </a:cxn>
                <a:cxn ang="0">
                  <a:pos x="connsiteX630" y="connsiteY630"/>
                </a:cxn>
                <a:cxn ang="0">
                  <a:pos x="connsiteX631" y="connsiteY631"/>
                </a:cxn>
                <a:cxn ang="0">
                  <a:pos x="connsiteX632" y="connsiteY632"/>
                </a:cxn>
                <a:cxn ang="0">
                  <a:pos x="connsiteX633" y="connsiteY633"/>
                </a:cxn>
                <a:cxn ang="0">
                  <a:pos x="connsiteX634" y="connsiteY634"/>
                </a:cxn>
                <a:cxn ang="0">
                  <a:pos x="connsiteX635" y="connsiteY635"/>
                </a:cxn>
                <a:cxn ang="0">
                  <a:pos x="connsiteX636" y="connsiteY636"/>
                </a:cxn>
                <a:cxn ang="0">
                  <a:pos x="connsiteX637" y="connsiteY637"/>
                </a:cxn>
                <a:cxn ang="0">
                  <a:pos x="connsiteX638" y="connsiteY638"/>
                </a:cxn>
                <a:cxn ang="0">
                  <a:pos x="connsiteX639" y="connsiteY639"/>
                </a:cxn>
                <a:cxn ang="0">
                  <a:pos x="connsiteX640" y="connsiteY640"/>
                </a:cxn>
                <a:cxn ang="0">
                  <a:pos x="connsiteX641" y="connsiteY641"/>
                </a:cxn>
                <a:cxn ang="0">
                  <a:pos x="connsiteX642" y="connsiteY642"/>
                </a:cxn>
                <a:cxn ang="0">
                  <a:pos x="connsiteX643" y="connsiteY643"/>
                </a:cxn>
                <a:cxn ang="0">
                  <a:pos x="connsiteX644" y="connsiteY644"/>
                </a:cxn>
                <a:cxn ang="0">
                  <a:pos x="connsiteX645" y="connsiteY645"/>
                </a:cxn>
                <a:cxn ang="0">
                  <a:pos x="connsiteX646" y="connsiteY646"/>
                </a:cxn>
                <a:cxn ang="0">
                  <a:pos x="connsiteX647" y="connsiteY647"/>
                </a:cxn>
                <a:cxn ang="0">
                  <a:pos x="connsiteX648" y="connsiteY648"/>
                </a:cxn>
                <a:cxn ang="0">
                  <a:pos x="connsiteX649" y="connsiteY649"/>
                </a:cxn>
                <a:cxn ang="0">
                  <a:pos x="connsiteX650" y="connsiteY650"/>
                </a:cxn>
                <a:cxn ang="0">
                  <a:pos x="connsiteX651" y="connsiteY651"/>
                </a:cxn>
                <a:cxn ang="0">
                  <a:pos x="connsiteX652" y="connsiteY652"/>
                </a:cxn>
                <a:cxn ang="0">
                  <a:pos x="connsiteX653" y="connsiteY653"/>
                </a:cxn>
                <a:cxn ang="0">
                  <a:pos x="connsiteX654" y="connsiteY654"/>
                </a:cxn>
                <a:cxn ang="0">
                  <a:pos x="connsiteX655" y="connsiteY655"/>
                </a:cxn>
                <a:cxn ang="0">
                  <a:pos x="connsiteX656" y="connsiteY656"/>
                </a:cxn>
                <a:cxn ang="0">
                  <a:pos x="connsiteX657" y="connsiteY657"/>
                </a:cxn>
                <a:cxn ang="0">
                  <a:pos x="connsiteX658" y="connsiteY658"/>
                </a:cxn>
                <a:cxn ang="0">
                  <a:pos x="connsiteX659" y="connsiteY659"/>
                </a:cxn>
                <a:cxn ang="0">
                  <a:pos x="connsiteX660" y="connsiteY660"/>
                </a:cxn>
                <a:cxn ang="0">
                  <a:pos x="connsiteX661" y="connsiteY661"/>
                </a:cxn>
                <a:cxn ang="0">
                  <a:pos x="connsiteX662" y="connsiteY662"/>
                </a:cxn>
                <a:cxn ang="0">
                  <a:pos x="connsiteX663" y="connsiteY663"/>
                </a:cxn>
                <a:cxn ang="0">
                  <a:pos x="connsiteX664" y="connsiteY664"/>
                </a:cxn>
                <a:cxn ang="0">
                  <a:pos x="connsiteX665" y="connsiteY665"/>
                </a:cxn>
                <a:cxn ang="0">
                  <a:pos x="connsiteX666" y="connsiteY666"/>
                </a:cxn>
                <a:cxn ang="0">
                  <a:pos x="connsiteX667" y="connsiteY667"/>
                </a:cxn>
                <a:cxn ang="0">
                  <a:pos x="connsiteX668" y="connsiteY668"/>
                </a:cxn>
                <a:cxn ang="0">
                  <a:pos x="connsiteX669" y="connsiteY669"/>
                </a:cxn>
                <a:cxn ang="0">
                  <a:pos x="connsiteX670" y="connsiteY670"/>
                </a:cxn>
                <a:cxn ang="0">
                  <a:pos x="connsiteX671" y="connsiteY671"/>
                </a:cxn>
                <a:cxn ang="0">
                  <a:pos x="connsiteX672" y="connsiteY672"/>
                </a:cxn>
                <a:cxn ang="0">
                  <a:pos x="connsiteX673" y="connsiteY673"/>
                </a:cxn>
                <a:cxn ang="0">
                  <a:pos x="connsiteX674" y="connsiteY674"/>
                </a:cxn>
                <a:cxn ang="0">
                  <a:pos x="connsiteX675" y="connsiteY675"/>
                </a:cxn>
                <a:cxn ang="0">
                  <a:pos x="connsiteX676" y="connsiteY676"/>
                </a:cxn>
                <a:cxn ang="0">
                  <a:pos x="connsiteX677" y="connsiteY677"/>
                </a:cxn>
                <a:cxn ang="0">
                  <a:pos x="connsiteX678" y="connsiteY678"/>
                </a:cxn>
                <a:cxn ang="0">
                  <a:pos x="connsiteX679" y="connsiteY679"/>
                </a:cxn>
                <a:cxn ang="0">
                  <a:pos x="connsiteX680" y="connsiteY680"/>
                </a:cxn>
                <a:cxn ang="0">
                  <a:pos x="connsiteX681" y="connsiteY681"/>
                </a:cxn>
                <a:cxn ang="0">
                  <a:pos x="connsiteX682" y="connsiteY682"/>
                </a:cxn>
                <a:cxn ang="0">
                  <a:pos x="connsiteX683" y="connsiteY683"/>
                </a:cxn>
                <a:cxn ang="0">
                  <a:pos x="connsiteX684" y="connsiteY684"/>
                </a:cxn>
                <a:cxn ang="0">
                  <a:pos x="connsiteX685" y="connsiteY685"/>
                </a:cxn>
                <a:cxn ang="0">
                  <a:pos x="connsiteX686" y="connsiteY686"/>
                </a:cxn>
                <a:cxn ang="0">
                  <a:pos x="connsiteX687" y="connsiteY687"/>
                </a:cxn>
                <a:cxn ang="0">
                  <a:pos x="connsiteX688" y="connsiteY688"/>
                </a:cxn>
                <a:cxn ang="0">
                  <a:pos x="connsiteX689" y="connsiteY689"/>
                </a:cxn>
                <a:cxn ang="0">
                  <a:pos x="connsiteX690" y="connsiteY690"/>
                </a:cxn>
                <a:cxn ang="0">
                  <a:pos x="connsiteX691" y="connsiteY691"/>
                </a:cxn>
                <a:cxn ang="0">
                  <a:pos x="connsiteX692" y="connsiteY692"/>
                </a:cxn>
                <a:cxn ang="0">
                  <a:pos x="connsiteX693" y="connsiteY693"/>
                </a:cxn>
                <a:cxn ang="0">
                  <a:pos x="connsiteX694" y="connsiteY694"/>
                </a:cxn>
                <a:cxn ang="0">
                  <a:pos x="connsiteX695" y="connsiteY695"/>
                </a:cxn>
                <a:cxn ang="0">
                  <a:pos x="connsiteX696" y="connsiteY696"/>
                </a:cxn>
                <a:cxn ang="0">
                  <a:pos x="connsiteX697" y="connsiteY697"/>
                </a:cxn>
                <a:cxn ang="0">
                  <a:pos x="connsiteX698" y="connsiteY698"/>
                </a:cxn>
                <a:cxn ang="0">
                  <a:pos x="connsiteX699" y="connsiteY699"/>
                </a:cxn>
                <a:cxn ang="0">
                  <a:pos x="connsiteX700" y="connsiteY700"/>
                </a:cxn>
                <a:cxn ang="0">
                  <a:pos x="connsiteX701" y="connsiteY701"/>
                </a:cxn>
                <a:cxn ang="0">
                  <a:pos x="connsiteX702" y="connsiteY702"/>
                </a:cxn>
                <a:cxn ang="0">
                  <a:pos x="connsiteX703" y="connsiteY703"/>
                </a:cxn>
                <a:cxn ang="0">
                  <a:pos x="connsiteX704" y="connsiteY704"/>
                </a:cxn>
                <a:cxn ang="0">
                  <a:pos x="connsiteX705" y="connsiteY705"/>
                </a:cxn>
                <a:cxn ang="0">
                  <a:pos x="connsiteX706" y="connsiteY706"/>
                </a:cxn>
                <a:cxn ang="0">
                  <a:pos x="connsiteX707" y="connsiteY707"/>
                </a:cxn>
                <a:cxn ang="0">
                  <a:pos x="connsiteX708" y="connsiteY708"/>
                </a:cxn>
                <a:cxn ang="0">
                  <a:pos x="connsiteX709" y="connsiteY709"/>
                </a:cxn>
                <a:cxn ang="0">
                  <a:pos x="connsiteX710" y="connsiteY710"/>
                </a:cxn>
                <a:cxn ang="0">
                  <a:pos x="connsiteX711" y="connsiteY711"/>
                </a:cxn>
                <a:cxn ang="0">
                  <a:pos x="connsiteX712" y="connsiteY712"/>
                </a:cxn>
                <a:cxn ang="0">
                  <a:pos x="connsiteX713" y="connsiteY713"/>
                </a:cxn>
                <a:cxn ang="0">
                  <a:pos x="connsiteX714" y="connsiteY714"/>
                </a:cxn>
                <a:cxn ang="0">
                  <a:pos x="connsiteX715" y="connsiteY715"/>
                </a:cxn>
                <a:cxn ang="0">
                  <a:pos x="connsiteX716" y="connsiteY716"/>
                </a:cxn>
                <a:cxn ang="0">
                  <a:pos x="connsiteX717" y="connsiteY717"/>
                </a:cxn>
                <a:cxn ang="0">
                  <a:pos x="connsiteX718" y="connsiteY718"/>
                </a:cxn>
                <a:cxn ang="0">
                  <a:pos x="connsiteX719" y="connsiteY719"/>
                </a:cxn>
                <a:cxn ang="0">
                  <a:pos x="connsiteX720" y="connsiteY720"/>
                </a:cxn>
                <a:cxn ang="0">
                  <a:pos x="connsiteX721" y="connsiteY721"/>
                </a:cxn>
                <a:cxn ang="0">
                  <a:pos x="connsiteX722" y="connsiteY722"/>
                </a:cxn>
                <a:cxn ang="0">
                  <a:pos x="connsiteX723" y="connsiteY723"/>
                </a:cxn>
                <a:cxn ang="0">
                  <a:pos x="connsiteX724" y="connsiteY724"/>
                </a:cxn>
                <a:cxn ang="0">
                  <a:pos x="connsiteX725" y="connsiteY725"/>
                </a:cxn>
                <a:cxn ang="0">
                  <a:pos x="connsiteX726" y="connsiteY726"/>
                </a:cxn>
                <a:cxn ang="0">
                  <a:pos x="connsiteX727" y="connsiteY727"/>
                </a:cxn>
                <a:cxn ang="0">
                  <a:pos x="connsiteX728" y="connsiteY728"/>
                </a:cxn>
                <a:cxn ang="0">
                  <a:pos x="connsiteX729" y="connsiteY729"/>
                </a:cxn>
                <a:cxn ang="0">
                  <a:pos x="connsiteX730" y="connsiteY730"/>
                </a:cxn>
                <a:cxn ang="0">
                  <a:pos x="connsiteX731" y="connsiteY731"/>
                </a:cxn>
                <a:cxn ang="0">
                  <a:pos x="connsiteX732" y="connsiteY732"/>
                </a:cxn>
                <a:cxn ang="0">
                  <a:pos x="connsiteX733" y="connsiteY733"/>
                </a:cxn>
                <a:cxn ang="0">
                  <a:pos x="connsiteX734" y="connsiteY734"/>
                </a:cxn>
                <a:cxn ang="0">
                  <a:pos x="connsiteX735" y="connsiteY735"/>
                </a:cxn>
                <a:cxn ang="0">
                  <a:pos x="connsiteX736" y="connsiteY736"/>
                </a:cxn>
                <a:cxn ang="0">
                  <a:pos x="connsiteX737" y="connsiteY737"/>
                </a:cxn>
                <a:cxn ang="0">
                  <a:pos x="connsiteX738" y="connsiteY738"/>
                </a:cxn>
                <a:cxn ang="0">
                  <a:pos x="connsiteX739" y="connsiteY739"/>
                </a:cxn>
                <a:cxn ang="0">
                  <a:pos x="connsiteX740" y="connsiteY740"/>
                </a:cxn>
                <a:cxn ang="0">
                  <a:pos x="connsiteX741" y="connsiteY741"/>
                </a:cxn>
                <a:cxn ang="0">
                  <a:pos x="connsiteX742" y="connsiteY742"/>
                </a:cxn>
                <a:cxn ang="0">
                  <a:pos x="connsiteX743" y="connsiteY743"/>
                </a:cxn>
                <a:cxn ang="0">
                  <a:pos x="connsiteX744" y="connsiteY744"/>
                </a:cxn>
                <a:cxn ang="0">
                  <a:pos x="connsiteX745" y="connsiteY745"/>
                </a:cxn>
                <a:cxn ang="0">
                  <a:pos x="connsiteX746" y="connsiteY746"/>
                </a:cxn>
                <a:cxn ang="0">
                  <a:pos x="connsiteX747" y="connsiteY747"/>
                </a:cxn>
                <a:cxn ang="0">
                  <a:pos x="connsiteX748" y="connsiteY748"/>
                </a:cxn>
                <a:cxn ang="0">
                  <a:pos x="connsiteX749" y="connsiteY749"/>
                </a:cxn>
                <a:cxn ang="0">
                  <a:pos x="connsiteX750" y="connsiteY750"/>
                </a:cxn>
                <a:cxn ang="0">
                  <a:pos x="connsiteX751" y="connsiteY751"/>
                </a:cxn>
                <a:cxn ang="0">
                  <a:pos x="connsiteX752" y="connsiteY752"/>
                </a:cxn>
                <a:cxn ang="0">
                  <a:pos x="connsiteX753" y="connsiteY753"/>
                </a:cxn>
                <a:cxn ang="0">
                  <a:pos x="connsiteX754" y="connsiteY754"/>
                </a:cxn>
                <a:cxn ang="0">
                  <a:pos x="connsiteX755" y="connsiteY755"/>
                </a:cxn>
                <a:cxn ang="0">
                  <a:pos x="connsiteX756" y="connsiteY756"/>
                </a:cxn>
                <a:cxn ang="0">
                  <a:pos x="connsiteX757" y="connsiteY757"/>
                </a:cxn>
                <a:cxn ang="0">
                  <a:pos x="connsiteX758" y="connsiteY758"/>
                </a:cxn>
                <a:cxn ang="0">
                  <a:pos x="connsiteX759" y="connsiteY759"/>
                </a:cxn>
                <a:cxn ang="0">
                  <a:pos x="connsiteX760" y="connsiteY760"/>
                </a:cxn>
                <a:cxn ang="0">
                  <a:pos x="connsiteX761" y="connsiteY761"/>
                </a:cxn>
                <a:cxn ang="0">
                  <a:pos x="connsiteX762" y="connsiteY762"/>
                </a:cxn>
                <a:cxn ang="0">
                  <a:pos x="connsiteX763" y="connsiteY763"/>
                </a:cxn>
                <a:cxn ang="0">
                  <a:pos x="connsiteX764" y="connsiteY764"/>
                </a:cxn>
                <a:cxn ang="0">
                  <a:pos x="connsiteX765" y="connsiteY765"/>
                </a:cxn>
                <a:cxn ang="0">
                  <a:pos x="connsiteX766" y="connsiteY766"/>
                </a:cxn>
                <a:cxn ang="0">
                  <a:pos x="connsiteX767" y="connsiteY767"/>
                </a:cxn>
                <a:cxn ang="0">
                  <a:pos x="connsiteX768" y="connsiteY768"/>
                </a:cxn>
                <a:cxn ang="0">
                  <a:pos x="connsiteX769" y="connsiteY769"/>
                </a:cxn>
                <a:cxn ang="0">
                  <a:pos x="connsiteX770" y="connsiteY770"/>
                </a:cxn>
                <a:cxn ang="0">
                  <a:pos x="connsiteX771" y="connsiteY771"/>
                </a:cxn>
                <a:cxn ang="0">
                  <a:pos x="connsiteX772" y="connsiteY772"/>
                </a:cxn>
                <a:cxn ang="0">
                  <a:pos x="connsiteX773" y="connsiteY773"/>
                </a:cxn>
                <a:cxn ang="0">
                  <a:pos x="connsiteX774" y="connsiteY774"/>
                </a:cxn>
                <a:cxn ang="0">
                  <a:pos x="connsiteX775" y="connsiteY775"/>
                </a:cxn>
                <a:cxn ang="0">
                  <a:pos x="connsiteX776" y="connsiteY776"/>
                </a:cxn>
                <a:cxn ang="0">
                  <a:pos x="connsiteX777" y="connsiteY777"/>
                </a:cxn>
                <a:cxn ang="0">
                  <a:pos x="connsiteX778" y="connsiteY778"/>
                </a:cxn>
                <a:cxn ang="0">
                  <a:pos x="connsiteX779" y="connsiteY779"/>
                </a:cxn>
                <a:cxn ang="0">
                  <a:pos x="connsiteX780" y="connsiteY780"/>
                </a:cxn>
                <a:cxn ang="0">
                  <a:pos x="connsiteX781" y="connsiteY781"/>
                </a:cxn>
                <a:cxn ang="0">
                  <a:pos x="connsiteX782" y="connsiteY782"/>
                </a:cxn>
                <a:cxn ang="0">
                  <a:pos x="connsiteX783" y="connsiteY783"/>
                </a:cxn>
                <a:cxn ang="0">
                  <a:pos x="connsiteX784" y="connsiteY784"/>
                </a:cxn>
                <a:cxn ang="0">
                  <a:pos x="connsiteX785" y="connsiteY785"/>
                </a:cxn>
                <a:cxn ang="0">
                  <a:pos x="connsiteX786" y="connsiteY786"/>
                </a:cxn>
                <a:cxn ang="0">
                  <a:pos x="connsiteX787" y="connsiteY787"/>
                </a:cxn>
                <a:cxn ang="0">
                  <a:pos x="connsiteX788" y="connsiteY788"/>
                </a:cxn>
                <a:cxn ang="0">
                  <a:pos x="connsiteX789" y="connsiteY789"/>
                </a:cxn>
                <a:cxn ang="0">
                  <a:pos x="connsiteX790" y="connsiteY790"/>
                </a:cxn>
                <a:cxn ang="0">
                  <a:pos x="connsiteX791" y="connsiteY791"/>
                </a:cxn>
                <a:cxn ang="0">
                  <a:pos x="connsiteX792" y="connsiteY792"/>
                </a:cxn>
                <a:cxn ang="0">
                  <a:pos x="connsiteX793" y="connsiteY793"/>
                </a:cxn>
                <a:cxn ang="0">
                  <a:pos x="connsiteX794" y="connsiteY794"/>
                </a:cxn>
                <a:cxn ang="0">
                  <a:pos x="connsiteX795" y="connsiteY795"/>
                </a:cxn>
                <a:cxn ang="0">
                  <a:pos x="connsiteX796" y="connsiteY796"/>
                </a:cxn>
                <a:cxn ang="0">
                  <a:pos x="connsiteX797" y="connsiteY797"/>
                </a:cxn>
                <a:cxn ang="0">
                  <a:pos x="connsiteX798" y="connsiteY798"/>
                </a:cxn>
                <a:cxn ang="0">
                  <a:pos x="connsiteX799" y="connsiteY799"/>
                </a:cxn>
                <a:cxn ang="0">
                  <a:pos x="connsiteX800" y="connsiteY800"/>
                </a:cxn>
                <a:cxn ang="0">
                  <a:pos x="connsiteX801" y="connsiteY801"/>
                </a:cxn>
                <a:cxn ang="0">
                  <a:pos x="connsiteX802" y="connsiteY802"/>
                </a:cxn>
                <a:cxn ang="0">
                  <a:pos x="connsiteX803" y="connsiteY803"/>
                </a:cxn>
                <a:cxn ang="0">
                  <a:pos x="connsiteX804" y="connsiteY804"/>
                </a:cxn>
                <a:cxn ang="0">
                  <a:pos x="connsiteX805" y="connsiteY805"/>
                </a:cxn>
                <a:cxn ang="0">
                  <a:pos x="connsiteX806" y="connsiteY806"/>
                </a:cxn>
                <a:cxn ang="0">
                  <a:pos x="connsiteX807" y="connsiteY807"/>
                </a:cxn>
                <a:cxn ang="0">
                  <a:pos x="connsiteX808" y="connsiteY808"/>
                </a:cxn>
                <a:cxn ang="0">
                  <a:pos x="connsiteX809" y="connsiteY809"/>
                </a:cxn>
                <a:cxn ang="0">
                  <a:pos x="connsiteX810" y="connsiteY810"/>
                </a:cxn>
                <a:cxn ang="0">
                  <a:pos x="connsiteX811" y="connsiteY811"/>
                </a:cxn>
                <a:cxn ang="0">
                  <a:pos x="connsiteX812" y="connsiteY812"/>
                </a:cxn>
                <a:cxn ang="0">
                  <a:pos x="connsiteX813" y="connsiteY813"/>
                </a:cxn>
                <a:cxn ang="0">
                  <a:pos x="connsiteX814" y="connsiteY814"/>
                </a:cxn>
                <a:cxn ang="0">
                  <a:pos x="connsiteX815" y="connsiteY815"/>
                </a:cxn>
                <a:cxn ang="0">
                  <a:pos x="connsiteX816" y="connsiteY816"/>
                </a:cxn>
                <a:cxn ang="0">
                  <a:pos x="connsiteX817" y="connsiteY817"/>
                </a:cxn>
                <a:cxn ang="0">
                  <a:pos x="connsiteX818" y="connsiteY818"/>
                </a:cxn>
                <a:cxn ang="0">
                  <a:pos x="connsiteX819" y="connsiteY819"/>
                </a:cxn>
                <a:cxn ang="0">
                  <a:pos x="connsiteX820" y="connsiteY820"/>
                </a:cxn>
                <a:cxn ang="0">
                  <a:pos x="connsiteX821" y="connsiteY821"/>
                </a:cxn>
                <a:cxn ang="0">
                  <a:pos x="connsiteX822" y="connsiteY822"/>
                </a:cxn>
                <a:cxn ang="0">
                  <a:pos x="connsiteX823" y="connsiteY823"/>
                </a:cxn>
                <a:cxn ang="0">
                  <a:pos x="connsiteX824" y="connsiteY824"/>
                </a:cxn>
                <a:cxn ang="0">
                  <a:pos x="connsiteX825" y="connsiteY825"/>
                </a:cxn>
                <a:cxn ang="0">
                  <a:pos x="connsiteX826" y="connsiteY826"/>
                </a:cxn>
                <a:cxn ang="0">
                  <a:pos x="connsiteX827" y="connsiteY827"/>
                </a:cxn>
                <a:cxn ang="0">
                  <a:pos x="connsiteX828" y="connsiteY828"/>
                </a:cxn>
                <a:cxn ang="0">
                  <a:pos x="connsiteX829" y="connsiteY829"/>
                </a:cxn>
                <a:cxn ang="0">
                  <a:pos x="connsiteX830" y="connsiteY830"/>
                </a:cxn>
                <a:cxn ang="0">
                  <a:pos x="connsiteX831" y="connsiteY831"/>
                </a:cxn>
                <a:cxn ang="0">
                  <a:pos x="connsiteX832" y="connsiteY832"/>
                </a:cxn>
                <a:cxn ang="0">
                  <a:pos x="connsiteX833" y="connsiteY833"/>
                </a:cxn>
                <a:cxn ang="0">
                  <a:pos x="connsiteX834" y="connsiteY834"/>
                </a:cxn>
                <a:cxn ang="0">
                  <a:pos x="connsiteX835" y="connsiteY835"/>
                </a:cxn>
                <a:cxn ang="0">
                  <a:pos x="connsiteX836" y="connsiteY836"/>
                </a:cxn>
                <a:cxn ang="0">
                  <a:pos x="connsiteX837" y="connsiteY837"/>
                </a:cxn>
                <a:cxn ang="0">
                  <a:pos x="connsiteX838" y="connsiteY838"/>
                </a:cxn>
                <a:cxn ang="0">
                  <a:pos x="connsiteX839" y="connsiteY839"/>
                </a:cxn>
                <a:cxn ang="0">
                  <a:pos x="connsiteX840" y="connsiteY840"/>
                </a:cxn>
                <a:cxn ang="0">
                  <a:pos x="connsiteX841" y="connsiteY841"/>
                </a:cxn>
                <a:cxn ang="0">
                  <a:pos x="connsiteX842" y="connsiteY842"/>
                </a:cxn>
                <a:cxn ang="0">
                  <a:pos x="connsiteX843" y="connsiteY843"/>
                </a:cxn>
                <a:cxn ang="0">
                  <a:pos x="connsiteX844" y="connsiteY844"/>
                </a:cxn>
                <a:cxn ang="0">
                  <a:pos x="connsiteX845" y="connsiteY845"/>
                </a:cxn>
                <a:cxn ang="0">
                  <a:pos x="connsiteX846" y="connsiteY846"/>
                </a:cxn>
                <a:cxn ang="0">
                  <a:pos x="connsiteX847" y="connsiteY847"/>
                </a:cxn>
                <a:cxn ang="0">
                  <a:pos x="connsiteX848" y="connsiteY848"/>
                </a:cxn>
                <a:cxn ang="0">
                  <a:pos x="connsiteX849" y="connsiteY849"/>
                </a:cxn>
                <a:cxn ang="0">
                  <a:pos x="connsiteX850" y="connsiteY850"/>
                </a:cxn>
                <a:cxn ang="0">
                  <a:pos x="connsiteX851" y="connsiteY851"/>
                </a:cxn>
                <a:cxn ang="0">
                  <a:pos x="connsiteX852" y="connsiteY852"/>
                </a:cxn>
                <a:cxn ang="0">
                  <a:pos x="connsiteX853" y="connsiteY853"/>
                </a:cxn>
                <a:cxn ang="0">
                  <a:pos x="connsiteX854" y="connsiteY854"/>
                </a:cxn>
                <a:cxn ang="0">
                  <a:pos x="connsiteX855" y="connsiteY855"/>
                </a:cxn>
                <a:cxn ang="0">
                  <a:pos x="connsiteX856" y="connsiteY856"/>
                </a:cxn>
                <a:cxn ang="0">
                  <a:pos x="connsiteX857" y="connsiteY857"/>
                </a:cxn>
                <a:cxn ang="0">
                  <a:pos x="connsiteX858" y="connsiteY858"/>
                </a:cxn>
                <a:cxn ang="0">
                  <a:pos x="connsiteX859" y="connsiteY859"/>
                </a:cxn>
                <a:cxn ang="0">
                  <a:pos x="connsiteX860" y="connsiteY860"/>
                </a:cxn>
                <a:cxn ang="0">
                  <a:pos x="connsiteX861" y="connsiteY861"/>
                </a:cxn>
                <a:cxn ang="0">
                  <a:pos x="connsiteX862" y="connsiteY862"/>
                </a:cxn>
                <a:cxn ang="0">
                  <a:pos x="connsiteX863" y="connsiteY863"/>
                </a:cxn>
                <a:cxn ang="0">
                  <a:pos x="connsiteX864" y="connsiteY864"/>
                </a:cxn>
                <a:cxn ang="0">
                  <a:pos x="connsiteX865" y="connsiteY865"/>
                </a:cxn>
                <a:cxn ang="0">
                  <a:pos x="connsiteX866" y="connsiteY866"/>
                </a:cxn>
                <a:cxn ang="0">
                  <a:pos x="connsiteX867" y="connsiteY867"/>
                </a:cxn>
                <a:cxn ang="0">
                  <a:pos x="connsiteX868" y="connsiteY868"/>
                </a:cxn>
                <a:cxn ang="0">
                  <a:pos x="connsiteX869" y="connsiteY869"/>
                </a:cxn>
                <a:cxn ang="0">
                  <a:pos x="connsiteX870" y="connsiteY870"/>
                </a:cxn>
                <a:cxn ang="0">
                  <a:pos x="connsiteX871" y="connsiteY871"/>
                </a:cxn>
                <a:cxn ang="0">
                  <a:pos x="connsiteX872" y="connsiteY872"/>
                </a:cxn>
                <a:cxn ang="0">
                  <a:pos x="connsiteX873" y="connsiteY873"/>
                </a:cxn>
                <a:cxn ang="0">
                  <a:pos x="connsiteX874" y="connsiteY874"/>
                </a:cxn>
                <a:cxn ang="0">
                  <a:pos x="connsiteX875" y="connsiteY875"/>
                </a:cxn>
                <a:cxn ang="0">
                  <a:pos x="connsiteX876" y="connsiteY876"/>
                </a:cxn>
                <a:cxn ang="0">
                  <a:pos x="connsiteX877" y="connsiteY877"/>
                </a:cxn>
                <a:cxn ang="0">
                  <a:pos x="connsiteX878" y="connsiteY878"/>
                </a:cxn>
                <a:cxn ang="0">
                  <a:pos x="connsiteX879" y="connsiteY879"/>
                </a:cxn>
                <a:cxn ang="0">
                  <a:pos x="connsiteX880" y="connsiteY880"/>
                </a:cxn>
                <a:cxn ang="0">
                  <a:pos x="connsiteX881" y="connsiteY881"/>
                </a:cxn>
                <a:cxn ang="0">
                  <a:pos x="connsiteX882" y="connsiteY882"/>
                </a:cxn>
                <a:cxn ang="0">
                  <a:pos x="connsiteX883" y="connsiteY883"/>
                </a:cxn>
                <a:cxn ang="0">
                  <a:pos x="connsiteX884" y="connsiteY884"/>
                </a:cxn>
                <a:cxn ang="0">
                  <a:pos x="connsiteX885" y="connsiteY885"/>
                </a:cxn>
                <a:cxn ang="0">
                  <a:pos x="connsiteX886" y="connsiteY886"/>
                </a:cxn>
                <a:cxn ang="0">
                  <a:pos x="connsiteX887" y="connsiteY887"/>
                </a:cxn>
                <a:cxn ang="0">
                  <a:pos x="connsiteX888" y="connsiteY888"/>
                </a:cxn>
                <a:cxn ang="0">
                  <a:pos x="connsiteX889" y="connsiteY889"/>
                </a:cxn>
                <a:cxn ang="0">
                  <a:pos x="connsiteX890" y="connsiteY890"/>
                </a:cxn>
                <a:cxn ang="0">
                  <a:pos x="connsiteX891" y="connsiteY891"/>
                </a:cxn>
                <a:cxn ang="0">
                  <a:pos x="connsiteX892" y="connsiteY892"/>
                </a:cxn>
                <a:cxn ang="0">
                  <a:pos x="connsiteX893" y="connsiteY893"/>
                </a:cxn>
                <a:cxn ang="0">
                  <a:pos x="connsiteX894" y="connsiteY894"/>
                </a:cxn>
                <a:cxn ang="0">
                  <a:pos x="connsiteX895" y="connsiteY895"/>
                </a:cxn>
                <a:cxn ang="0">
                  <a:pos x="connsiteX896" y="connsiteY896"/>
                </a:cxn>
                <a:cxn ang="0">
                  <a:pos x="connsiteX897" y="connsiteY897"/>
                </a:cxn>
                <a:cxn ang="0">
                  <a:pos x="connsiteX898" y="connsiteY898"/>
                </a:cxn>
                <a:cxn ang="0">
                  <a:pos x="connsiteX899" y="connsiteY899"/>
                </a:cxn>
                <a:cxn ang="0">
                  <a:pos x="connsiteX900" y="connsiteY900"/>
                </a:cxn>
                <a:cxn ang="0">
                  <a:pos x="connsiteX901" y="connsiteY901"/>
                </a:cxn>
                <a:cxn ang="0">
                  <a:pos x="connsiteX902" y="connsiteY902"/>
                </a:cxn>
                <a:cxn ang="0">
                  <a:pos x="connsiteX903" y="connsiteY903"/>
                </a:cxn>
                <a:cxn ang="0">
                  <a:pos x="connsiteX904" y="connsiteY904"/>
                </a:cxn>
                <a:cxn ang="0">
                  <a:pos x="connsiteX905" y="connsiteY905"/>
                </a:cxn>
                <a:cxn ang="0">
                  <a:pos x="connsiteX906" y="connsiteY906"/>
                </a:cxn>
                <a:cxn ang="0">
                  <a:pos x="connsiteX907" y="connsiteY907"/>
                </a:cxn>
                <a:cxn ang="0">
                  <a:pos x="connsiteX908" y="connsiteY908"/>
                </a:cxn>
                <a:cxn ang="0">
                  <a:pos x="connsiteX909" y="connsiteY909"/>
                </a:cxn>
                <a:cxn ang="0">
                  <a:pos x="connsiteX910" y="connsiteY910"/>
                </a:cxn>
                <a:cxn ang="0">
                  <a:pos x="connsiteX911" y="connsiteY911"/>
                </a:cxn>
                <a:cxn ang="0">
                  <a:pos x="connsiteX912" y="connsiteY912"/>
                </a:cxn>
                <a:cxn ang="0">
                  <a:pos x="connsiteX913" y="connsiteY913"/>
                </a:cxn>
                <a:cxn ang="0">
                  <a:pos x="connsiteX914" y="connsiteY914"/>
                </a:cxn>
                <a:cxn ang="0">
                  <a:pos x="connsiteX915" y="connsiteY915"/>
                </a:cxn>
                <a:cxn ang="0">
                  <a:pos x="connsiteX916" y="connsiteY916"/>
                </a:cxn>
                <a:cxn ang="0">
                  <a:pos x="connsiteX917" y="connsiteY917"/>
                </a:cxn>
                <a:cxn ang="0">
                  <a:pos x="connsiteX918" y="connsiteY918"/>
                </a:cxn>
                <a:cxn ang="0">
                  <a:pos x="connsiteX919" y="connsiteY919"/>
                </a:cxn>
                <a:cxn ang="0">
                  <a:pos x="connsiteX920" y="connsiteY920"/>
                </a:cxn>
                <a:cxn ang="0">
                  <a:pos x="connsiteX921" y="connsiteY921"/>
                </a:cxn>
                <a:cxn ang="0">
                  <a:pos x="connsiteX922" y="connsiteY922"/>
                </a:cxn>
                <a:cxn ang="0">
                  <a:pos x="connsiteX923" y="connsiteY923"/>
                </a:cxn>
                <a:cxn ang="0">
                  <a:pos x="connsiteX924" y="connsiteY924"/>
                </a:cxn>
                <a:cxn ang="0">
                  <a:pos x="connsiteX925" y="connsiteY925"/>
                </a:cxn>
                <a:cxn ang="0">
                  <a:pos x="connsiteX926" y="connsiteY926"/>
                </a:cxn>
                <a:cxn ang="0">
                  <a:pos x="connsiteX927" y="connsiteY927"/>
                </a:cxn>
                <a:cxn ang="0">
                  <a:pos x="connsiteX928" y="connsiteY928"/>
                </a:cxn>
                <a:cxn ang="0">
                  <a:pos x="connsiteX929" y="connsiteY929"/>
                </a:cxn>
                <a:cxn ang="0">
                  <a:pos x="connsiteX930" y="connsiteY930"/>
                </a:cxn>
                <a:cxn ang="0">
                  <a:pos x="connsiteX931" y="connsiteY931"/>
                </a:cxn>
                <a:cxn ang="0">
                  <a:pos x="connsiteX932" y="connsiteY932"/>
                </a:cxn>
                <a:cxn ang="0">
                  <a:pos x="connsiteX933" y="connsiteY933"/>
                </a:cxn>
                <a:cxn ang="0">
                  <a:pos x="connsiteX934" y="connsiteY934"/>
                </a:cxn>
                <a:cxn ang="0">
                  <a:pos x="connsiteX935" y="connsiteY935"/>
                </a:cxn>
                <a:cxn ang="0">
                  <a:pos x="connsiteX936" y="connsiteY936"/>
                </a:cxn>
                <a:cxn ang="0">
                  <a:pos x="connsiteX937" y="connsiteY937"/>
                </a:cxn>
                <a:cxn ang="0">
                  <a:pos x="connsiteX938" y="connsiteY938"/>
                </a:cxn>
                <a:cxn ang="0">
                  <a:pos x="connsiteX939" y="connsiteY939"/>
                </a:cxn>
                <a:cxn ang="0">
                  <a:pos x="connsiteX940" y="connsiteY940"/>
                </a:cxn>
                <a:cxn ang="0">
                  <a:pos x="connsiteX941" y="connsiteY941"/>
                </a:cxn>
                <a:cxn ang="0">
                  <a:pos x="connsiteX942" y="connsiteY942"/>
                </a:cxn>
                <a:cxn ang="0">
                  <a:pos x="connsiteX943" y="connsiteY943"/>
                </a:cxn>
                <a:cxn ang="0">
                  <a:pos x="connsiteX944" y="connsiteY944"/>
                </a:cxn>
                <a:cxn ang="0">
                  <a:pos x="connsiteX945" y="connsiteY945"/>
                </a:cxn>
                <a:cxn ang="0">
                  <a:pos x="connsiteX946" y="connsiteY946"/>
                </a:cxn>
                <a:cxn ang="0">
                  <a:pos x="connsiteX947" y="connsiteY947"/>
                </a:cxn>
                <a:cxn ang="0">
                  <a:pos x="connsiteX948" y="connsiteY948"/>
                </a:cxn>
                <a:cxn ang="0">
                  <a:pos x="connsiteX949" y="connsiteY949"/>
                </a:cxn>
                <a:cxn ang="0">
                  <a:pos x="connsiteX950" y="connsiteY950"/>
                </a:cxn>
                <a:cxn ang="0">
                  <a:pos x="connsiteX951" y="connsiteY951"/>
                </a:cxn>
                <a:cxn ang="0">
                  <a:pos x="connsiteX952" y="connsiteY952"/>
                </a:cxn>
                <a:cxn ang="0">
                  <a:pos x="connsiteX953" y="connsiteY953"/>
                </a:cxn>
                <a:cxn ang="0">
                  <a:pos x="connsiteX954" y="connsiteY954"/>
                </a:cxn>
                <a:cxn ang="0">
                  <a:pos x="connsiteX955" y="connsiteY955"/>
                </a:cxn>
                <a:cxn ang="0">
                  <a:pos x="connsiteX956" y="connsiteY956"/>
                </a:cxn>
                <a:cxn ang="0">
                  <a:pos x="connsiteX957" y="connsiteY957"/>
                </a:cxn>
                <a:cxn ang="0">
                  <a:pos x="connsiteX958" y="connsiteY958"/>
                </a:cxn>
                <a:cxn ang="0">
                  <a:pos x="connsiteX959" y="connsiteY959"/>
                </a:cxn>
                <a:cxn ang="0">
                  <a:pos x="connsiteX960" y="connsiteY960"/>
                </a:cxn>
                <a:cxn ang="0">
                  <a:pos x="connsiteX961" y="connsiteY961"/>
                </a:cxn>
                <a:cxn ang="0">
                  <a:pos x="connsiteX962" y="connsiteY962"/>
                </a:cxn>
                <a:cxn ang="0">
                  <a:pos x="connsiteX963" y="connsiteY963"/>
                </a:cxn>
                <a:cxn ang="0">
                  <a:pos x="connsiteX964" y="connsiteY964"/>
                </a:cxn>
                <a:cxn ang="0">
                  <a:pos x="connsiteX965" y="connsiteY965"/>
                </a:cxn>
                <a:cxn ang="0">
                  <a:pos x="connsiteX966" y="connsiteY966"/>
                </a:cxn>
                <a:cxn ang="0">
                  <a:pos x="connsiteX967" y="connsiteY967"/>
                </a:cxn>
                <a:cxn ang="0">
                  <a:pos x="connsiteX968" y="connsiteY968"/>
                </a:cxn>
                <a:cxn ang="0">
                  <a:pos x="connsiteX969" y="connsiteY969"/>
                </a:cxn>
                <a:cxn ang="0">
                  <a:pos x="connsiteX970" y="connsiteY970"/>
                </a:cxn>
                <a:cxn ang="0">
                  <a:pos x="connsiteX971" y="connsiteY971"/>
                </a:cxn>
                <a:cxn ang="0">
                  <a:pos x="connsiteX972" y="connsiteY972"/>
                </a:cxn>
                <a:cxn ang="0">
                  <a:pos x="connsiteX973" y="connsiteY973"/>
                </a:cxn>
                <a:cxn ang="0">
                  <a:pos x="connsiteX974" y="connsiteY974"/>
                </a:cxn>
                <a:cxn ang="0">
                  <a:pos x="connsiteX975" y="connsiteY975"/>
                </a:cxn>
                <a:cxn ang="0">
                  <a:pos x="connsiteX976" y="connsiteY976"/>
                </a:cxn>
                <a:cxn ang="0">
                  <a:pos x="connsiteX977" y="connsiteY977"/>
                </a:cxn>
                <a:cxn ang="0">
                  <a:pos x="connsiteX978" y="connsiteY978"/>
                </a:cxn>
                <a:cxn ang="0">
                  <a:pos x="connsiteX979" y="connsiteY979"/>
                </a:cxn>
                <a:cxn ang="0">
                  <a:pos x="connsiteX980" y="connsiteY980"/>
                </a:cxn>
                <a:cxn ang="0">
                  <a:pos x="connsiteX981" y="connsiteY981"/>
                </a:cxn>
                <a:cxn ang="0">
                  <a:pos x="connsiteX982" y="connsiteY982"/>
                </a:cxn>
                <a:cxn ang="0">
                  <a:pos x="connsiteX983" y="connsiteY983"/>
                </a:cxn>
                <a:cxn ang="0">
                  <a:pos x="connsiteX984" y="connsiteY984"/>
                </a:cxn>
                <a:cxn ang="0">
                  <a:pos x="connsiteX985" y="connsiteY985"/>
                </a:cxn>
                <a:cxn ang="0">
                  <a:pos x="connsiteX986" y="connsiteY986"/>
                </a:cxn>
                <a:cxn ang="0">
                  <a:pos x="connsiteX987" y="connsiteY987"/>
                </a:cxn>
                <a:cxn ang="0">
                  <a:pos x="connsiteX988" y="connsiteY988"/>
                </a:cxn>
                <a:cxn ang="0">
                  <a:pos x="connsiteX989" y="connsiteY989"/>
                </a:cxn>
                <a:cxn ang="0">
                  <a:pos x="connsiteX990" y="connsiteY990"/>
                </a:cxn>
                <a:cxn ang="0">
                  <a:pos x="connsiteX991" y="connsiteY991"/>
                </a:cxn>
                <a:cxn ang="0">
                  <a:pos x="connsiteX992" y="connsiteY992"/>
                </a:cxn>
                <a:cxn ang="0">
                  <a:pos x="connsiteX993" y="connsiteY993"/>
                </a:cxn>
                <a:cxn ang="0">
                  <a:pos x="connsiteX994" y="connsiteY994"/>
                </a:cxn>
                <a:cxn ang="0">
                  <a:pos x="connsiteX995" y="connsiteY995"/>
                </a:cxn>
                <a:cxn ang="0">
                  <a:pos x="connsiteX996" y="connsiteY996"/>
                </a:cxn>
                <a:cxn ang="0">
                  <a:pos x="connsiteX997" y="connsiteY997"/>
                </a:cxn>
                <a:cxn ang="0">
                  <a:pos x="connsiteX998" y="connsiteY998"/>
                </a:cxn>
                <a:cxn ang="0">
                  <a:pos x="connsiteX999" y="connsiteY999"/>
                </a:cxn>
                <a:cxn ang="0">
                  <a:pos x="connsiteX1000" y="connsiteY1000"/>
                </a:cxn>
                <a:cxn ang="0">
                  <a:pos x="connsiteX1001" y="connsiteY1001"/>
                </a:cxn>
                <a:cxn ang="0">
                  <a:pos x="connsiteX1002" y="connsiteY1002"/>
                </a:cxn>
                <a:cxn ang="0">
                  <a:pos x="connsiteX1003" y="connsiteY1003"/>
                </a:cxn>
                <a:cxn ang="0">
                  <a:pos x="connsiteX1004" y="connsiteY1004"/>
                </a:cxn>
                <a:cxn ang="0">
                  <a:pos x="connsiteX1005" y="connsiteY1005"/>
                </a:cxn>
                <a:cxn ang="0">
                  <a:pos x="connsiteX1006" y="connsiteY1006"/>
                </a:cxn>
                <a:cxn ang="0">
                  <a:pos x="connsiteX1007" y="connsiteY1007"/>
                </a:cxn>
                <a:cxn ang="0">
                  <a:pos x="connsiteX1008" y="connsiteY1008"/>
                </a:cxn>
                <a:cxn ang="0">
                  <a:pos x="connsiteX1009" y="connsiteY1009"/>
                </a:cxn>
                <a:cxn ang="0">
                  <a:pos x="connsiteX1010" y="connsiteY1010"/>
                </a:cxn>
                <a:cxn ang="0">
                  <a:pos x="connsiteX1011" y="connsiteY1011"/>
                </a:cxn>
                <a:cxn ang="0">
                  <a:pos x="connsiteX1012" y="connsiteY1012"/>
                </a:cxn>
                <a:cxn ang="0">
                  <a:pos x="connsiteX1013" y="connsiteY1013"/>
                </a:cxn>
                <a:cxn ang="0">
                  <a:pos x="connsiteX1014" y="connsiteY1014"/>
                </a:cxn>
                <a:cxn ang="0">
                  <a:pos x="connsiteX1015" y="connsiteY1015"/>
                </a:cxn>
                <a:cxn ang="0">
                  <a:pos x="connsiteX1016" y="connsiteY1016"/>
                </a:cxn>
                <a:cxn ang="0">
                  <a:pos x="connsiteX1017" y="connsiteY1017"/>
                </a:cxn>
                <a:cxn ang="0">
                  <a:pos x="connsiteX1018" y="connsiteY1018"/>
                </a:cxn>
                <a:cxn ang="0">
                  <a:pos x="connsiteX1019" y="connsiteY1019"/>
                </a:cxn>
                <a:cxn ang="0">
                  <a:pos x="connsiteX1020" y="connsiteY1020"/>
                </a:cxn>
                <a:cxn ang="0">
                  <a:pos x="connsiteX1021" y="connsiteY1021"/>
                </a:cxn>
                <a:cxn ang="0">
                  <a:pos x="connsiteX1022" y="connsiteY1022"/>
                </a:cxn>
                <a:cxn ang="0">
                  <a:pos x="connsiteX1023" y="connsiteY1023"/>
                </a:cxn>
                <a:cxn ang="0">
                  <a:pos x="connsiteX1024" y="connsiteY1024"/>
                </a:cxn>
                <a:cxn ang="0">
                  <a:pos x="connsiteX1025" y="connsiteY1025"/>
                </a:cxn>
                <a:cxn ang="0">
                  <a:pos x="connsiteX1026" y="connsiteY1026"/>
                </a:cxn>
                <a:cxn ang="0">
                  <a:pos x="connsiteX1027" y="connsiteY1027"/>
                </a:cxn>
                <a:cxn ang="0">
                  <a:pos x="connsiteX1028" y="connsiteY1028"/>
                </a:cxn>
                <a:cxn ang="0">
                  <a:pos x="connsiteX1029" y="connsiteY1029"/>
                </a:cxn>
                <a:cxn ang="0">
                  <a:pos x="connsiteX1030" y="connsiteY1030"/>
                </a:cxn>
                <a:cxn ang="0">
                  <a:pos x="connsiteX1031" y="connsiteY1031"/>
                </a:cxn>
                <a:cxn ang="0">
                  <a:pos x="connsiteX1032" y="connsiteY1032"/>
                </a:cxn>
                <a:cxn ang="0">
                  <a:pos x="connsiteX1033" y="connsiteY1033"/>
                </a:cxn>
                <a:cxn ang="0">
                  <a:pos x="connsiteX1034" y="connsiteY1034"/>
                </a:cxn>
                <a:cxn ang="0">
                  <a:pos x="connsiteX1035" y="connsiteY1035"/>
                </a:cxn>
                <a:cxn ang="0">
                  <a:pos x="connsiteX1036" y="connsiteY1036"/>
                </a:cxn>
                <a:cxn ang="0">
                  <a:pos x="connsiteX1037" y="connsiteY1037"/>
                </a:cxn>
                <a:cxn ang="0">
                  <a:pos x="connsiteX1038" y="connsiteY1038"/>
                </a:cxn>
                <a:cxn ang="0">
                  <a:pos x="connsiteX1039" y="connsiteY1039"/>
                </a:cxn>
                <a:cxn ang="0">
                  <a:pos x="connsiteX1040" y="connsiteY1040"/>
                </a:cxn>
                <a:cxn ang="0">
                  <a:pos x="connsiteX1041" y="connsiteY1041"/>
                </a:cxn>
                <a:cxn ang="0">
                  <a:pos x="connsiteX1042" y="connsiteY1042"/>
                </a:cxn>
                <a:cxn ang="0">
                  <a:pos x="connsiteX1043" y="connsiteY1043"/>
                </a:cxn>
                <a:cxn ang="0">
                  <a:pos x="connsiteX1044" y="connsiteY1044"/>
                </a:cxn>
                <a:cxn ang="0">
                  <a:pos x="connsiteX1045" y="connsiteY1045"/>
                </a:cxn>
                <a:cxn ang="0">
                  <a:pos x="connsiteX1046" y="connsiteY1046"/>
                </a:cxn>
                <a:cxn ang="0">
                  <a:pos x="connsiteX1047" y="connsiteY1047"/>
                </a:cxn>
                <a:cxn ang="0">
                  <a:pos x="connsiteX1048" y="connsiteY1048"/>
                </a:cxn>
                <a:cxn ang="0">
                  <a:pos x="connsiteX1049" y="connsiteY1049"/>
                </a:cxn>
                <a:cxn ang="0">
                  <a:pos x="connsiteX1050" y="connsiteY1050"/>
                </a:cxn>
                <a:cxn ang="0">
                  <a:pos x="connsiteX1051" y="connsiteY1051"/>
                </a:cxn>
                <a:cxn ang="0">
                  <a:pos x="connsiteX1052" y="connsiteY1052"/>
                </a:cxn>
                <a:cxn ang="0">
                  <a:pos x="connsiteX1053" y="connsiteY1053"/>
                </a:cxn>
                <a:cxn ang="0">
                  <a:pos x="connsiteX1054" y="connsiteY1054"/>
                </a:cxn>
                <a:cxn ang="0">
                  <a:pos x="connsiteX1055" y="connsiteY1055"/>
                </a:cxn>
                <a:cxn ang="0">
                  <a:pos x="connsiteX1056" y="connsiteY1056"/>
                </a:cxn>
                <a:cxn ang="0">
                  <a:pos x="connsiteX1057" y="connsiteY1057"/>
                </a:cxn>
                <a:cxn ang="0">
                  <a:pos x="connsiteX1058" y="connsiteY1058"/>
                </a:cxn>
                <a:cxn ang="0">
                  <a:pos x="connsiteX1059" y="connsiteY1059"/>
                </a:cxn>
                <a:cxn ang="0">
                  <a:pos x="connsiteX1060" y="connsiteY1060"/>
                </a:cxn>
                <a:cxn ang="0">
                  <a:pos x="connsiteX1061" y="connsiteY1061"/>
                </a:cxn>
                <a:cxn ang="0">
                  <a:pos x="connsiteX1062" y="connsiteY1062"/>
                </a:cxn>
                <a:cxn ang="0">
                  <a:pos x="connsiteX1063" y="connsiteY1063"/>
                </a:cxn>
                <a:cxn ang="0">
                  <a:pos x="connsiteX1064" y="connsiteY1064"/>
                </a:cxn>
                <a:cxn ang="0">
                  <a:pos x="connsiteX1065" y="connsiteY1065"/>
                </a:cxn>
                <a:cxn ang="0">
                  <a:pos x="connsiteX1066" y="connsiteY1066"/>
                </a:cxn>
                <a:cxn ang="0">
                  <a:pos x="connsiteX1067" y="connsiteY1067"/>
                </a:cxn>
                <a:cxn ang="0">
                  <a:pos x="connsiteX1068" y="connsiteY1068"/>
                </a:cxn>
                <a:cxn ang="0">
                  <a:pos x="connsiteX1069" y="connsiteY1069"/>
                </a:cxn>
                <a:cxn ang="0">
                  <a:pos x="connsiteX1070" y="connsiteY1070"/>
                </a:cxn>
                <a:cxn ang="0">
                  <a:pos x="connsiteX1071" y="connsiteY1071"/>
                </a:cxn>
                <a:cxn ang="0">
                  <a:pos x="connsiteX1072" y="connsiteY1072"/>
                </a:cxn>
                <a:cxn ang="0">
                  <a:pos x="connsiteX1073" y="connsiteY1073"/>
                </a:cxn>
                <a:cxn ang="0">
                  <a:pos x="connsiteX1074" y="connsiteY1074"/>
                </a:cxn>
                <a:cxn ang="0">
                  <a:pos x="connsiteX1075" y="connsiteY1075"/>
                </a:cxn>
                <a:cxn ang="0">
                  <a:pos x="connsiteX1076" y="connsiteY1076"/>
                </a:cxn>
                <a:cxn ang="0">
                  <a:pos x="connsiteX1077" y="connsiteY1077"/>
                </a:cxn>
                <a:cxn ang="0">
                  <a:pos x="connsiteX1078" y="connsiteY1078"/>
                </a:cxn>
                <a:cxn ang="0">
                  <a:pos x="connsiteX1079" y="connsiteY1079"/>
                </a:cxn>
                <a:cxn ang="0">
                  <a:pos x="connsiteX1080" y="connsiteY1080"/>
                </a:cxn>
                <a:cxn ang="0">
                  <a:pos x="connsiteX1081" y="connsiteY1081"/>
                </a:cxn>
                <a:cxn ang="0">
                  <a:pos x="connsiteX1082" y="connsiteY1082"/>
                </a:cxn>
                <a:cxn ang="0">
                  <a:pos x="connsiteX1083" y="connsiteY1083"/>
                </a:cxn>
                <a:cxn ang="0">
                  <a:pos x="connsiteX1084" y="connsiteY1084"/>
                </a:cxn>
                <a:cxn ang="0">
                  <a:pos x="connsiteX1085" y="connsiteY1085"/>
                </a:cxn>
                <a:cxn ang="0">
                  <a:pos x="connsiteX1086" y="connsiteY1086"/>
                </a:cxn>
                <a:cxn ang="0">
                  <a:pos x="connsiteX1087" y="connsiteY1087"/>
                </a:cxn>
                <a:cxn ang="0">
                  <a:pos x="connsiteX1088" y="connsiteY1088"/>
                </a:cxn>
                <a:cxn ang="0">
                  <a:pos x="connsiteX1089" y="connsiteY1089"/>
                </a:cxn>
                <a:cxn ang="0">
                  <a:pos x="connsiteX1090" y="connsiteY1090"/>
                </a:cxn>
                <a:cxn ang="0">
                  <a:pos x="connsiteX1091" y="connsiteY1091"/>
                </a:cxn>
                <a:cxn ang="0">
                  <a:pos x="connsiteX1092" y="connsiteY1092"/>
                </a:cxn>
                <a:cxn ang="0">
                  <a:pos x="connsiteX1093" y="connsiteY1093"/>
                </a:cxn>
                <a:cxn ang="0">
                  <a:pos x="connsiteX1094" y="connsiteY1094"/>
                </a:cxn>
                <a:cxn ang="0">
                  <a:pos x="connsiteX1095" y="connsiteY1095"/>
                </a:cxn>
                <a:cxn ang="0">
                  <a:pos x="connsiteX1096" y="connsiteY1096"/>
                </a:cxn>
                <a:cxn ang="0">
                  <a:pos x="connsiteX1097" y="connsiteY1097"/>
                </a:cxn>
                <a:cxn ang="0">
                  <a:pos x="connsiteX1098" y="connsiteY1098"/>
                </a:cxn>
                <a:cxn ang="0">
                  <a:pos x="connsiteX1099" y="connsiteY1099"/>
                </a:cxn>
                <a:cxn ang="0">
                  <a:pos x="connsiteX1100" y="connsiteY1100"/>
                </a:cxn>
                <a:cxn ang="0">
                  <a:pos x="connsiteX1101" y="connsiteY1101"/>
                </a:cxn>
                <a:cxn ang="0">
                  <a:pos x="connsiteX1102" y="connsiteY1102"/>
                </a:cxn>
                <a:cxn ang="0">
                  <a:pos x="connsiteX1103" y="connsiteY1103"/>
                </a:cxn>
                <a:cxn ang="0">
                  <a:pos x="connsiteX1104" y="connsiteY1104"/>
                </a:cxn>
                <a:cxn ang="0">
                  <a:pos x="connsiteX1105" y="connsiteY1105"/>
                </a:cxn>
                <a:cxn ang="0">
                  <a:pos x="connsiteX1106" y="connsiteY1106"/>
                </a:cxn>
                <a:cxn ang="0">
                  <a:pos x="connsiteX1107" y="connsiteY1107"/>
                </a:cxn>
                <a:cxn ang="0">
                  <a:pos x="connsiteX1108" y="connsiteY1108"/>
                </a:cxn>
                <a:cxn ang="0">
                  <a:pos x="connsiteX1109" y="connsiteY1109"/>
                </a:cxn>
                <a:cxn ang="0">
                  <a:pos x="connsiteX1110" y="connsiteY1110"/>
                </a:cxn>
                <a:cxn ang="0">
                  <a:pos x="connsiteX1111" y="connsiteY1111"/>
                </a:cxn>
                <a:cxn ang="0">
                  <a:pos x="connsiteX1112" y="connsiteY1112"/>
                </a:cxn>
                <a:cxn ang="0">
                  <a:pos x="connsiteX1113" y="connsiteY1113"/>
                </a:cxn>
                <a:cxn ang="0">
                  <a:pos x="connsiteX1114" y="connsiteY1114"/>
                </a:cxn>
                <a:cxn ang="0">
                  <a:pos x="connsiteX1115" y="connsiteY1115"/>
                </a:cxn>
                <a:cxn ang="0">
                  <a:pos x="connsiteX1116" y="connsiteY1116"/>
                </a:cxn>
                <a:cxn ang="0">
                  <a:pos x="connsiteX1117" y="connsiteY1117"/>
                </a:cxn>
                <a:cxn ang="0">
                  <a:pos x="connsiteX1118" y="connsiteY1118"/>
                </a:cxn>
                <a:cxn ang="0">
                  <a:pos x="connsiteX1119" y="connsiteY1119"/>
                </a:cxn>
                <a:cxn ang="0">
                  <a:pos x="connsiteX1120" y="connsiteY1120"/>
                </a:cxn>
                <a:cxn ang="0">
                  <a:pos x="connsiteX1121" y="connsiteY1121"/>
                </a:cxn>
                <a:cxn ang="0">
                  <a:pos x="connsiteX1122" y="connsiteY1122"/>
                </a:cxn>
                <a:cxn ang="0">
                  <a:pos x="connsiteX1123" y="connsiteY1123"/>
                </a:cxn>
                <a:cxn ang="0">
                  <a:pos x="connsiteX1124" y="connsiteY1124"/>
                </a:cxn>
                <a:cxn ang="0">
                  <a:pos x="connsiteX1125" y="connsiteY1125"/>
                </a:cxn>
                <a:cxn ang="0">
                  <a:pos x="connsiteX1126" y="connsiteY1126"/>
                </a:cxn>
                <a:cxn ang="0">
                  <a:pos x="connsiteX1127" y="connsiteY1127"/>
                </a:cxn>
                <a:cxn ang="0">
                  <a:pos x="connsiteX1128" y="connsiteY1128"/>
                </a:cxn>
                <a:cxn ang="0">
                  <a:pos x="connsiteX1129" y="connsiteY1129"/>
                </a:cxn>
                <a:cxn ang="0">
                  <a:pos x="connsiteX1130" y="connsiteY1130"/>
                </a:cxn>
                <a:cxn ang="0">
                  <a:pos x="connsiteX1131" y="connsiteY1131"/>
                </a:cxn>
                <a:cxn ang="0">
                  <a:pos x="connsiteX1132" y="connsiteY1132"/>
                </a:cxn>
                <a:cxn ang="0">
                  <a:pos x="connsiteX1133" y="connsiteY1133"/>
                </a:cxn>
                <a:cxn ang="0">
                  <a:pos x="connsiteX1134" y="connsiteY1134"/>
                </a:cxn>
                <a:cxn ang="0">
                  <a:pos x="connsiteX1135" y="connsiteY1135"/>
                </a:cxn>
                <a:cxn ang="0">
                  <a:pos x="connsiteX1136" y="connsiteY1136"/>
                </a:cxn>
                <a:cxn ang="0">
                  <a:pos x="connsiteX1137" y="connsiteY1137"/>
                </a:cxn>
                <a:cxn ang="0">
                  <a:pos x="connsiteX1138" y="connsiteY1138"/>
                </a:cxn>
                <a:cxn ang="0">
                  <a:pos x="connsiteX1139" y="connsiteY1139"/>
                </a:cxn>
                <a:cxn ang="0">
                  <a:pos x="connsiteX1140" y="connsiteY1140"/>
                </a:cxn>
                <a:cxn ang="0">
                  <a:pos x="connsiteX1141" y="connsiteY1141"/>
                </a:cxn>
                <a:cxn ang="0">
                  <a:pos x="connsiteX1142" y="connsiteY1142"/>
                </a:cxn>
                <a:cxn ang="0">
                  <a:pos x="connsiteX1143" y="connsiteY1143"/>
                </a:cxn>
                <a:cxn ang="0">
                  <a:pos x="connsiteX1144" y="connsiteY1144"/>
                </a:cxn>
                <a:cxn ang="0">
                  <a:pos x="connsiteX1145" y="connsiteY1145"/>
                </a:cxn>
                <a:cxn ang="0">
                  <a:pos x="connsiteX1146" y="connsiteY1146"/>
                </a:cxn>
                <a:cxn ang="0">
                  <a:pos x="connsiteX1147" y="connsiteY1147"/>
                </a:cxn>
                <a:cxn ang="0">
                  <a:pos x="connsiteX1148" y="connsiteY1148"/>
                </a:cxn>
                <a:cxn ang="0">
                  <a:pos x="connsiteX1149" y="connsiteY1149"/>
                </a:cxn>
                <a:cxn ang="0">
                  <a:pos x="connsiteX1150" y="connsiteY1150"/>
                </a:cxn>
                <a:cxn ang="0">
                  <a:pos x="connsiteX1151" y="connsiteY1151"/>
                </a:cxn>
                <a:cxn ang="0">
                  <a:pos x="connsiteX1152" y="connsiteY1152"/>
                </a:cxn>
                <a:cxn ang="0">
                  <a:pos x="connsiteX1153" y="connsiteY1153"/>
                </a:cxn>
                <a:cxn ang="0">
                  <a:pos x="connsiteX1154" y="connsiteY1154"/>
                </a:cxn>
                <a:cxn ang="0">
                  <a:pos x="connsiteX1155" y="connsiteY1155"/>
                </a:cxn>
                <a:cxn ang="0">
                  <a:pos x="connsiteX1156" y="connsiteY1156"/>
                </a:cxn>
                <a:cxn ang="0">
                  <a:pos x="connsiteX1157" y="connsiteY1157"/>
                </a:cxn>
                <a:cxn ang="0">
                  <a:pos x="connsiteX1158" y="connsiteY1158"/>
                </a:cxn>
                <a:cxn ang="0">
                  <a:pos x="connsiteX1159" y="connsiteY1159"/>
                </a:cxn>
                <a:cxn ang="0">
                  <a:pos x="connsiteX1160" y="connsiteY1160"/>
                </a:cxn>
                <a:cxn ang="0">
                  <a:pos x="connsiteX1161" y="connsiteY1161"/>
                </a:cxn>
                <a:cxn ang="0">
                  <a:pos x="connsiteX1162" y="connsiteY1162"/>
                </a:cxn>
                <a:cxn ang="0">
                  <a:pos x="connsiteX1163" y="connsiteY1163"/>
                </a:cxn>
                <a:cxn ang="0">
                  <a:pos x="connsiteX1164" y="connsiteY1164"/>
                </a:cxn>
                <a:cxn ang="0">
                  <a:pos x="connsiteX1165" y="connsiteY1165"/>
                </a:cxn>
                <a:cxn ang="0">
                  <a:pos x="connsiteX1166" y="connsiteY1166"/>
                </a:cxn>
                <a:cxn ang="0">
                  <a:pos x="connsiteX1167" y="connsiteY1167"/>
                </a:cxn>
                <a:cxn ang="0">
                  <a:pos x="connsiteX1168" y="connsiteY1168"/>
                </a:cxn>
                <a:cxn ang="0">
                  <a:pos x="connsiteX1169" y="connsiteY1169"/>
                </a:cxn>
                <a:cxn ang="0">
                  <a:pos x="connsiteX1170" y="connsiteY1170"/>
                </a:cxn>
                <a:cxn ang="0">
                  <a:pos x="connsiteX1171" y="connsiteY1171"/>
                </a:cxn>
                <a:cxn ang="0">
                  <a:pos x="connsiteX1172" y="connsiteY1172"/>
                </a:cxn>
                <a:cxn ang="0">
                  <a:pos x="connsiteX1173" y="connsiteY1173"/>
                </a:cxn>
                <a:cxn ang="0">
                  <a:pos x="connsiteX1174" y="connsiteY1174"/>
                </a:cxn>
                <a:cxn ang="0">
                  <a:pos x="connsiteX1175" y="connsiteY1175"/>
                </a:cxn>
                <a:cxn ang="0">
                  <a:pos x="connsiteX1176" y="connsiteY1176"/>
                </a:cxn>
                <a:cxn ang="0">
                  <a:pos x="connsiteX1177" y="connsiteY1177"/>
                </a:cxn>
                <a:cxn ang="0">
                  <a:pos x="connsiteX1178" y="connsiteY1178"/>
                </a:cxn>
                <a:cxn ang="0">
                  <a:pos x="connsiteX1179" y="connsiteY1179"/>
                </a:cxn>
                <a:cxn ang="0">
                  <a:pos x="connsiteX1180" y="connsiteY1180"/>
                </a:cxn>
                <a:cxn ang="0">
                  <a:pos x="connsiteX1181" y="connsiteY1181"/>
                </a:cxn>
                <a:cxn ang="0">
                  <a:pos x="connsiteX1182" y="connsiteY1182"/>
                </a:cxn>
                <a:cxn ang="0">
                  <a:pos x="connsiteX1183" y="connsiteY1183"/>
                </a:cxn>
                <a:cxn ang="0">
                  <a:pos x="connsiteX1184" y="connsiteY1184"/>
                </a:cxn>
                <a:cxn ang="0">
                  <a:pos x="connsiteX1185" y="connsiteY1185"/>
                </a:cxn>
                <a:cxn ang="0">
                  <a:pos x="connsiteX1186" y="connsiteY1186"/>
                </a:cxn>
                <a:cxn ang="0">
                  <a:pos x="connsiteX1187" y="connsiteY1187"/>
                </a:cxn>
                <a:cxn ang="0">
                  <a:pos x="connsiteX1188" y="connsiteY1188"/>
                </a:cxn>
                <a:cxn ang="0">
                  <a:pos x="connsiteX1189" y="connsiteY1189"/>
                </a:cxn>
                <a:cxn ang="0">
                  <a:pos x="connsiteX1190" y="connsiteY1190"/>
                </a:cxn>
                <a:cxn ang="0">
                  <a:pos x="connsiteX1191" y="connsiteY1191"/>
                </a:cxn>
                <a:cxn ang="0">
                  <a:pos x="connsiteX1192" y="connsiteY1192"/>
                </a:cxn>
                <a:cxn ang="0">
                  <a:pos x="connsiteX1193" y="connsiteY1193"/>
                </a:cxn>
                <a:cxn ang="0">
                  <a:pos x="connsiteX1194" y="connsiteY1194"/>
                </a:cxn>
                <a:cxn ang="0">
                  <a:pos x="connsiteX1195" y="connsiteY1195"/>
                </a:cxn>
                <a:cxn ang="0">
                  <a:pos x="connsiteX1196" y="connsiteY1196"/>
                </a:cxn>
                <a:cxn ang="0">
                  <a:pos x="connsiteX1197" y="connsiteY1197"/>
                </a:cxn>
                <a:cxn ang="0">
                  <a:pos x="connsiteX1198" y="connsiteY1198"/>
                </a:cxn>
                <a:cxn ang="0">
                  <a:pos x="connsiteX1199" y="connsiteY1199"/>
                </a:cxn>
                <a:cxn ang="0">
                  <a:pos x="connsiteX1200" y="connsiteY1200"/>
                </a:cxn>
                <a:cxn ang="0">
                  <a:pos x="connsiteX1201" y="connsiteY1201"/>
                </a:cxn>
                <a:cxn ang="0">
                  <a:pos x="connsiteX1202" y="connsiteY1202"/>
                </a:cxn>
                <a:cxn ang="0">
                  <a:pos x="connsiteX1203" y="connsiteY1203"/>
                </a:cxn>
                <a:cxn ang="0">
                  <a:pos x="connsiteX1204" y="connsiteY1204"/>
                </a:cxn>
                <a:cxn ang="0">
                  <a:pos x="connsiteX1205" y="connsiteY1205"/>
                </a:cxn>
                <a:cxn ang="0">
                  <a:pos x="connsiteX1206" y="connsiteY1206"/>
                </a:cxn>
                <a:cxn ang="0">
                  <a:pos x="connsiteX1207" y="connsiteY1207"/>
                </a:cxn>
                <a:cxn ang="0">
                  <a:pos x="connsiteX1208" y="connsiteY1208"/>
                </a:cxn>
                <a:cxn ang="0">
                  <a:pos x="connsiteX1209" y="connsiteY1209"/>
                </a:cxn>
                <a:cxn ang="0">
                  <a:pos x="connsiteX1210" y="connsiteY1210"/>
                </a:cxn>
                <a:cxn ang="0">
                  <a:pos x="connsiteX1211" y="connsiteY1211"/>
                </a:cxn>
                <a:cxn ang="0">
                  <a:pos x="connsiteX1212" y="connsiteY1212"/>
                </a:cxn>
                <a:cxn ang="0">
                  <a:pos x="connsiteX1213" y="connsiteY1213"/>
                </a:cxn>
                <a:cxn ang="0">
                  <a:pos x="connsiteX1214" y="connsiteY1214"/>
                </a:cxn>
                <a:cxn ang="0">
                  <a:pos x="connsiteX1215" y="connsiteY1215"/>
                </a:cxn>
                <a:cxn ang="0">
                  <a:pos x="connsiteX1216" y="connsiteY1216"/>
                </a:cxn>
                <a:cxn ang="0">
                  <a:pos x="connsiteX1217" y="connsiteY1217"/>
                </a:cxn>
                <a:cxn ang="0">
                  <a:pos x="connsiteX1218" y="connsiteY1218"/>
                </a:cxn>
                <a:cxn ang="0">
                  <a:pos x="connsiteX1219" y="connsiteY1219"/>
                </a:cxn>
                <a:cxn ang="0">
                  <a:pos x="connsiteX1220" y="connsiteY1220"/>
                </a:cxn>
                <a:cxn ang="0">
                  <a:pos x="connsiteX1221" y="connsiteY1221"/>
                </a:cxn>
                <a:cxn ang="0">
                  <a:pos x="connsiteX1222" y="connsiteY1222"/>
                </a:cxn>
                <a:cxn ang="0">
                  <a:pos x="connsiteX1223" y="connsiteY1223"/>
                </a:cxn>
                <a:cxn ang="0">
                  <a:pos x="connsiteX1224" y="connsiteY1224"/>
                </a:cxn>
                <a:cxn ang="0">
                  <a:pos x="connsiteX1225" y="connsiteY1225"/>
                </a:cxn>
                <a:cxn ang="0">
                  <a:pos x="connsiteX1226" y="connsiteY1226"/>
                </a:cxn>
                <a:cxn ang="0">
                  <a:pos x="connsiteX1227" y="connsiteY1227"/>
                </a:cxn>
                <a:cxn ang="0">
                  <a:pos x="connsiteX1228" y="connsiteY1228"/>
                </a:cxn>
                <a:cxn ang="0">
                  <a:pos x="connsiteX1229" y="connsiteY1229"/>
                </a:cxn>
                <a:cxn ang="0">
                  <a:pos x="connsiteX1230" y="connsiteY1230"/>
                </a:cxn>
                <a:cxn ang="0">
                  <a:pos x="connsiteX1231" y="connsiteY1231"/>
                </a:cxn>
                <a:cxn ang="0">
                  <a:pos x="connsiteX1232" y="connsiteY1232"/>
                </a:cxn>
                <a:cxn ang="0">
                  <a:pos x="connsiteX1233" y="connsiteY1233"/>
                </a:cxn>
                <a:cxn ang="0">
                  <a:pos x="connsiteX1234" y="connsiteY1234"/>
                </a:cxn>
                <a:cxn ang="0">
                  <a:pos x="connsiteX1235" y="connsiteY1235"/>
                </a:cxn>
                <a:cxn ang="0">
                  <a:pos x="connsiteX1236" y="connsiteY1236"/>
                </a:cxn>
                <a:cxn ang="0">
                  <a:pos x="connsiteX1237" y="connsiteY1237"/>
                </a:cxn>
                <a:cxn ang="0">
                  <a:pos x="connsiteX1238" y="connsiteY1238"/>
                </a:cxn>
                <a:cxn ang="0">
                  <a:pos x="connsiteX1239" y="connsiteY1239"/>
                </a:cxn>
                <a:cxn ang="0">
                  <a:pos x="connsiteX1240" y="connsiteY1240"/>
                </a:cxn>
                <a:cxn ang="0">
                  <a:pos x="connsiteX1241" y="connsiteY1241"/>
                </a:cxn>
                <a:cxn ang="0">
                  <a:pos x="connsiteX1242" y="connsiteY1242"/>
                </a:cxn>
                <a:cxn ang="0">
                  <a:pos x="connsiteX1243" y="connsiteY1243"/>
                </a:cxn>
                <a:cxn ang="0">
                  <a:pos x="connsiteX1244" y="connsiteY1244"/>
                </a:cxn>
                <a:cxn ang="0">
                  <a:pos x="connsiteX1245" y="connsiteY1245"/>
                </a:cxn>
                <a:cxn ang="0">
                  <a:pos x="connsiteX1246" y="connsiteY1246"/>
                </a:cxn>
                <a:cxn ang="0">
                  <a:pos x="connsiteX1247" y="connsiteY1247"/>
                </a:cxn>
                <a:cxn ang="0">
                  <a:pos x="connsiteX1248" y="connsiteY1248"/>
                </a:cxn>
                <a:cxn ang="0">
                  <a:pos x="connsiteX1249" y="connsiteY1249"/>
                </a:cxn>
                <a:cxn ang="0">
                  <a:pos x="connsiteX1250" y="connsiteY1250"/>
                </a:cxn>
                <a:cxn ang="0">
                  <a:pos x="connsiteX1251" y="connsiteY1251"/>
                </a:cxn>
                <a:cxn ang="0">
                  <a:pos x="connsiteX1252" y="connsiteY1252"/>
                </a:cxn>
                <a:cxn ang="0">
                  <a:pos x="connsiteX1253" y="connsiteY1253"/>
                </a:cxn>
                <a:cxn ang="0">
                  <a:pos x="connsiteX1254" y="connsiteY1254"/>
                </a:cxn>
                <a:cxn ang="0">
                  <a:pos x="connsiteX1255" y="connsiteY1255"/>
                </a:cxn>
                <a:cxn ang="0">
                  <a:pos x="connsiteX1256" y="connsiteY1256"/>
                </a:cxn>
                <a:cxn ang="0">
                  <a:pos x="connsiteX1257" y="connsiteY1257"/>
                </a:cxn>
                <a:cxn ang="0">
                  <a:pos x="connsiteX1258" y="connsiteY1258"/>
                </a:cxn>
                <a:cxn ang="0">
                  <a:pos x="connsiteX1259" y="connsiteY1259"/>
                </a:cxn>
                <a:cxn ang="0">
                  <a:pos x="connsiteX1260" y="connsiteY1260"/>
                </a:cxn>
                <a:cxn ang="0">
                  <a:pos x="connsiteX1261" y="connsiteY1261"/>
                </a:cxn>
                <a:cxn ang="0">
                  <a:pos x="connsiteX1262" y="connsiteY1262"/>
                </a:cxn>
                <a:cxn ang="0">
                  <a:pos x="connsiteX1263" y="connsiteY1263"/>
                </a:cxn>
                <a:cxn ang="0">
                  <a:pos x="connsiteX1264" y="connsiteY1264"/>
                </a:cxn>
                <a:cxn ang="0">
                  <a:pos x="connsiteX1265" y="connsiteY1265"/>
                </a:cxn>
                <a:cxn ang="0">
                  <a:pos x="connsiteX1266" y="connsiteY1266"/>
                </a:cxn>
                <a:cxn ang="0">
                  <a:pos x="connsiteX1267" y="connsiteY1267"/>
                </a:cxn>
                <a:cxn ang="0">
                  <a:pos x="connsiteX1268" y="connsiteY1268"/>
                </a:cxn>
                <a:cxn ang="0">
                  <a:pos x="connsiteX1269" y="connsiteY1269"/>
                </a:cxn>
                <a:cxn ang="0">
                  <a:pos x="connsiteX1270" y="connsiteY1270"/>
                </a:cxn>
                <a:cxn ang="0">
                  <a:pos x="connsiteX1271" y="connsiteY1271"/>
                </a:cxn>
                <a:cxn ang="0">
                  <a:pos x="connsiteX1272" y="connsiteY1272"/>
                </a:cxn>
                <a:cxn ang="0">
                  <a:pos x="connsiteX1273" y="connsiteY1273"/>
                </a:cxn>
                <a:cxn ang="0">
                  <a:pos x="connsiteX1274" y="connsiteY1274"/>
                </a:cxn>
                <a:cxn ang="0">
                  <a:pos x="connsiteX1275" y="connsiteY1275"/>
                </a:cxn>
                <a:cxn ang="0">
                  <a:pos x="connsiteX1276" y="connsiteY1276"/>
                </a:cxn>
                <a:cxn ang="0">
                  <a:pos x="connsiteX1277" y="connsiteY1277"/>
                </a:cxn>
                <a:cxn ang="0">
                  <a:pos x="connsiteX1278" y="connsiteY1278"/>
                </a:cxn>
                <a:cxn ang="0">
                  <a:pos x="connsiteX1279" y="connsiteY1279"/>
                </a:cxn>
                <a:cxn ang="0">
                  <a:pos x="connsiteX1280" y="connsiteY1280"/>
                </a:cxn>
                <a:cxn ang="0">
                  <a:pos x="connsiteX1281" y="connsiteY1281"/>
                </a:cxn>
                <a:cxn ang="0">
                  <a:pos x="connsiteX1282" y="connsiteY1282"/>
                </a:cxn>
                <a:cxn ang="0">
                  <a:pos x="connsiteX1283" y="connsiteY1283"/>
                </a:cxn>
                <a:cxn ang="0">
                  <a:pos x="connsiteX1284" y="connsiteY1284"/>
                </a:cxn>
                <a:cxn ang="0">
                  <a:pos x="connsiteX1285" y="connsiteY1285"/>
                </a:cxn>
                <a:cxn ang="0">
                  <a:pos x="connsiteX1286" y="connsiteY1286"/>
                </a:cxn>
                <a:cxn ang="0">
                  <a:pos x="connsiteX1287" y="connsiteY1287"/>
                </a:cxn>
                <a:cxn ang="0">
                  <a:pos x="connsiteX1288" y="connsiteY1288"/>
                </a:cxn>
                <a:cxn ang="0">
                  <a:pos x="connsiteX1289" y="connsiteY1289"/>
                </a:cxn>
                <a:cxn ang="0">
                  <a:pos x="connsiteX1290" y="connsiteY1290"/>
                </a:cxn>
                <a:cxn ang="0">
                  <a:pos x="connsiteX1291" y="connsiteY1291"/>
                </a:cxn>
                <a:cxn ang="0">
                  <a:pos x="connsiteX1292" y="connsiteY1292"/>
                </a:cxn>
                <a:cxn ang="0">
                  <a:pos x="connsiteX1293" y="connsiteY1293"/>
                </a:cxn>
                <a:cxn ang="0">
                  <a:pos x="connsiteX1294" y="connsiteY1294"/>
                </a:cxn>
                <a:cxn ang="0">
                  <a:pos x="connsiteX1295" y="connsiteY1295"/>
                </a:cxn>
                <a:cxn ang="0">
                  <a:pos x="connsiteX1296" y="connsiteY1296"/>
                </a:cxn>
                <a:cxn ang="0">
                  <a:pos x="connsiteX1297" y="connsiteY1297"/>
                </a:cxn>
                <a:cxn ang="0">
                  <a:pos x="connsiteX1298" y="connsiteY1298"/>
                </a:cxn>
                <a:cxn ang="0">
                  <a:pos x="connsiteX1299" y="connsiteY1299"/>
                </a:cxn>
                <a:cxn ang="0">
                  <a:pos x="connsiteX1300" y="connsiteY1300"/>
                </a:cxn>
                <a:cxn ang="0">
                  <a:pos x="connsiteX1301" y="connsiteY1301"/>
                </a:cxn>
                <a:cxn ang="0">
                  <a:pos x="connsiteX1302" y="connsiteY1302"/>
                </a:cxn>
                <a:cxn ang="0">
                  <a:pos x="connsiteX1303" y="connsiteY1303"/>
                </a:cxn>
                <a:cxn ang="0">
                  <a:pos x="connsiteX1304" y="connsiteY1304"/>
                </a:cxn>
                <a:cxn ang="0">
                  <a:pos x="connsiteX1305" y="connsiteY1305"/>
                </a:cxn>
                <a:cxn ang="0">
                  <a:pos x="connsiteX1306" y="connsiteY1306"/>
                </a:cxn>
                <a:cxn ang="0">
                  <a:pos x="connsiteX1307" y="connsiteY1307"/>
                </a:cxn>
                <a:cxn ang="0">
                  <a:pos x="connsiteX1308" y="connsiteY1308"/>
                </a:cxn>
                <a:cxn ang="0">
                  <a:pos x="connsiteX1309" y="connsiteY1309"/>
                </a:cxn>
                <a:cxn ang="0">
                  <a:pos x="connsiteX1310" y="connsiteY1310"/>
                </a:cxn>
                <a:cxn ang="0">
                  <a:pos x="connsiteX1311" y="connsiteY1311"/>
                </a:cxn>
                <a:cxn ang="0">
                  <a:pos x="connsiteX1312" y="connsiteY1312"/>
                </a:cxn>
                <a:cxn ang="0">
                  <a:pos x="connsiteX1313" y="connsiteY1313"/>
                </a:cxn>
                <a:cxn ang="0">
                  <a:pos x="connsiteX1314" y="connsiteY1314"/>
                </a:cxn>
                <a:cxn ang="0">
                  <a:pos x="connsiteX1315" y="connsiteY1315"/>
                </a:cxn>
                <a:cxn ang="0">
                  <a:pos x="connsiteX1316" y="connsiteY1316"/>
                </a:cxn>
                <a:cxn ang="0">
                  <a:pos x="connsiteX1317" y="connsiteY1317"/>
                </a:cxn>
                <a:cxn ang="0">
                  <a:pos x="connsiteX1318" y="connsiteY1318"/>
                </a:cxn>
                <a:cxn ang="0">
                  <a:pos x="connsiteX1319" y="connsiteY1319"/>
                </a:cxn>
                <a:cxn ang="0">
                  <a:pos x="connsiteX1320" y="connsiteY1320"/>
                </a:cxn>
                <a:cxn ang="0">
                  <a:pos x="connsiteX1321" y="connsiteY1321"/>
                </a:cxn>
                <a:cxn ang="0">
                  <a:pos x="connsiteX1322" y="connsiteY1322"/>
                </a:cxn>
                <a:cxn ang="0">
                  <a:pos x="connsiteX1323" y="connsiteY1323"/>
                </a:cxn>
                <a:cxn ang="0">
                  <a:pos x="connsiteX1324" y="connsiteY1324"/>
                </a:cxn>
                <a:cxn ang="0">
                  <a:pos x="connsiteX1325" y="connsiteY1325"/>
                </a:cxn>
                <a:cxn ang="0">
                  <a:pos x="connsiteX1326" y="connsiteY1326"/>
                </a:cxn>
                <a:cxn ang="0">
                  <a:pos x="connsiteX1327" y="connsiteY1327"/>
                </a:cxn>
                <a:cxn ang="0">
                  <a:pos x="connsiteX1328" y="connsiteY1328"/>
                </a:cxn>
                <a:cxn ang="0">
                  <a:pos x="connsiteX1329" y="connsiteY1329"/>
                </a:cxn>
                <a:cxn ang="0">
                  <a:pos x="connsiteX1330" y="connsiteY1330"/>
                </a:cxn>
                <a:cxn ang="0">
                  <a:pos x="connsiteX1331" y="connsiteY1331"/>
                </a:cxn>
                <a:cxn ang="0">
                  <a:pos x="connsiteX1332" y="connsiteY1332"/>
                </a:cxn>
                <a:cxn ang="0">
                  <a:pos x="connsiteX1333" y="connsiteY1333"/>
                </a:cxn>
                <a:cxn ang="0">
                  <a:pos x="connsiteX1334" y="connsiteY1334"/>
                </a:cxn>
                <a:cxn ang="0">
                  <a:pos x="connsiteX1335" y="connsiteY1335"/>
                </a:cxn>
                <a:cxn ang="0">
                  <a:pos x="connsiteX1336" y="connsiteY1336"/>
                </a:cxn>
                <a:cxn ang="0">
                  <a:pos x="connsiteX1337" y="connsiteY1337"/>
                </a:cxn>
                <a:cxn ang="0">
                  <a:pos x="connsiteX1338" y="connsiteY1338"/>
                </a:cxn>
                <a:cxn ang="0">
                  <a:pos x="connsiteX1339" y="connsiteY1339"/>
                </a:cxn>
                <a:cxn ang="0">
                  <a:pos x="connsiteX1340" y="connsiteY1340"/>
                </a:cxn>
                <a:cxn ang="0">
                  <a:pos x="connsiteX1341" y="connsiteY1341"/>
                </a:cxn>
                <a:cxn ang="0">
                  <a:pos x="connsiteX1342" y="connsiteY1342"/>
                </a:cxn>
                <a:cxn ang="0">
                  <a:pos x="connsiteX1343" y="connsiteY1343"/>
                </a:cxn>
                <a:cxn ang="0">
                  <a:pos x="connsiteX1344" y="connsiteY1344"/>
                </a:cxn>
                <a:cxn ang="0">
                  <a:pos x="connsiteX1345" y="connsiteY1345"/>
                </a:cxn>
                <a:cxn ang="0">
                  <a:pos x="connsiteX1346" y="connsiteY1346"/>
                </a:cxn>
                <a:cxn ang="0">
                  <a:pos x="connsiteX1347" y="connsiteY1347"/>
                </a:cxn>
                <a:cxn ang="0">
                  <a:pos x="connsiteX1348" y="connsiteY1348"/>
                </a:cxn>
                <a:cxn ang="0">
                  <a:pos x="connsiteX1349" y="connsiteY1349"/>
                </a:cxn>
                <a:cxn ang="0">
                  <a:pos x="connsiteX1350" y="connsiteY1350"/>
                </a:cxn>
                <a:cxn ang="0">
                  <a:pos x="connsiteX1351" y="connsiteY1351"/>
                </a:cxn>
                <a:cxn ang="0">
                  <a:pos x="connsiteX1352" y="connsiteY1352"/>
                </a:cxn>
                <a:cxn ang="0">
                  <a:pos x="connsiteX1353" y="connsiteY1353"/>
                </a:cxn>
                <a:cxn ang="0">
                  <a:pos x="connsiteX1354" y="connsiteY1354"/>
                </a:cxn>
                <a:cxn ang="0">
                  <a:pos x="connsiteX1355" y="connsiteY1355"/>
                </a:cxn>
                <a:cxn ang="0">
                  <a:pos x="connsiteX1356" y="connsiteY1356"/>
                </a:cxn>
                <a:cxn ang="0">
                  <a:pos x="connsiteX1357" y="connsiteY1357"/>
                </a:cxn>
                <a:cxn ang="0">
                  <a:pos x="connsiteX1358" y="connsiteY1358"/>
                </a:cxn>
                <a:cxn ang="0">
                  <a:pos x="connsiteX1359" y="connsiteY1359"/>
                </a:cxn>
                <a:cxn ang="0">
                  <a:pos x="connsiteX1360" y="connsiteY1360"/>
                </a:cxn>
                <a:cxn ang="0">
                  <a:pos x="connsiteX1361" y="connsiteY1361"/>
                </a:cxn>
                <a:cxn ang="0">
                  <a:pos x="connsiteX1362" y="connsiteY1362"/>
                </a:cxn>
                <a:cxn ang="0">
                  <a:pos x="connsiteX1363" y="connsiteY1363"/>
                </a:cxn>
                <a:cxn ang="0">
                  <a:pos x="connsiteX1364" y="connsiteY1364"/>
                </a:cxn>
                <a:cxn ang="0">
                  <a:pos x="connsiteX1365" y="connsiteY1365"/>
                </a:cxn>
                <a:cxn ang="0">
                  <a:pos x="connsiteX1366" y="connsiteY1366"/>
                </a:cxn>
                <a:cxn ang="0">
                  <a:pos x="connsiteX1367" y="connsiteY1367"/>
                </a:cxn>
                <a:cxn ang="0">
                  <a:pos x="connsiteX1368" y="connsiteY1368"/>
                </a:cxn>
                <a:cxn ang="0">
                  <a:pos x="connsiteX1369" y="connsiteY1369"/>
                </a:cxn>
                <a:cxn ang="0">
                  <a:pos x="connsiteX1370" y="connsiteY1370"/>
                </a:cxn>
                <a:cxn ang="0">
                  <a:pos x="connsiteX1371" y="connsiteY1371"/>
                </a:cxn>
                <a:cxn ang="0">
                  <a:pos x="connsiteX1372" y="connsiteY1372"/>
                </a:cxn>
                <a:cxn ang="0">
                  <a:pos x="connsiteX1373" y="connsiteY1373"/>
                </a:cxn>
                <a:cxn ang="0">
                  <a:pos x="connsiteX1374" y="connsiteY1374"/>
                </a:cxn>
                <a:cxn ang="0">
                  <a:pos x="connsiteX1375" y="connsiteY1375"/>
                </a:cxn>
                <a:cxn ang="0">
                  <a:pos x="connsiteX1376" y="connsiteY1376"/>
                </a:cxn>
                <a:cxn ang="0">
                  <a:pos x="connsiteX1377" y="connsiteY1377"/>
                </a:cxn>
                <a:cxn ang="0">
                  <a:pos x="connsiteX1378" y="connsiteY1378"/>
                </a:cxn>
                <a:cxn ang="0">
                  <a:pos x="connsiteX1379" y="connsiteY1379"/>
                </a:cxn>
                <a:cxn ang="0">
                  <a:pos x="connsiteX1380" y="connsiteY1380"/>
                </a:cxn>
                <a:cxn ang="0">
                  <a:pos x="connsiteX1381" y="connsiteY1381"/>
                </a:cxn>
                <a:cxn ang="0">
                  <a:pos x="connsiteX1382" y="connsiteY1382"/>
                </a:cxn>
                <a:cxn ang="0">
                  <a:pos x="connsiteX1383" y="connsiteY1383"/>
                </a:cxn>
                <a:cxn ang="0">
                  <a:pos x="connsiteX1384" y="connsiteY1384"/>
                </a:cxn>
                <a:cxn ang="0">
                  <a:pos x="connsiteX1385" y="connsiteY1385"/>
                </a:cxn>
                <a:cxn ang="0">
                  <a:pos x="connsiteX1386" y="connsiteY1386"/>
                </a:cxn>
                <a:cxn ang="0">
                  <a:pos x="connsiteX1387" y="connsiteY1387"/>
                </a:cxn>
                <a:cxn ang="0">
                  <a:pos x="connsiteX1388" y="connsiteY1388"/>
                </a:cxn>
                <a:cxn ang="0">
                  <a:pos x="connsiteX1389" y="connsiteY1389"/>
                </a:cxn>
                <a:cxn ang="0">
                  <a:pos x="connsiteX1390" y="connsiteY1390"/>
                </a:cxn>
                <a:cxn ang="0">
                  <a:pos x="connsiteX1391" y="connsiteY1391"/>
                </a:cxn>
                <a:cxn ang="0">
                  <a:pos x="connsiteX1392" y="connsiteY1392"/>
                </a:cxn>
                <a:cxn ang="0">
                  <a:pos x="connsiteX1393" y="connsiteY1393"/>
                </a:cxn>
                <a:cxn ang="0">
                  <a:pos x="connsiteX1394" y="connsiteY1394"/>
                </a:cxn>
                <a:cxn ang="0">
                  <a:pos x="connsiteX1395" y="connsiteY1395"/>
                </a:cxn>
                <a:cxn ang="0">
                  <a:pos x="connsiteX1396" y="connsiteY1396"/>
                </a:cxn>
                <a:cxn ang="0">
                  <a:pos x="connsiteX1397" y="connsiteY1397"/>
                </a:cxn>
                <a:cxn ang="0">
                  <a:pos x="connsiteX1398" y="connsiteY1398"/>
                </a:cxn>
                <a:cxn ang="0">
                  <a:pos x="connsiteX1399" y="connsiteY1399"/>
                </a:cxn>
                <a:cxn ang="0">
                  <a:pos x="connsiteX1400" y="connsiteY1400"/>
                </a:cxn>
                <a:cxn ang="0">
                  <a:pos x="connsiteX1401" y="connsiteY1401"/>
                </a:cxn>
                <a:cxn ang="0">
                  <a:pos x="connsiteX1402" y="connsiteY1402"/>
                </a:cxn>
                <a:cxn ang="0">
                  <a:pos x="connsiteX1403" y="connsiteY1403"/>
                </a:cxn>
                <a:cxn ang="0">
                  <a:pos x="connsiteX1404" y="connsiteY1404"/>
                </a:cxn>
                <a:cxn ang="0">
                  <a:pos x="connsiteX1405" y="connsiteY1405"/>
                </a:cxn>
                <a:cxn ang="0">
                  <a:pos x="connsiteX1406" y="connsiteY1406"/>
                </a:cxn>
                <a:cxn ang="0">
                  <a:pos x="connsiteX1407" y="connsiteY1407"/>
                </a:cxn>
                <a:cxn ang="0">
                  <a:pos x="connsiteX1408" y="connsiteY1408"/>
                </a:cxn>
                <a:cxn ang="0">
                  <a:pos x="connsiteX1409" y="connsiteY1409"/>
                </a:cxn>
                <a:cxn ang="0">
                  <a:pos x="connsiteX1410" y="connsiteY1410"/>
                </a:cxn>
                <a:cxn ang="0">
                  <a:pos x="connsiteX1411" y="connsiteY1411"/>
                </a:cxn>
                <a:cxn ang="0">
                  <a:pos x="connsiteX1412" y="connsiteY1412"/>
                </a:cxn>
                <a:cxn ang="0">
                  <a:pos x="connsiteX1413" y="connsiteY1413"/>
                </a:cxn>
                <a:cxn ang="0">
                  <a:pos x="connsiteX1414" y="connsiteY1414"/>
                </a:cxn>
                <a:cxn ang="0">
                  <a:pos x="connsiteX1415" y="connsiteY1415"/>
                </a:cxn>
                <a:cxn ang="0">
                  <a:pos x="connsiteX1416" y="connsiteY1416"/>
                </a:cxn>
                <a:cxn ang="0">
                  <a:pos x="connsiteX1417" y="connsiteY1417"/>
                </a:cxn>
                <a:cxn ang="0">
                  <a:pos x="connsiteX1418" y="connsiteY1418"/>
                </a:cxn>
                <a:cxn ang="0">
                  <a:pos x="connsiteX1419" y="connsiteY1419"/>
                </a:cxn>
                <a:cxn ang="0">
                  <a:pos x="connsiteX1420" y="connsiteY1420"/>
                </a:cxn>
                <a:cxn ang="0">
                  <a:pos x="connsiteX1421" y="connsiteY1421"/>
                </a:cxn>
                <a:cxn ang="0">
                  <a:pos x="connsiteX1422" y="connsiteY1422"/>
                </a:cxn>
                <a:cxn ang="0">
                  <a:pos x="connsiteX1423" y="connsiteY1423"/>
                </a:cxn>
                <a:cxn ang="0">
                  <a:pos x="connsiteX1424" y="connsiteY1424"/>
                </a:cxn>
                <a:cxn ang="0">
                  <a:pos x="connsiteX1425" y="connsiteY1425"/>
                </a:cxn>
                <a:cxn ang="0">
                  <a:pos x="connsiteX1426" y="connsiteY1426"/>
                </a:cxn>
                <a:cxn ang="0">
                  <a:pos x="connsiteX1427" y="connsiteY1427"/>
                </a:cxn>
                <a:cxn ang="0">
                  <a:pos x="connsiteX1428" y="connsiteY1428"/>
                </a:cxn>
                <a:cxn ang="0">
                  <a:pos x="connsiteX1429" y="connsiteY1429"/>
                </a:cxn>
                <a:cxn ang="0">
                  <a:pos x="connsiteX1430" y="connsiteY1430"/>
                </a:cxn>
                <a:cxn ang="0">
                  <a:pos x="connsiteX1431" y="connsiteY1431"/>
                </a:cxn>
                <a:cxn ang="0">
                  <a:pos x="connsiteX1432" y="connsiteY1432"/>
                </a:cxn>
                <a:cxn ang="0">
                  <a:pos x="connsiteX1433" y="connsiteY1433"/>
                </a:cxn>
                <a:cxn ang="0">
                  <a:pos x="connsiteX1434" y="connsiteY1434"/>
                </a:cxn>
                <a:cxn ang="0">
                  <a:pos x="connsiteX1435" y="connsiteY1435"/>
                </a:cxn>
                <a:cxn ang="0">
                  <a:pos x="connsiteX1436" y="connsiteY1436"/>
                </a:cxn>
                <a:cxn ang="0">
                  <a:pos x="connsiteX1437" y="connsiteY1437"/>
                </a:cxn>
                <a:cxn ang="0">
                  <a:pos x="connsiteX1438" y="connsiteY1438"/>
                </a:cxn>
                <a:cxn ang="0">
                  <a:pos x="connsiteX1439" y="connsiteY1439"/>
                </a:cxn>
                <a:cxn ang="0">
                  <a:pos x="connsiteX1440" y="connsiteY1440"/>
                </a:cxn>
                <a:cxn ang="0">
                  <a:pos x="connsiteX1441" y="connsiteY1441"/>
                </a:cxn>
                <a:cxn ang="0">
                  <a:pos x="connsiteX1442" y="connsiteY1442"/>
                </a:cxn>
                <a:cxn ang="0">
                  <a:pos x="connsiteX1443" y="connsiteY1443"/>
                </a:cxn>
                <a:cxn ang="0">
                  <a:pos x="connsiteX1444" y="connsiteY1444"/>
                </a:cxn>
                <a:cxn ang="0">
                  <a:pos x="connsiteX1445" y="connsiteY1445"/>
                </a:cxn>
                <a:cxn ang="0">
                  <a:pos x="connsiteX1446" y="connsiteY1446"/>
                </a:cxn>
                <a:cxn ang="0">
                  <a:pos x="connsiteX1447" y="connsiteY1447"/>
                </a:cxn>
                <a:cxn ang="0">
                  <a:pos x="connsiteX1448" y="connsiteY1448"/>
                </a:cxn>
                <a:cxn ang="0">
                  <a:pos x="connsiteX1449" y="connsiteY1449"/>
                </a:cxn>
                <a:cxn ang="0">
                  <a:pos x="connsiteX1450" y="connsiteY1450"/>
                </a:cxn>
                <a:cxn ang="0">
                  <a:pos x="connsiteX1451" y="connsiteY1451"/>
                </a:cxn>
                <a:cxn ang="0">
                  <a:pos x="connsiteX1452" y="connsiteY1452"/>
                </a:cxn>
                <a:cxn ang="0">
                  <a:pos x="connsiteX1453" y="connsiteY1453"/>
                </a:cxn>
                <a:cxn ang="0">
                  <a:pos x="connsiteX1454" y="connsiteY1454"/>
                </a:cxn>
                <a:cxn ang="0">
                  <a:pos x="connsiteX1455" y="connsiteY1455"/>
                </a:cxn>
                <a:cxn ang="0">
                  <a:pos x="connsiteX1456" y="connsiteY1456"/>
                </a:cxn>
                <a:cxn ang="0">
                  <a:pos x="connsiteX1457" y="connsiteY1457"/>
                </a:cxn>
                <a:cxn ang="0">
                  <a:pos x="connsiteX1458" y="connsiteY1458"/>
                </a:cxn>
                <a:cxn ang="0">
                  <a:pos x="connsiteX1459" y="connsiteY1459"/>
                </a:cxn>
                <a:cxn ang="0">
                  <a:pos x="connsiteX1460" y="connsiteY1460"/>
                </a:cxn>
                <a:cxn ang="0">
                  <a:pos x="connsiteX1461" y="connsiteY1461"/>
                </a:cxn>
                <a:cxn ang="0">
                  <a:pos x="connsiteX1462" y="connsiteY1462"/>
                </a:cxn>
                <a:cxn ang="0">
                  <a:pos x="connsiteX1463" y="connsiteY1463"/>
                </a:cxn>
                <a:cxn ang="0">
                  <a:pos x="connsiteX1464" y="connsiteY1464"/>
                </a:cxn>
                <a:cxn ang="0">
                  <a:pos x="connsiteX1465" y="connsiteY1465"/>
                </a:cxn>
                <a:cxn ang="0">
                  <a:pos x="connsiteX1466" y="connsiteY1466"/>
                </a:cxn>
                <a:cxn ang="0">
                  <a:pos x="connsiteX1467" y="connsiteY1467"/>
                </a:cxn>
                <a:cxn ang="0">
                  <a:pos x="connsiteX1468" y="connsiteY1468"/>
                </a:cxn>
                <a:cxn ang="0">
                  <a:pos x="connsiteX1469" y="connsiteY1469"/>
                </a:cxn>
                <a:cxn ang="0">
                  <a:pos x="connsiteX1470" y="connsiteY1470"/>
                </a:cxn>
                <a:cxn ang="0">
                  <a:pos x="connsiteX1471" y="connsiteY1471"/>
                </a:cxn>
                <a:cxn ang="0">
                  <a:pos x="connsiteX1472" y="connsiteY1472"/>
                </a:cxn>
                <a:cxn ang="0">
                  <a:pos x="connsiteX1473" y="connsiteY1473"/>
                </a:cxn>
                <a:cxn ang="0">
                  <a:pos x="connsiteX1474" y="connsiteY1474"/>
                </a:cxn>
                <a:cxn ang="0">
                  <a:pos x="connsiteX1475" y="connsiteY1475"/>
                </a:cxn>
                <a:cxn ang="0">
                  <a:pos x="connsiteX1476" y="connsiteY1476"/>
                </a:cxn>
                <a:cxn ang="0">
                  <a:pos x="connsiteX1477" y="connsiteY1477"/>
                </a:cxn>
                <a:cxn ang="0">
                  <a:pos x="connsiteX1478" y="connsiteY1478"/>
                </a:cxn>
                <a:cxn ang="0">
                  <a:pos x="connsiteX1479" y="connsiteY1479"/>
                </a:cxn>
                <a:cxn ang="0">
                  <a:pos x="connsiteX1480" y="connsiteY1480"/>
                </a:cxn>
                <a:cxn ang="0">
                  <a:pos x="connsiteX1481" y="connsiteY1481"/>
                </a:cxn>
                <a:cxn ang="0">
                  <a:pos x="connsiteX1482" y="connsiteY1482"/>
                </a:cxn>
                <a:cxn ang="0">
                  <a:pos x="connsiteX1483" y="connsiteY1483"/>
                </a:cxn>
                <a:cxn ang="0">
                  <a:pos x="connsiteX1484" y="connsiteY1484"/>
                </a:cxn>
                <a:cxn ang="0">
                  <a:pos x="connsiteX1485" y="connsiteY1485"/>
                </a:cxn>
                <a:cxn ang="0">
                  <a:pos x="connsiteX1486" y="connsiteY1486"/>
                </a:cxn>
                <a:cxn ang="0">
                  <a:pos x="connsiteX1487" y="connsiteY1487"/>
                </a:cxn>
                <a:cxn ang="0">
                  <a:pos x="connsiteX1488" y="connsiteY1488"/>
                </a:cxn>
                <a:cxn ang="0">
                  <a:pos x="connsiteX1489" y="connsiteY1489"/>
                </a:cxn>
                <a:cxn ang="0">
                  <a:pos x="connsiteX1490" y="connsiteY1490"/>
                </a:cxn>
                <a:cxn ang="0">
                  <a:pos x="connsiteX1491" y="connsiteY1491"/>
                </a:cxn>
                <a:cxn ang="0">
                  <a:pos x="connsiteX1492" y="connsiteY1492"/>
                </a:cxn>
                <a:cxn ang="0">
                  <a:pos x="connsiteX1493" y="connsiteY1493"/>
                </a:cxn>
                <a:cxn ang="0">
                  <a:pos x="connsiteX1494" y="connsiteY1494"/>
                </a:cxn>
                <a:cxn ang="0">
                  <a:pos x="connsiteX1495" y="connsiteY1495"/>
                </a:cxn>
                <a:cxn ang="0">
                  <a:pos x="connsiteX1496" y="connsiteY1496"/>
                </a:cxn>
                <a:cxn ang="0">
                  <a:pos x="connsiteX1497" y="connsiteY1497"/>
                </a:cxn>
                <a:cxn ang="0">
                  <a:pos x="connsiteX1498" y="connsiteY1498"/>
                </a:cxn>
                <a:cxn ang="0">
                  <a:pos x="connsiteX1499" y="connsiteY1499"/>
                </a:cxn>
                <a:cxn ang="0">
                  <a:pos x="connsiteX1500" y="connsiteY1500"/>
                </a:cxn>
                <a:cxn ang="0">
                  <a:pos x="connsiteX1501" y="connsiteY1501"/>
                </a:cxn>
                <a:cxn ang="0">
                  <a:pos x="connsiteX1502" y="connsiteY1502"/>
                </a:cxn>
                <a:cxn ang="0">
                  <a:pos x="connsiteX1503" y="connsiteY1503"/>
                </a:cxn>
                <a:cxn ang="0">
                  <a:pos x="connsiteX1504" y="connsiteY1504"/>
                </a:cxn>
                <a:cxn ang="0">
                  <a:pos x="connsiteX1505" y="connsiteY1505"/>
                </a:cxn>
                <a:cxn ang="0">
                  <a:pos x="connsiteX1506" y="connsiteY1506"/>
                </a:cxn>
                <a:cxn ang="0">
                  <a:pos x="connsiteX1507" y="connsiteY1507"/>
                </a:cxn>
                <a:cxn ang="0">
                  <a:pos x="connsiteX1508" y="connsiteY1508"/>
                </a:cxn>
                <a:cxn ang="0">
                  <a:pos x="connsiteX1509" y="connsiteY1509"/>
                </a:cxn>
                <a:cxn ang="0">
                  <a:pos x="connsiteX1510" y="connsiteY1510"/>
                </a:cxn>
                <a:cxn ang="0">
                  <a:pos x="connsiteX1511" y="connsiteY1511"/>
                </a:cxn>
                <a:cxn ang="0">
                  <a:pos x="connsiteX1512" y="connsiteY1512"/>
                </a:cxn>
                <a:cxn ang="0">
                  <a:pos x="connsiteX1513" y="connsiteY1513"/>
                </a:cxn>
                <a:cxn ang="0">
                  <a:pos x="connsiteX1514" y="connsiteY1514"/>
                </a:cxn>
                <a:cxn ang="0">
                  <a:pos x="connsiteX1515" y="connsiteY1515"/>
                </a:cxn>
                <a:cxn ang="0">
                  <a:pos x="connsiteX1516" y="connsiteY1516"/>
                </a:cxn>
                <a:cxn ang="0">
                  <a:pos x="connsiteX1517" y="connsiteY1517"/>
                </a:cxn>
                <a:cxn ang="0">
                  <a:pos x="connsiteX1518" y="connsiteY1518"/>
                </a:cxn>
                <a:cxn ang="0">
                  <a:pos x="connsiteX1519" y="connsiteY1519"/>
                </a:cxn>
                <a:cxn ang="0">
                  <a:pos x="connsiteX1520" y="connsiteY1520"/>
                </a:cxn>
                <a:cxn ang="0">
                  <a:pos x="connsiteX1521" y="connsiteY1521"/>
                </a:cxn>
                <a:cxn ang="0">
                  <a:pos x="connsiteX1522" y="connsiteY1522"/>
                </a:cxn>
                <a:cxn ang="0">
                  <a:pos x="connsiteX1523" y="connsiteY1523"/>
                </a:cxn>
                <a:cxn ang="0">
                  <a:pos x="connsiteX1524" y="connsiteY1524"/>
                </a:cxn>
                <a:cxn ang="0">
                  <a:pos x="connsiteX1525" y="connsiteY1525"/>
                </a:cxn>
                <a:cxn ang="0">
                  <a:pos x="connsiteX1526" y="connsiteY1526"/>
                </a:cxn>
                <a:cxn ang="0">
                  <a:pos x="connsiteX1527" y="connsiteY1527"/>
                </a:cxn>
                <a:cxn ang="0">
                  <a:pos x="connsiteX1528" y="connsiteY1528"/>
                </a:cxn>
                <a:cxn ang="0">
                  <a:pos x="connsiteX1529" y="connsiteY1529"/>
                </a:cxn>
                <a:cxn ang="0">
                  <a:pos x="connsiteX1530" y="connsiteY1530"/>
                </a:cxn>
                <a:cxn ang="0">
                  <a:pos x="connsiteX1531" y="connsiteY1531"/>
                </a:cxn>
                <a:cxn ang="0">
                  <a:pos x="connsiteX1532" y="connsiteY1532"/>
                </a:cxn>
                <a:cxn ang="0">
                  <a:pos x="connsiteX1533" y="connsiteY1533"/>
                </a:cxn>
                <a:cxn ang="0">
                  <a:pos x="connsiteX1534" y="connsiteY1534"/>
                </a:cxn>
                <a:cxn ang="0">
                  <a:pos x="connsiteX1535" y="connsiteY1535"/>
                </a:cxn>
                <a:cxn ang="0">
                  <a:pos x="connsiteX1536" y="connsiteY1536"/>
                </a:cxn>
                <a:cxn ang="0">
                  <a:pos x="connsiteX1537" y="connsiteY1537"/>
                </a:cxn>
                <a:cxn ang="0">
                  <a:pos x="connsiteX1538" y="connsiteY1538"/>
                </a:cxn>
                <a:cxn ang="0">
                  <a:pos x="connsiteX1539" y="connsiteY1539"/>
                </a:cxn>
                <a:cxn ang="0">
                  <a:pos x="connsiteX1540" y="connsiteY1540"/>
                </a:cxn>
                <a:cxn ang="0">
                  <a:pos x="connsiteX1541" y="connsiteY1541"/>
                </a:cxn>
                <a:cxn ang="0">
                  <a:pos x="connsiteX1542" y="connsiteY1542"/>
                </a:cxn>
                <a:cxn ang="0">
                  <a:pos x="connsiteX1543" y="connsiteY1543"/>
                </a:cxn>
                <a:cxn ang="0">
                  <a:pos x="connsiteX1544" y="connsiteY1544"/>
                </a:cxn>
                <a:cxn ang="0">
                  <a:pos x="connsiteX1545" y="connsiteY1545"/>
                </a:cxn>
                <a:cxn ang="0">
                  <a:pos x="connsiteX1546" y="connsiteY1546"/>
                </a:cxn>
                <a:cxn ang="0">
                  <a:pos x="connsiteX1547" y="connsiteY1547"/>
                </a:cxn>
                <a:cxn ang="0">
                  <a:pos x="connsiteX1548" y="connsiteY1548"/>
                </a:cxn>
                <a:cxn ang="0">
                  <a:pos x="connsiteX1549" y="connsiteY1549"/>
                </a:cxn>
                <a:cxn ang="0">
                  <a:pos x="connsiteX1550" y="connsiteY1550"/>
                </a:cxn>
                <a:cxn ang="0">
                  <a:pos x="connsiteX1551" y="connsiteY1551"/>
                </a:cxn>
                <a:cxn ang="0">
                  <a:pos x="connsiteX1552" y="connsiteY1552"/>
                </a:cxn>
                <a:cxn ang="0">
                  <a:pos x="connsiteX1553" y="connsiteY1553"/>
                </a:cxn>
                <a:cxn ang="0">
                  <a:pos x="connsiteX1554" y="connsiteY1554"/>
                </a:cxn>
                <a:cxn ang="0">
                  <a:pos x="connsiteX1555" y="connsiteY1555"/>
                </a:cxn>
                <a:cxn ang="0">
                  <a:pos x="connsiteX1556" y="connsiteY1556"/>
                </a:cxn>
                <a:cxn ang="0">
                  <a:pos x="connsiteX1557" y="connsiteY1557"/>
                </a:cxn>
                <a:cxn ang="0">
                  <a:pos x="connsiteX1558" y="connsiteY1558"/>
                </a:cxn>
                <a:cxn ang="0">
                  <a:pos x="connsiteX1559" y="connsiteY1559"/>
                </a:cxn>
                <a:cxn ang="0">
                  <a:pos x="connsiteX1560" y="connsiteY1560"/>
                </a:cxn>
                <a:cxn ang="0">
                  <a:pos x="connsiteX1561" y="connsiteY1561"/>
                </a:cxn>
                <a:cxn ang="0">
                  <a:pos x="connsiteX1562" y="connsiteY1562"/>
                </a:cxn>
                <a:cxn ang="0">
                  <a:pos x="connsiteX1563" y="connsiteY1563"/>
                </a:cxn>
                <a:cxn ang="0">
                  <a:pos x="connsiteX1564" y="connsiteY1564"/>
                </a:cxn>
                <a:cxn ang="0">
                  <a:pos x="connsiteX1565" y="connsiteY1565"/>
                </a:cxn>
                <a:cxn ang="0">
                  <a:pos x="connsiteX1566" y="connsiteY1566"/>
                </a:cxn>
                <a:cxn ang="0">
                  <a:pos x="connsiteX1567" y="connsiteY1567"/>
                </a:cxn>
                <a:cxn ang="0">
                  <a:pos x="connsiteX1568" y="connsiteY1568"/>
                </a:cxn>
                <a:cxn ang="0">
                  <a:pos x="connsiteX1569" y="connsiteY1569"/>
                </a:cxn>
                <a:cxn ang="0">
                  <a:pos x="connsiteX1570" y="connsiteY1570"/>
                </a:cxn>
                <a:cxn ang="0">
                  <a:pos x="connsiteX1571" y="connsiteY1571"/>
                </a:cxn>
                <a:cxn ang="0">
                  <a:pos x="connsiteX1572" y="connsiteY1572"/>
                </a:cxn>
                <a:cxn ang="0">
                  <a:pos x="connsiteX1573" y="connsiteY1573"/>
                </a:cxn>
                <a:cxn ang="0">
                  <a:pos x="connsiteX1574" y="connsiteY1574"/>
                </a:cxn>
                <a:cxn ang="0">
                  <a:pos x="connsiteX1575" y="connsiteY1575"/>
                </a:cxn>
                <a:cxn ang="0">
                  <a:pos x="connsiteX1576" y="connsiteY1576"/>
                </a:cxn>
                <a:cxn ang="0">
                  <a:pos x="connsiteX1577" y="connsiteY1577"/>
                </a:cxn>
                <a:cxn ang="0">
                  <a:pos x="connsiteX1578" y="connsiteY1578"/>
                </a:cxn>
                <a:cxn ang="0">
                  <a:pos x="connsiteX1579" y="connsiteY1579"/>
                </a:cxn>
                <a:cxn ang="0">
                  <a:pos x="connsiteX1580" y="connsiteY1580"/>
                </a:cxn>
                <a:cxn ang="0">
                  <a:pos x="connsiteX1581" y="connsiteY1581"/>
                </a:cxn>
                <a:cxn ang="0">
                  <a:pos x="connsiteX1582" y="connsiteY1582"/>
                </a:cxn>
                <a:cxn ang="0">
                  <a:pos x="connsiteX1583" y="connsiteY1583"/>
                </a:cxn>
                <a:cxn ang="0">
                  <a:pos x="connsiteX1584" y="connsiteY1584"/>
                </a:cxn>
                <a:cxn ang="0">
                  <a:pos x="connsiteX1585" y="connsiteY1585"/>
                </a:cxn>
                <a:cxn ang="0">
                  <a:pos x="connsiteX1586" y="connsiteY1586"/>
                </a:cxn>
                <a:cxn ang="0">
                  <a:pos x="connsiteX1587" y="connsiteY1587"/>
                </a:cxn>
                <a:cxn ang="0">
                  <a:pos x="connsiteX1588" y="connsiteY1588"/>
                </a:cxn>
                <a:cxn ang="0">
                  <a:pos x="connsiteX1589" y="connsiteY1589"/>
                </a:cxn>
                <a:cxn ang="0">
                  <a:pos x="connsiteX1590" y="connsiteY1590"/>
                </a:cxn>
                <a:cxn ang="0">
                  <a:pos x="connsiteX1591" y="connsiteY1591"/>
                </a:cxn>
                <a:cxn ang="0">
                  <a:pos x="connsiteX1592" y="connsiteY1592"/>
                </a:cxn>
                <a:cxn ang="0">
                  <a:pos x="connsiteX1593" y="connsiteY1593"/>
                </a:cxn>
                <a:cxn ang="0">
                  <a:pos x="connsiteX1594" y="connsiteY1594"/>
                </a:cxn>
                <a:cxn ang="0">
                  <a:pos x="connsiteX1595" y="connsiteY1595"/>
                </a:cxn>
                <a:cxn ang="0">
                  <a:pos x="connsiteX1596" y="connsiteY1596"/>
                </a:cxn>
                <a:cxn ang="0">
                  <a:pos x="connsiteX1597" y="connsiteY1597"/>
                </a:cxn>
                <a:cxn ang="0">
                  <a:pos x="connsiteX1598" y="connsiteY1598"/>
                </a:cxn>
                <a:cxn ang="0">
                  <a:pos x="connsiteX1599" y="connsiteY1599"/>
                </a:cxn>
                <a:cxn ang="0">
                  <a:pos x="connsiteX1600" y="connsiteY1600"/>
                </a:cxn>
                <a:cxn ang="0">
                  <a:pos x="connsiteX1601" y="connsiteY1601"/>
                </a:cxn>
                <a:cxn ang="0">
                  <a:pos x="connsiteX1602" y="connsiteY1602"/>
                </a:cxn>
                <a:cxn ang="0">
                  <a:pos x="connsiteX1603" y="connsiteY1603"/>
                </a:cxn>
                <a:cxn ang="0">
                  <a:pos x="connsiteX1604" y="connsiteY1604"/>
                </a:cxn>
                <a:cxn ang="0">
                  <a:pos x="connsiteX1605" y="connsiteY1605"/>
                </a:cxn>
                <a:cxn ang="0">
                  <a:pos x="connsiteX1606" y="connsiteY1606"/>
                </a:cxn>
                <a:cxn ang="0">
                  <a:pos x="connsiteX1607" y="connsiteY1607"/>
                </a:cxn>
                <a:cxn ang="0">
                  <a:pos x="connsiteX1608" y="connsiteY1608"/>
                </a:cxn>
                <a:cxn ang="0">
                  <a:pos x="connsiteX1609" y="connsiteY1609"/>
                </a:cxn>
                <a:cxn ang="0">
                  <a:pos x="connsiteX1610" y="connsiteY1610"/>
                </a:cxn>
                <a:cxn ang="0">
                  <a:pos x="connsiteX1611" y="connsiteY1611"/>
                </a:cxn>
                <a:cxn ang="0">
                  <a:pos x="connsiteX1612" y="connsiteY1612"/>
                </a:cxn>
                <a:cxn ang="0">
                  <a:pos x="connsiteX1613" y="connsiteY1613"/>
                </a:cxn>
                <a:cxn ang="0">
                  <a:pos x="connsiteX1614" y="connsiteY1614"/>
                </a:cxn>
                <a:cxn ang="0">
                  <a:pos x="connsiteX1615" y="connsiteY1615"/>
                </a:cxn>
                <a:cxn ang="0">
                  <a:pos x="connsiteX1616" y="connsiteY1616"/>
                </a:cxn>
                <a:cxn ang="0">
                  <a:pos x="connsiteX1617" y="connsiteY1617"/>
                </a:cxn>
                <a:cxn ang="0">
                  <a:pos x="connsiteX1618" y="connsiteY1618"/>
                </a:cxn>
                <a:cxn ang="0">
                  <a:pos x="connsiteX1619" y="connsiteY1619"/>
                </a:cxn>
                <a:cxn ang="0">
                  <a:pos x="connsiteX1620" y="connsiteY1620"/>
                </a:cxn>
                <a:cxn ang="0">
                  <a:pos x="connsiteX1621" y="connsiteY1621"/>
                </a:cxn>
                <a:cxn ang="0">
                  <a:pos x="connsiteX1622" y="connsiteY1622"/>
                </a:cxn>
                <a:cxn ang="0">
                  <a:pos x="connsiteX1623" y="connsiteY1623"/>
                </a:cxn>
                <a:cxn ang="0">
                  <a:pos x="connsiteX1624" y="connsiteY1624"/>
                </a:cxn>
                <a:cxn ang="0">
                  <a:pos x="connsiteX1625" y="connsiteY1625"/>
                </a:cxn>
                <a:cxn ang="0">
                  <a:pos x="connsiteX1626" y="connsiteY1626"/>
                </a:cxn>
                <a:cxn ang="0">
                  <a:pos x="connsiteX1627" y="connsiteY1627"/>
                </a:cxn>
                <a:cxn ang="0">
                  <a:pos x="connsiteX1628" y="connsiteY1628"/>
                </a:cxn>
                <a:cxn ang="0">
                  <a:pos x="connsiteX1629" y="connsiteY1629"/>
                </a:cxn>
                <a:cxn ang="0">
                  <a:pos x="connsiteX1630" y="connsiteY1630"/>
                </a:cxn>
                <a:cxn ang="0">
                  <a:pos x="connsiteX1631" y="connsiteY1631"/>
                </a:cxn>
                <a:cxn ang="0">
                  <a:pos x="connsiteX1632" y="connsiteY1632"/>
                </a:cxn>
                <a:cxn ang="0">
                  <a:pos x="connsiteX1633" y="connsiteY1633"/>
                </a:cxn>
                <a:cxn ang="0">
                  <a:pos x="connsiteX1634" y="connsiteY1634"/>
                </a:cxn>
                <a:cxn ang="0">
                  <a:pos x="connsiteX1635" y="connsiteY1635"/>
                </a:cxn>
                <a:cxn ang="0">
                  <a:pos x="connsiteX1636" y="connsiteY1636"/>
                </a:cxn>
                <a:cxn ang="0">
                  <a:pos x="connsiteX1637" y="connsiteY1637"/>
                </a:cxn>
                <a:cxn ang="0">
                  <a:pos x="connsiteX1638" y="connsiteY1638"/>
                </a:cxn>
                <a:cxn ang="0">
                  <a:pos x="connsiteX1639" y="connsiteY1639"/>
                </a:cxn>
                <a:cxn ang="0">
                  <a:pos x="connsiteX1640" y="connsiteY1640"/>
                </a:cxn>
                <a:cxn ang="0">
                  <a:pos x="connsiteX1641" y="connsiteY1641"/>
                </a:cxn>
                <a:cxn ang="0">
                  <a:pos x="connsiteX1642" y="connsiteY1642"/>
                </a:cxn>
                <a:cxn ang="0">
                  <a:pos x="connsiteX1643" y="connsiteY1643"/>
                </a:cxn>
                <a:cxn ang="0">
                  <a:pos x="connsiteX1644" y="connsiteY1644"/>
                </a:cxn>
                <a:cxn ang="0">
                  <a:pos x="connsiteX1645" y="connsiteY1645"/>
                </a:cxn>
                <a:cxn ang="0">
                  <a:pos x="connsiteX1646" y="connsiteY1646"/>
                </a:cxn>
                <a:cxn ang="0">
                  <a:pos x="connsiteX1647" y="connsiteY1647"/>
                </a:cxn>
                <a:cxn ang="0">
                  <a:pos x="connsiteX1648" y="connsiteY1648"/>
                </a:cxn>
                <a:cxn ang="0">
                  <a:pos x="connsiteX1649" y="connsiteY1649"/>
                </a:cxn>
                <a:cxn ang="0">
                  <a:pos x="connsiteX1650" y="connsiteY1650"/>
                </a:cxn>
                <a:cxn ang="0">
                  <a:pos x="connsiteX1651" y="connsiteY1651"/>
                </a:cxn>
                <a:cxn ang="0">
                  <a:pos x="connsiteX1652" y="connsiteY1652"/>
                </a:cxn>
                <a:cxn ang="0">
                  <a:pos x="connsiteX1653" y="connsiteY1653"/>
                </a:cxn>
                <a:cxn ang="0">
                  <a:pos x="connsiteX1654" y="connsiteY1654"/>
                </a:cxn>
                <a:cxn ang="0">
                  <a:pos x="connsiteX1655" y="connsiteY1655"/>
                </a:cxn>
                <a:cxn ang="0">
                  <a:pos x="connsiteX1656" y="connsiteY1656"/>
                </a:cxn>
                <a:cxn ang="0">
                  <a:pos x="connsiteX1657" y="connsiteY1657"/>
                </a:cxn>
                <a:cxn ang="0">
                  <a:pos x="connsiteX1658" y="connsiteY1658"/>
                </a:cxn>
                <a:cxn ang="0">
                  <a:pos x="connsiteX1659" y="connsiteY1659"/>
                </a:cxn>
                <a:cxn ang="0">
                  <a:pos x="connsiteX1660" y="connsiteY1660"/>
                </a:cxn>
                <a:cxn ang="0">
                  <a:pos x="connsiteX1661" y="connsiteY1661"/>
                </a:cxn>
                <a:cxn ang="0">
                  <a:pos x="connsiteX1662" y="connsiteY1662"/>
                </a:cxn>
                <a:cxn ang="0">
                  <a:pos x="connsiteX1663" y="connsiteY1663"/>
                </a:cxn>
                <a:cxn ang="0">
                  <a:pos x="connsiteX1664" y="connsiteY1664"/>
                </a:cxn>
                <a:cxn ang="0">
                  <a:pos x="connsiteX1665" y="connsiteY1665"/>
                </a:cxn>
                <a:cxn ang="0">
                  <a:pos x="connsiteX1666" y="connsiteY1666"/>
                </a:cxn>
                <a:cxn ang="0">
                  <a:pos x="connsiteX1667" y="connsiteY1667"/>
                </a:cxn>
                <a:cxn ang="0">
                  <a:pos x="connsiteX1668" y="connsiteY1668"/>
                </a:cxn>
                <a:cxn ang="0">
                  <a:pos x="connsiteX1669" y="connsiteY1669"/>
                </a:cxn>
                <a:cxn ang="0">
                  <a:pos x="connsiteX1670" y="connsiteY1670"/>
                </a:cxn>
                <a:cxn ang="0">
                  <a:pos x="connsiteX1671" y="connsiteY1671"/>
                </a:cxn>
                <a:cxn ang="0">
                  <a:pos x="connsiteX1672" y="connsiteY1672"/>
                </a:cxn>
                <a:cxn ang="0">
                  <a:pos x="connsiteX1673" y="connsiteY1673"/>
                </a:cxn>
                <a:cxn ang="0">
                  <a:pos x="connsiteX1674" y="connsiteY1674"/>
                </a:cxn>
                <a:cxn ang="0">
                  <a:pos x="connsiteX1675" y="connsiteY1675"/>
                </a:cxn>
                <a:cxn ang="0">
                  <a:pos x="connsiteX1676" y="connsiteY1676"/>
                </a:cxn>
                <a:cxn ang="0">
                  <a:pos x="connsiteX1677" y="connsiteY1677"/>
                </a:cxn>
                <a:cxn ang="0">
                  <a:pos x="connsiteX1678" y="connsiteY1678"/>
                </a:cxn>
                <a:cxn ang="0">
                  <a:pos x="connsiteX1679" y="connsiteY1679"/>
                </a:cxn>
                <a:cxn ang="0">
                  <a:pos x="connsiteX1680" y="connsiteY1680"/>
                </a:cxn>
                <a:cxn ang="0">
                  <a:pos x="connsiteX1681" y="connsiteY1681"/>
                </a:cxn>
                <a:cxn ang="0">
                  <a:pos x="connsiteX1682" y="connsiteY1682"/>
                </a:cxn>
                <a:cxn ang="0">
                  <a:pos x="connsiteX1683" y="connsiteY1683"/>
                </a:cxn>
                <a:cxn ang="0">
                  <a:pos x="connsiteX1684" y="connsiteY1684"/>
                </a:cxn>
                <a:cxn ang="0">
                  <a:pos x="connsiteX1685" y="connsiteY1685"/>
                </a:cxn>
                <a:cxn ang="0">
                  <a:pos x="connsiteX1686" y="connsiteY1686"/>
                </a:cxn>
                <a:cxn ang="0">
                  <a:pos x="connsiteX1687" y="connsiteY1687"/>
                </a:cxn>
                <a:cxn ang="0">
                  <a:pos x="connsiteX1688" y="connsiteY1688"/>
                </a:cxn>
                <a:cxn ang="0">
                  <a:pos x="connsiteX1689" y="connsiteY1689"/>
                </a:cxn>
                <a:cxn ang="0">
                  <a:pos x="connsiteX1690" y="connsiteY1690"/>
                </a:cxn>
                <a:cxn ang="0">
                  <a:pos x="connsiteX1691" y="connsiteY1691"/>
                </a:cxn>
                <a:cxn ang="0">
                  <a:pos x="connsiteX1692" y="connsiteY1692"/>
                </a:cxn>
                <a:cxn ang="0">
                  <a:pos x="connsiteX1693" y="connsiteY1693"/>
                </a:cxn>
                <a:cxn ang="0">
                  <a:pos x="connsiteX1694" y="connsiteY1694"/>
                </a:cxn>
                <a:cxn ang="0">
                  <a:pos x="connsiteX1695" y="connsiteY1695"/>
                </a:cxn>
                <a:cxn ang="0">
                  <a:pos x="connsiteX1696" y="connsiteY1696"/>
                </a:cxn>
                <a:cxn ang="0">
                  <a:pos x="connsiteX1697" y="connsiteY1697"/>
                </a:cxn>
                <a:cxn ang="0">
                  <a:pos x="connsiteX1698" y="connsiteY1698"/>
                </a:cxn>
                <a:cxn ang="0">
                  <a:pos x="connsiteX1699" y="connsiteY1699"/>
                </a:cxn>
                <a:cxn ang="0">
                  <a:pos x="connsiteX1700" y="connsiteY1700"/>
                </a:cxn>
                <a:cxn ang="0">
                  <a:pos x="connsiteX1701" y="connsiteY1701"/>
                </a:cxn>
                <a:cxn ang="0">
                  <a:pos x="connsiteX1702" y="connsiteY1702"/>
                </a:cxn>
                <a:cxn ang="0">
                  <a:pos x="connsiteX1703" y="connsiteY1703"/>
                </a:cxn>
                <a:cxn ang="0">
                  <a:pos x="connsiteX1704" y="connsiteY1704"/>
                </a:cxn>
                <a:cxn ang="0">
                  <a:pos x="connsiteX1705" y="connsiteY1705"/>
                </a:cxn>
                <a:cxn ang="0">
                  <a:pos x="connsiteX1706" y="connsiteY1706"/>
                </a:cxn>
                <a:cxn ang="0">
                  <a:pos x="connsiteX1707" y="connsiteY1707"/>
                </a:cxn>
                <a:cxn ang="0">
                  <a:pos x="connsiteX1708" y="connsiteY1708"/>
                </a:cxn>
                <a:cxn ang="0">
                  <a:pos x="connsiteX1709" y="connsiteY1709"/>
                </a:cxn>
                <a:cxn ang="0">
                  <a:pos x="connsiteX1710" y="connsiteY1710"/>
                </a:cxn>
                <a:cxn ang="0">
                  <a:pos x="connsiteX1711" y="connsiteY1711"/>
                </a:cxn>
                <a:cxn ang="0">
                  <a:pos x="connsiteX1712" y="connsiteY1712"/>
                </a:cxn>
                <a:cxn ang="0">
                  <a:pos x="connsiteX1713" y="connsiteY1713"/>
                </a:cxn>
                <a:cxn ang="0">
                  <a:pos x="connsiteX1714" y="connsiteY1714"/>
                </a:cxn>
                <a:cxn ang="0">
                  <a:pos x="connsiteX1715" y="connsiteY1715"/>
                </a:cxn>
                <a:cxn ang="0">
                  <a:pos x="connsiteX1716" y="connsiteY1716"/>
                </a:cxn>
                <a:cxn ang="0">
                  <a:pos x="connsiteX1717" y="connsiteY1717"/>
                </a:cxn>
                <a:cxn ang="0">
                  <a:pos x="connsiteX1718" y="connsiteY1718"/>
                </a:cxn>
                <a:cxn ang="0">
                  <a:pos x="connsiteX1719" y="connsiteY1719"/>
                </a:cxn>
                <a:cxn ang="0">
                  <a:pos x="connsiteX1720" y="connsiteY1720"/>
                </a:cxn>
                <a:cxn ang="0">
                  <a:pos x="connsiteX1721" y="connsiteY1721"/>
                </a:cxn>
                <a:cxn ang="0">
                  <a:pos x="connsiteX1722" y="connsiteY1722"/>
                </a:cxn>
                <a:cxn ang="0">
                  <a:pos x="connsiteX1723" y="connsiteY1723"/>
                </a:cxn>
                <a:cxn ang="0">
                  <a:pos x="connsiteX1724" y="connsiteY1724"/>
                </a:cxn>
                <a:cxn ang="0">
                  <a:pos x="connsiteX1725" y="connsiteY1725"/>
                </a:cxn>
                <a:cxn ang="0">
                  <a:pos x="connsiteX1726" y="connsiteY1726"/>
                </a:cxn>
                <a:cxn ang="0">
                  <a:pos x="connsiteX1727" y="connsiteY1727"/>
                </a:cxn>
                <a:cxn ang="0">
                  <a:pos x="connsiteX1728" y="connsiteY1728"/>
                </a:cxn>
                <a:cxn ang="0">
                  <a:pos x="connsiteX1729" y="connsiteY1729"/>
                </a:cxn>
                <a:cxn ang="0">
                  <a:pos x="connsiteX1730" y="connsiteY1730"/>
                </a:cxn>
                <a:cxn ang="0">
                  <a:pos x="connsiteX1731" y="connsiteY1731"/>
                </a:cxn>
                <a:cxn ang="0">
                  <a:pos x="connsiteX1732" y="connsiteY1732"/>
                </a:cxn>
                <a:cxn ang="0">
                  <a:pos x="connsiteX1733" y="connsiteY1733"/>
                </a:cxn>
                <a:cxn ang="0">
                  <a:pos x="connsiteX1734" y="connsiteY1734"/>
                </a:cxn>
                <a:cxn ang="0">
                  <a:pos x="connsiteX1735" y="connsiteY1735"/>
                </a:cxn>
                <a:cxn ang="0">
                  <a:pos x="connsiteX1736" y="connsiteY1736"/>
                </a:cxn>
                <a:cxn ang="0">
                  <a:pos x="connsiteX1737" y="connsiteY1737"/>
                </a:cxn>
                <a:cxn ang="0">
                  <a:pos x="connsiteX1738" y="connsiteY1738"/>
                </a:cxn>
                <a:cxn ang="0">
                  <a:pos x="connsiteX1739" y="connsiteY1739"/>
                </a:cxn>
                <a:cxn ang="0">
                  <a:pos x="connsiteX1740" y="connsiteY1740"/>
                </a:cxn>
                <a:cxn ang="0">
                  <a:pos x="connsiteX1741" y="connsiteY1741"/>
                </a:cxn>
                <a:cxn ang="0">
                  <a:pos x="connsiteX1742" y="connsiteY1742"/>
                </a:cxn>
                <a:cxn ang="0">
                  <a:pos x="connsiteX1743" y="connsiteY1743"/>
                </a:cxn>
                <a:cxn ang="0">
                  <a:pos x="connsiteX1744" y="connsiteY1744"/>
                </a:cxn>
                <a:cxn ang="0">
                  <a:pos x="connsiteX1745" y="connsiteY1745"/>
                </a:cxn>
                <a:cxn ang="0">
                  <a:pos x="connsiteX1746" y="connsiteY1746"/>
                </a:cxn>
                <a:cxn ang="0">
                  <a:pos x="connsiteX1747" y="connsiteY1747"/>
                </a:cxn>
                <a:cxn ang="0">
                  <a:pos x="connsiteX1748" y="connsiteY1748"/>
                </a:cxn>
                <a:cxn ang="0">
                  <a:pos x="connsiteX1749" y="connsiteY1749"/>
                </a:cxn>
                <a:cxn ang="0">
                  <a:pos x="connsiteX1750" y="connsiteY1750"/>
                </a:cxn>
                <a:cxn ang="0">
                  <a:pos x="connsiteX1751" y="connsiteY1751"/>
                </a:cxn>
                <a:cxn ang="0">
                  <a:pos x="connsiteX1752" y="connsiteY1752"/>
                </a:cxn>
                <a:cxn ang="0">
                  <a:pos x="connsiteX1753" y="connsiteY1753"/>
                </a:cxn>
                <a:cxn ang="0">
                  <a:pos x="connsiteX1754" y="connsiteY1754"/>
                </a:cxn>
                <a:cxn ang="0">
                  <a:pos x="connsiteX1755" y="connsiteY1755"/>
                </a:cxn>
                <a:cxn ang="0">
                  <a:pos x="connsiteX1756" y="connsiteY1756"/>
                </a:cxn>
                <a:cxn ang="0">
                  <a:pos x="connsiteX1757" y="connsiteY1757"/>
                </a:cxn>
                <a:cxn ang="0">
                  <a:pos x="connsiteX1758" y="connsiteY1758"/>
                </a:cxn>
                <a:cxn ang="0">
                  <a:pos x="connsiteX1759" y="connsiteY1759"/>
                </a:cxn>
                <a:cxn ang="0">
                  <a:pos x="connsiteX1760" y="connsiteY1760"/>
                </a:cxn>
                <a:cxn ang="0">
                  <a:pos x="connsiteX1761" y="connsiteY1761"/>
                </a:cxn>
                <a:cxn ang="0">
                  <a:pos x="connsiteX1762" y="connsiteY1762"/>
                </a:cxn>
                <a:cxn ang="0">
                  <a:pos x="connsiteX1763" y="connsiteY1763"/>
                </a:cxn>
                <a:cxn ang="0">
                  <a:pos x="connsiteX1764" y="connsiteY1764"/>
                </a:cxn>
                <a:cxn ang="0">
                  <a:pos x="connsiteX1765" y="connsiteY1765"/>
                </a:cxn>
                <a:cxn ang="0">
                  <a:pos x="connsiteX1766" y="connsiteY1766"/>
                </a:cxn>
                <a:cxn ang="0">
                  <a:pos x="connsiteX1767" y="connsiteY1767"/>
                </a:cxn>
                <a:cxn ang="0">
                  <a:pos x="connsiteX1768" y="connsiteY1768"/>
                </a:cxn>
                <a:cxn ang="0">
                  <a:pos x="connsiteX1769" y="connsiteY1769"/>
                </a:cxn>
                <a:cxn ang="0">
                  <a:pos x="connsiteX1770" y="connsiteY1770"/>
                </a:cxn>
                <a:cxn ang="0">
                  <a:pos x="connsiteX1771" y="connsiteY1771"/>
                </a:cxn>
                <a:cxn ang="0">
                  <a:pos x="connsiteX1772" y="connsiteY1772"/>
                </a:cxn>
                <a:cxn ang="0">
                  <a:pos x="connsiteX1773" y="connsiteY1773"/>
                </a:cxn>
                <a:cxn ang="0">
                  <a:pos x="connsiteX1774" y="connsiteY1774"/>
                </a:cxn>
                <a:cxn ang="0">
                  <a:pos x="connsiteX1775" y="connsiteY1775"/>
                </a:cxn>
                <a:cxn ang="0">
                  <a:pos x="connsiteX1776" y="connsiteY1776"/>
                </a:cxn>
                <a:cxn ang="0">
                  <a:pos x="connsiteX1777" y="connsiteY1777"/>
                </a:cxn>
                <a:cxn ang="0">
                  <a:pos x="connsiteX1778" y="connsiteY1778"/>
                </a:cxn>
                <a:cxn ang="0">
                  <a:pos x="connsiteX1779" y="connsiteY1779"/>
                </a:cxn>
                <a:cxn ang="0">
                  <a:pos x="connsiteX1780" y="connsiteY1780"/>
                </a:cxn>
                <a:cxn ang="0">
                  <a:pos x="connsiteX1781" y="connsiteY1781"/>
                </a:cxn>
                <a:cxn ang="0">
                  <a:pos x="connsiteX1782" y="connsiteY1782"/>
                </a:cxn>
                <a:cxn ang="0">
                  <a:pos x="connsiteX1783" y="connsiteY1783"/>
                </a:cxn>
                <a:cxn ang="0">
                  <a:pos x="connsiteX1784" y="connsiteY1784"/>
                </a:cxn>
                <a:cxn ang="0">
                  <a:pos x="connsiteX1785" y="connsiteY1785"/>
                </a:cxn>
                <a:cxn ang="0">
                  <a:pos x="connsiteX1786" y="connsiteY1786"/>
                </a:cxn>
                <a:cxn ang="0">
                  <a:pos x="connsiteX1787" y="connsiteY1787"/>
                </a:cxn>
                <a:cxn ang="0">
                  <a:pos x="connsiteX1788" y="connsiteY1788"/>
                </a:cxn>
                <a:cxn ang="0">
                  <a:pos x="connsiteX1789" y="connsiteY1789"/>
                </a:cxn>
                <a:cxn ang="0">
                  <a:pos x="connsiteX1790" y="connsiteY1790"/>
                </a:cxn>
                <a:cxn ang="0">
                  <a:pos x="connsiteX1791" y="connsiteY1791"/>
                </a:cxn>
                <a:cxn ang="0">
                  <a:pos x="connsiteX1792" y="connsiteY1792"/>
                </a:cxn>
                <a:cxn ang="0">
                  <a:pos x="connsiteX1793" y="connsiteY1793"/>
                </a:cxn>
                <a:cxn ang="0">
                  <a:pos x="connsiteX1794" y="connsiteY1794"/>
                </a:cxn>
                <a:cxn ang="0">
                  <a:pos x="connsiteX1795" y="connsiteY1795"/>
                </a:cxn>
                <a:cxn ang="0">
                  <a:pos x="connsiteX1796" y="connsiteY1796"/>
                </a:cxn>
                <a:cxn ang="0">
                  <a:pos x="connsiteX1797" y="connsiteY1797"/>
                </a:cxn>
                <a:cxn ang="0">
                  <a:pos x="connsiteX1798" y="connsiteY1798"/>
                </a:cxn>
                <a:cxn ang="0">
                  <a:pos x="connsiteX1799" y="connsiteY1799"/>
                </a:cxn>
                <a:cxn ang="0">
                  <a:pos x="connsiteX1800" y="connsiteY1800"/>
                </a:cxn>
                <a:cxn ang="0">
                  <a:pos x="connsiteX1801" y="connsiteY1801"/>
                </a:cxn>
                <a:cxn ang="0">
                  <a:pos x="connsiteX1802" y="connsiteY1802"/>
                </a:cxn>
                <a:cxn ang="0">
                  <a:pos x="connsiteX1803" y="connsiteY1803"/>
                </a:cxn>
                <a:cxn ang="0">
                  <a:pos x="connsiteX1804" y="connsiteY1804"/>
                </a:cxn>
                <a:cxn ang="0">
                  <a:pos x="connsiteX1805" y="connsiteY1805"/>
                </a:cxn>
                <a:cxn ang="0">
                  <a:pos x="connsiteX1806" y="connsiteY1806"/>
                </a:cxn>
                <a:cxn ang="0">
                  <a:pos x="connsiteX1807" y="connsiteY1807"/>
                </a:cxn>
                <a:cxn ang="0">
                  <a:pos x="connsiteX1808" y="connsiteY1808"/>
                </a:cxn>
                <a:cxn ang="0">
                  <a:pos x="connsiteX1809" y="connsiteY1809"/>
                </a:cxn>
                <a:cxn ang="0">
                  <a:pos x="connsiteX1810" y="connsiteY1810"/>
                </a:cxn>
                <a:cxn ang="0">
                  <a:pos x="connsiteX1811" y="connsiteY1811"/>
                </a:cxn>
                <a:cxn ang="0">
                  <a:pos x="connsiteX1812" y="connsiteY1812"/>
                </a:cxn>
                <a:cxn ang="0">
                  <a:pos x="connsiteX1813" y="connsiteY1813"/>
                </a:cxn>
                <a:cxn ang="0">
                  <a:pos x="connsiteX1814" y="connsiteY1814"/>
                </a:cxn>
                <a:cxn ang="0">
                  <a:pos x="connsiteX1815" y="connsiteY1815"/>
                </a:cxn>
                <a:cxn ang="0">
                  <a:pos x="connsiteX1816" y="connsiteY1816"/>
                </a:cxn>
                <a:cxn ang="0">
                  <a:pos x="connsiteX1817" y="connsiteY1817"/>
                </a:cxn>
                <a:cxn ang="0">
                  <a:pos x="connsiteX1818" y="connsiteY1818"/>
                </a:cxn>
                <a:cxn ang="0">
                  <a:pos x="connsiteX1819" y="connsiteY1819"/>
                </a:cxn>
                <a:cxn ang="0">
                  <a:pos x="connsiteX1820" y="connsiteY1820"/>
                </a:cxn>
                <a:cxn ang="0">
                  <a:pos x="connsiteX1821" y="connsiteY1821"/>
                </a:cxn>
                <a:cxn ang="0">
                  <a:pos x="connsiteX1822" y="connsiteY1822"/>
                </a:cxn>
                <a:cxn ang="0">
                  <a:pos x="connsiteX1823" y="connsiteY1823"/>
                </a:cxn>
                <a:cxn ang="0">
                  <a:pos x="connsiteX1824" y="connsiteY1824"/>
                </a:cxn>
                <a:cxn ang="0">
                  <a:pos x="connsiteX1825" y="connsiteY1825"/>
                </a:cxn>
                <a:cxn ang="0">
                  <a:pos x="connsiteX1826" y="connsiteY1826"/>
                </a:cxn>
                <a:cxn ang="0">
                  <a:pos x="connsiteX1827" y="connsiteY1827"/>
                </a:cxn>
                <a:cxn ang="0">
                  <a:pos x="connsiteX1828" y="connsiteY1828"/>
                </a:cxn>
                <a:cxn ang="0">
                  <a:pos x="connsiteX1829" y="connsiteY1829"/>
                </a:cxn>
                <a:cxn ang="0">
                  <a:pos x="connsiteX1830" y="connsiteY1830"/>
                </a:cxn>
                <a:cxn ang="0">
                  <a:pos x="connsiteX1831" y="connsiteY1831"/>
                </a:cxn>
                <a:cxn ang="0">
                  <a:pos x="connsiteX1832" y="connsiteY1832"/>
                </a:cxn>
                <a:cxn ang="0">
                  <a:pos x="connsiteX1833" y="connsiteY1833"/>
                </a:cxn>
                <a:cxn ang="0">
                  <a:pos x="connsiteX1834" y="connsiteY1834"/>
                </a:cxn>
                <a:cxn ang="0">
                  <a:pos x="connsiteX1835" y="connsiteY1835"/>
                </a:cxn>
                <a:cxn ang="0">
                  <a:pos x="connsiteX1836" y="connsiteY1836"/>
                </a:cxn>
                <a:cxn ang="0">
                  <a:pos x="connsiteX1837" y="connsiteY1837"/>
                </a:cxn>
                <a:cxn ang="0">
                  <a:pos x="connsiteX1838" y="connsiteY1838"/>
                </a:cxn>
                <a:cxn ang="0">
                  <a:pos x="connsiteX1839" y="connsiteY1839"/>
                </a:cxn>
                <a:cxn ang="0">
                  <a:pos x="connsiteX1840" y="connsiteY1840"/>
                </a:cxn>
                <a:cxn ang="0">
                  <a:pos x="connsiteX1841" y="connsiteY1841"/>
                </a:cxn>
                <a:cxn ang="0">
                  <a:pos x="connsiteX1842" y="connsiteY1842"/>
                </a:cxn>
                <a:cxn ang="0">
                  <a:pos x="connsiteX1843" y="connsiteY1843"/>
                </a:cxn>
                <a:cxn ang="0">
                  <a:pos x="connsiteX1844" y="connsiteY1844"/>
                </a:cxn>
                <a:cxn ang="0">
                  <a:pos x="connsiteX1845" y="connsiteY1845"/>
                </a:cxn>
                <a:cxn ang="0">
                  <a:pos x="connsiteX1846" y="connsiteY1846"/>
                </a:cxn>
                <a:cxn ang="0">
                  <a:pos x="connsiteX1847" y="connsiteY1847"/>
                </a:cxn>
                <a:cxn ang="0">
                  <a:pos x="connsiteX1848" y="connsiteY1848"/>
                </a:cxn>
                <a:cxn ang="0">
                  <a:pos x="connsiteX1849" y="connsiteY1849"/>
                </a:cxn>
                <a:cxn ang="0">
                  <a:pos x="connsiteX1850" y="connsiteY1850"/>
                </a:cxn>
                <a:cxn ang="0">
                  <a:pos x="connsiteX1851" y="connsiteY1851"/>
                </a:cxn>
                <a:cxn ang="0">
                  <a:pos x="connsiteX1852" y="connsiteY1852"/>
                </a:cxn>
                <a:cxn ang="0">
                  <a:pos x="connsiteX1853" y="connsiteY1853"/>
                </a:cxn>
                <a:cxn ang="0">
                  <a:pos x="connsiteX1854" y="connsiteY1854"/>
                </a:cxn>
                <a:cxn ang="0">
                  <a:pos x="connsiteX1855" y="connsiteY1855"/>
                </a:cxn>
                <a:cxn ang="0">
                  <a:pos x="connsiteX1856" y="connsiteY1856"/>
                </a:cxn>
                <a:cxn ang="0">
                  <a:pos x="connsiteX1857" y="connsiteY1857"/>
                </a:cxn>
                <a:cxn ang="0">
                  <a:pos x="connsiteX1858" y="connsiteY1858"/>
                </a:cxn>
                <a:cxn ang="0">
                  <a:pos x="connsiteX1859" y="connsiteY1859"/>
                </a:cxn>
                <a:cxn ang="0">
                  <a:pos x="connsiteX1860" y="connsiteY1860"/>
                </a:cxn>
                <a:cxn ang="0">
                  <a:pos x="connsiteX1861" y="connsiteY1861"/>
                </a:cxn>
                <a:cxn ang="0">
                  <a:pos x="connsiteX1862" y="connsiteY1862"/>
                </a:cxn>
                <a:cxn ang="0">
                  <a:pos x="connsiteX1863" y="connsiteY1863"/>
                </a:cxn>
                <a:cxn ang="0">
                  <a:pos x="connsiteX1864" y="connsiteY1864"/>
                </a:cxn>
                <a:cxn ang="0">
                  <a:pos x="connsiteX1865" y="connsiteY1865"/>
                </a:cxn>
                <a:cxn ang="0">
                  <a:pos x="connsiteX1866" y="connsiteY1866"/>
                </a:cxn>
                <a:cxn ang="0">
                  <a:pos x="connsiteX1867" y="connsiteY1867"/>
                </a:cxn>
                <a:cxn ang="0">
                  <a:pos x="connsiteX1868" y="connsiteY1868"/>
                </a:cxn>
                <a:cxn ang="0">
                  <a:pos x="connsiteX1869" y="connsiteY1869"/>
                </a:cxn>
                <a:cxn ang="0">
                  <a:pos x="connsiteX1870" y="connsiteY1870"/>
                </a:cxn>
                <a:cxn ang="0">
                  <a:pos x="connsiteX1871" y="connsiteY1871"/>
                </a:cxn>
                <a:cxn ang="0">
                  <a:pos x="connsiteX1872" y="connsiteY1872"/>
                </a:cxn>
                <a:cxn ang="0">
                  <a:pos x="connsiteX1873" y="connsiteY1873"/>
                </a:cxn>
                <a:cxn ang="0">
                  <a:pos x="connsiteX1874" y="connsiteY1874"/>
                </a:cxn>
                <a:cxn ang="0">
                  <a:pos x="connsiteX1875" y="connsiteY1875"/>
                </a:cxn>
                <a:cxn ang="0">
                  <a:pos x="connsiteX1876" y="connsiteY1876"/>
                </a:cxn>
                <a:cxn ang="0">
                  <a:pos x="connsiteX1877" y="connsiteY1877"/>
                </a:cxn>
                <a:cxn ang="0">
                  <a:pos x="connsiteX1878" y="connsiteY1878"/>
                </a:cxn>
                <a:cxn ang="0">
                  <a:pos x="connsiteX1879" y="connsiteY1879"/>
                </a:cxn>
                <a:cxn ang="0">
                  <a:pos x="connsiteX1880" y="connsiteY1880"/>
                </a:cxn>
                <a:cxn ang="0">
                  <a:pos x="connsiteX1881" y="connsiteY1881"/>
                </a:cxn>
                <a:cxn ang="0">
                  <a:pos x="connsiteX1882" y="connsiteY1882"/>
                </a:cxn>
                <a:cxn ang="0">
                  <a:pos x="connsiteX1883" y="connsiteY1883"/>
                </a:cxn>
                <a:cxn ang="0">
                  <a:pos x="connsiteX1884" y="connsiteY1884"/>
                </a:cxn>
                <a:cxn ang="0">
                  <a:pos x="connsiteX1885" y="connsiteY1885"/>
                </a:cxn>
                <a:cxn ang="0">
                  <a:pos x="connsiteX1886" y="connsiteY1886"/>
                </a:cxn>
                <a:cxn ang="0">
                  <a:pos x="connsiteX1887" y="connsiteY1887"/>
                </a:cxn>
                <a:cxn ang="0">
                  <a:pos x="connsiteX1888" y="connsiteY1888"/>
                </a:cxn>
                <a:cxn ang="0">
                  <a:pos x="connsiteX1889" y="connsiteY1889"/>
                </a:cxn>
                <a:cxn ang="0">
                  <a:pos x="connsiteX1890" y="connsiteY1890"/>
                </a:cxn>
                <a:cxn ang="0">
                  <a:pos x="connsiteX1891" y="connsiteY1891"/>
                </a:cxn>
                <a:cxn ang="0">
                  <a:pos x="connsiteX1892" y="connsiteY1892"/>
                </a:cxn>
                <a:cxn ang="0">
                  <a:pos x="connsiteX1893" y="connsiteY1893"/>
                </a:cxn>
                <a:cxn ang="0">
                  <a:pos x="connsiteX1894" y="connsiteY1894"/>
                </a:cxn>
                <a:cxn ang="0">
                  <a:pos x="connsiteX1895" y="connsiteY1895"/>
                </a:cxn>
                <a:cxn ang="0">
                  <a:pos x="connsiteX1896" y="connsiteY1896"/>
                </a:cxn>
                <a:cxn ang="0">
                  <a:pos x="connsiteX1897" y="connsiteY1897"/>
                </a:cxn>
                <a:cxn ang="0">
                  <a:pos x="connsiteX1898" y="connsiteY1898"/>
                </a:cxn>
                <a:cxn ang="0">
                  <a:pos x="connsiteX1899" y="connsiteY1899"/>
                </a:cxn>
                <a:cxn ang="0">
                  <a:pos x="connsiteX1900" y="connsiteY1900"/>
                </a:cxn>
                <a:cxn ang="0">
                  <a:pos x="connsiteX1901" y="connsiteY1901"/>
                </a:cxn>
                <a:cxn ang="0">
                  <a:pos x="connsiteX1902" y="connsiteY1902"/>
                </a:cxn>
                <a:cxn ang="0">
                  <a:pos x="connsiteX1903" y="connsiteY1903"/>
                </a:cxn>
                <a:cxn ang="0">
                  <a:pos x="connsiteX1904" y="connsiteY1904"/>
                </a:cxn>
                <a:cxn ang="0">
                  <a:pos x="connsiteX1905" y="connsiteY1905"/>
                </a:cxn>
                <a:cxn ang="0">
                  <a:pos x="connsiteX1906" y="connsiteY1906"/>
                </a:cxn>
                <a:cxn ang="0">
                  <a:pos x="connsiteX1907" y="connsiteY1907"/>
                </a:cxn>
                <a:cxn ang="0">
                  <a:pos x="connsiteX1908" y="connsiteY1908"/>
                </a:cxn>
                <a:cxn ang="0">
                  <a:pos x="connsiteX1909" y="connsiteY1909"/>
                </a:cxn>
                <a:cxn ang="0">
                  <a:pos x="connsiteX1910" y="connsiteY1910"/>
                </a:cxn>
                <a:cxn ang="0">
                  <a:pos x="connsiteX1911" y="connsiteY1911"/>
                </a:cxn>
                <a:cxn ang="0">
                  <a:pos x="connsiteX1912" y="connsiteY1912"/>
                </a:cxn>
                <a:cxn ang="0">
                  <a:pos x="connsiteX1913" y="connsiteY1913"/>
                </a:cxn>
                <a:cxn ang="0">
                  <a:pos x="connsiteX1914" y="connsiteY1914"/>
                </a:cxn>
                <a:cxn ang="0">
                  <a:pos x="connsiteX1915" y="connsiteY1915"/>
                </a:cxn>
                <a:cxn ang="0">
                  <a:pos x="connsiteX1916" y="connsiteY1916"/>
                </a:cxn>
                <a:cxn ang="0">
                  <a:pos x="connsiteX1917" y="connsiteY1917"/>
                </a:cxn>
                <a:cxn ang="0">
                  <a:pos x="connsiteX1918" y="connsiteY1918"/>
                </a:cxn>
                <a:cxn ang="0">
                  <a:pos x="connsiteX1919" y="connsiteY1919"/>
                </a:cxn>
                <a:cxn ang="0">
                  <a:pos x="connsiteX1920" y="connsiteY1920"/>
                </a:cxn>
                <a:cxn ang="0">
                  <a:pos x="connsiteX1921" y="connsiteY1921"/>
                </a:cxn>
                <a:cxn ang="0">
                  <a:pos x="connsiteX1922" y="connsiteY1922"/>
                </a:cxn>
                <a:cxn ang="0">
                  <a:pos x="connsiteX1923" y="connsiteY1923"/>
                </a:cxn>
                <a:cxn ang="0">
                  <a:pos x="connsiteX1924" y="connsiteY1924"/>
                </a:cxn>
                <a:cxn ang="0">
                  <a:pos x="connsiteX1925" y="connsiteY1925"/>
                </a:cxn>
                <a:cxn ang="0">
                  <a:pos x="connsiteX1926" y="connsiteY1926"/>
                </a:cxn>
                <a:cxn ang="0">
                  <a:pos x="connsiteX1927" y="connsiteY1927"/>
                </a:cxn>
                <a:cxn ang="0">
                  <a:pos x="connsiteX1928" y="connsiteY1928"/>
                </a:cxn>
                <a:cxn ang="0">
                  <a:pos x="connsiteX1929" y="connsiteY1929"/>
                </a:cxn>
                <a:cxn ang="0">
                  <a:pos x="connsiteX1930" y="connsiteY1930"/>
                </a:cxn>
                <a:cxn ang="0">
                  <a:pos x="connsiteX1931" y="connsiteY1931"/>
                </a:cxn>
                <a:cxn ang="0">
                  <a:pos x="connsiteX1932" y="connsiteY1932"/>
                </a:cxn>
                <a:cxn ang="0">
                  <a:pos x="connsiteX1933" y="connsiteY1933"/>
                </a:cxn>
                <a:cxn ang="0">
                  <a:pos x="connsiteX1934" y="connsiteY1934"/>
                </a:cxn>
                <a:cxn ang="0">
                  <a:pos x="connsiteX1935" y="connsiteY1935"/>
                </a:cxn>
                <a:cxn ang="0">
                  <a:pos x="connsiteX1936" y="connsiteY1936"/>
                </a:cxn>
                <a:cxn ang="0">
                  <a:pos x="connsiteX1937" y="connsiteY1937"/>
                </a:cxn>
                <a:cxn ang="0">
                  <a:pos x="connsiteX1938" y="connsiteY1938"/>
                </a:cxn>
                <a:cxn ang="0">
                  <a:pos x="connsiteX1939" y="connsiteY1939"/>
                </a:cxn>
                <a:cxn ang="0">
                  <a:pos x="connsiteX1940" y="connsiteY1940"/>
                </a:cxn>
                <a:cxn ang="0">
                  <a:pos x="connsiteX1941" y="connsiteY1941"/>
                </a:cxn>
                <a:cxn ang="0">
                  <a:pos x="connsiteX1942" y="connsiteY1942"/>
                </a:cxn>
                <a:cxn ang="0">
                  <a:pos x="connsiteX1943" y="connsiteY1943"/>
                </a:cxn>
                <a:cxn ang="0">
                  <a:pos x="connsiteX1944" y="connsiteY1944"/>
                </a:cxn>
                <a:cxn ang="0">
                  <a:pos x="connsiteX1945" y="connsiteY1945"/>
                </a:cxn>
                <a:cxn ang="0">
                  <a:pos x="connsiteX1946" y="connsiteY1946"/>
                </a:cxn>
                <a:cxn ang="0">
                  <a:pos x="connsiteX1947" y="connsiteY1947"/>
                </a:cxn>
                <a:cxn ang="0">
                  <a:pos x="connsiteX1948" y="connsiteY1948"/>
                </a:cxn>
                <a:cxn ang="0">
                  <a:pos x="connsiteX1949" y="connsiteY1949"/>
                </a:cxn>
                <a:cxn ang="0">
                  <a:pos x="connsiteX1950" y="connsiteY1950"/>
                </a:cxn>
                <a:cxn ang="0">
                  <a:pos x="connsiteX1951" y="connsiteY1951"/>
                </a:cxn>
                <a:cxn ang="0">
                  <a:pos x="connsiteX1952" y="connsiteY1952"/>
                </a:cxn>
                <a:cxn ang="0">
                  <a:pos x="connsiteX1953" y="connsiteY1953"/>
                </a:cxn>
                <a:cxn ang="0">
                  <a:pos x="connsiteX1954" y="connsiteY1954"/>
                </a:cxn>
                <a:cxn ang="0">
                  <a:pos x="connsiteX1955" y="connsiteY1955"/>
                </a:cxn>
                <a:cxn ang="0">
                  <a:pos x="connsiteX1956" y="connsiteY1956"/>
                </a:cxn>
                <a:cxn ang="0">
                  <a:pos x="connsiteX1957" y="connsiteY1957"/>
                </a:cxn>
                <a:cxn ang="0">
                  <a:pos x="connsiteX1958" y="connsiteY1958"/>
                </a:cxn>
                <a:cxn ang="0">
                  <a:pos x="connsiteX1959" y="connsiteY1959"/>
                </a:cxn>
                <a:cxn ang="0">
                  <a:pos x="connsiteX1960" y="connsiteY1960"/>
                </a:cxn>
                <a:cxn ang="0">
                  <a:pos x="connsiteX1961" y="connsiteY1961"/>
                </a:cxn>
                <a:cxn ang="0">
                  <a:pos x="connsiteX1962" y="connsiteY1962"/>
                </a:cxn>
                <a:cxn ang="0">
                  <a:pos x="connsiteX1963" y="connsiteY1963"/>
                </a:cxn>
                <a:cxn ang="0">
                  <a:pos x="connsiteX1964" y="connsiteY1964"/>
                </a:cxn>
                <a:cxn ang="0">
                  <a:pos x="connsiteX1965" y="connsiteY1965"/>
                </a:cxn>
                <a:cxn ang="0">
                  <a:pos x="connsiteX1966" y="connsiteY1966"/>
                </a:cxn>
                <a:cxn ang="0">
                  <a:pos x="connsiteX1967" y="connsiteY1967"/>
                </a:cxn>
                <a:cxn ang="0">
                  <a:pos x="connsiteX1968" y="connsiteY1968"/>
                </a:cxn>
                <a:cxn ang="0">
                  <a:pos x="connsiteX1969" y="connsiteY1969"/>
                </a:cxn>
                <a:cxn ang="0">
                  <a:pos x="connsiteX1970" y="connsiteY1970"/>
                </a:cxn>
                <a:cxn ang="0">
                  <a:pos x="connsiteX1971" y="connsiteY1971"/>
                </a:cxn>
                <a:cxn ang="0">
                  <a:pos x="connsiteX1972" y="connsiteY1972"/>
                </a:cxn>
                <a:cxn ang="0">
                  <a:pos x="connsiteX1973" y="connsiteY1973"/>
                </a:cxn>
                <a:cxn ang="0">
                  <a:pos x="connsiteX1974" y="connsiteY1974"/>
                </a:cxn>
                <a:cxn ang="0">
                  <a:pos x="connsiteX1975" y="connsiteY1975"/>
                </a:cxn>
                <a:cxn ang="0">
                  <a:pos x="connsiteX1976" y="connsiteY1976"/>
                </a:cxn>
                <a:cxn ang="0">
                  <a:pos x="connsiteX1977" y="connsiteY1977"/>
                </a:cxn>
                <a:cxn ang="0">
                  <a:pos x="connsiteX1978" y="connsiteY1978"/>
                </a:cxn>
                <a:cxn ang="0">
                  <a:pos x="connsiteX1979" y="connsiteY1979"/>
                </a:cxn>
                <a:cxn ang="0">
                  <a:pos x="connsiteX1980" y="connsiteY1980"/>
                </a:cxn>
                <a:cxn ang="0">
                  <a:pos x="connsiteX1981" y="connsiteY1981"/>
                </a:cxn>
                <a:cxn ang="0">
                  <a:pos x="connsiteX1982" y="connsiteY1982"/>
                </a:cxn>
                <a:cxn ang="0">
                  <a:pos x="connsiteX1983" y="connsiteY1983"/>
                </a:cxn>
                <a:cxn ang="0">
                  <a:pos x="connsiteX1984" y="connsiteY1984"/>
                </a:cxn>
                <a:cxn ang="0">
                  <a:pos x="connsiteX1985" y="connsiteY1985"/>
                </a:cxn>
                <a:cxn ang="0">
                  <a:pos x="connsiteX1986" y="connsiteY1986"/>
                </a:cxn>
                <a:cxn ang="0">
                  <a:pos x="connsiteX1987" y="connsiteY1987"/>
                </a:cxn>
                <a:cxn ang="0">
                  <a:pos x="connsiteX1988" y="connsiteY1988"/>
                </a:cxn>
                <a:cxn ang="0">
                  <a:pos x="connsiteX1989" y="connsiteY1989"/>
                </a:cxn>
                <a:cxn ang="0">
                  <a:pos x="connsiteX1990" y="connsiteY1990"/>
                </a:cxn>
                <a:cxn ang="0">
                  <a:pos x="connsiteX1991" y="connsiteY1991"/>
                </a:cxn>
                <a:cxn ang="0">
                  <a:pos x="connsiteX1992" y="connsiteY1992"/>
                </a:cxn>
                <a:cxn ang="0">
                  <a:pos x="connsiteX1993" y="connsiteY1993"/>
                </a:cxn>
                <a:cxn ang="0">
                  <a:pos x="connsiteX1994" y="connsiteY1994"/>
                </a:cxn>
                <a:cxn ang="0">
                  <a:pos x="connsiteX1995" y="connsiteY1995"/>
                </a:cxn>
                <a:cxn ang="0">
                  <a:pos x="connsiteX1996" y="connsiteY1996"/>
                </a:cxn>
                <a:cxn ang="0">
                  <a:pos x="connsiteX1997" y="connsiteY1997"/>
                </a:cxn>
                <a:cxn ang="0">
                  <a:pos x="connsiteX1998" y="connsiteY1998"/>
                </a:cxn>
                <a:cxn ang="0">
                  <a:pos x="connsiteX1999" y="connsiteY1999"/>
                </a:cxn>
                <a:cxn ang="0">
                  <a:pos x="connsiteX2000" y="connsiteY2000"/>
                </a:cxn>
                <a:cxn ang="0">
                  <a:pos x="connsiteX2001" y="connsiteY2001"/>
                </a:cxn>
                <a:cxn ang="0">
                  <a:pos x="connsiteX2002" y="connsiteY2002"/>
                </a:cxn>
                <a:cxn ang="0">
                  <a:pos x="connsiteX2003" y="connsiteY2003"/>
                </a:cxn>
                <a:cxn ang="0">
                  <a:pos x="connsiteX2004" y="connsiteY2004"/>
                </a:cxn>
                <a:cxn ang="0">
                  <a:pos x="connsiteX2005" y="connsiteY2005"/>
                </a:cxn>
                <a:cxn ang="0">
                  <a:pos x="connsiteX2006" y="connsiteY2006"/>
                </a:cxn>
                <a:cxn ang="0">
                  <a:pos x="connsiteX2007" y="connsiteY2007"/>
                </a:cxn>
                <a:cxn ang="0">
                  <a:pos x="connsiteX2008" y="connsiteY2008"/>
                </a:cxn>
                <a:cxn ang="0">
                  <a:pos x="connsiteX2009" y="connsiteY2009"/>
                </a:cxn>
                <a:cxn ang="0">
                  <a:pos x="connsiteX2010" y="connsiteY2010"/>
                </a:cxn>
                <a:cxn ang="0">
                  <a:pos x="connsiteX2011" y="connsiteY2011"/>
                </a:cxn>
                <a:cxn ang="0">
                  <a:pos x="connsiteX2012" y="connsiteY2012"/>
                </a:cxn>
                <a:cxn ang="0">
                  <a:pos x="connsiteX2013" y="connsiteY2013"/>
                </a:cxn>
                <a:cxn ang="0">
                  <a:pos x="connsiteX2014" y="connsiteY2014"/>
                </a:cxn>
                <a:cxn ang="0">
                  <a:pos x="connsiteX2015" y="connsiteY2015"/>
                </a:cxn>
                <a:cxn ang="0">
                  <a:pos x="connsiteX2016" y="connsiteY2016"/>
                </a:cxn>
                <a:cxn ang="0">
                  <a:pos x="connsiteX2017" y="connsiteY2017"/>
                </a:cxn>
                <a:cxn ang="0">
                  <a:pos x="connsiteX2018" y="connsiteY2018"/>
                </a:cxn>
                <a:cxn ang="0">
                  <a:pos x="connsiteX2019" y="connsiteY2019"/>
                </a:cxn>
                <a:cxn ang="0">
                  <a:pos x="connsiteX2020" y="connsiteY2020"/>
                </a:cxn>
                <a:cxn ang="0">
                  <a:pos x="connsiteX2021" y="connsiteY2021"/>
                </a:cxn>
                <a:cxn ang="0">
                  <a:pos x="connsiteX2022" y="connsiteY2022"/>
                </a:cxn>
                <a:cxn ang="0">
                  <a:pos x="connsiteX2023" y="connsiteY2023"/>
                </a:cxn>
                <a:cxn ang="0">
                  <a:pos x="connsiteX2024" y="connsiteY2024"/>
                </a:cxn>
                <a:cxn ang="0">
                  <a:pos x="connsiteX2025" y="connsiteY2025"/>
                </a:cxn>
                <a:cxn ang="0">
                  <a:pos x="connsiteX2026" y="connsiteY2026"/>
                </a:cxn>
                <a:cxn ang="0">
                  <a:pos x="connsiteX2027" y="connsiteY2027"/>
                </a:cxn>
                <a:cxn ang="0">
                  <a:pos x="connsiteX2028" y="connsiteY2028"/>
                </a:cxn>
                <a:cxn ang="0">
                  <a:pos x="connsiteX2029" y="connsiteY2029"/>
                </a:cxn>
                <a:cxn ang="0">
                  <a:pos x="connsiteX2030" y="connsiteY2030"/>
                </a:cxn>
                <a:cxn ang="0">
                  <a:pos x="connsiteX2031" y="connsiteY2031"/>
                </a:cxn>
                <a:cxn ang="0">
                  <a:pos x="connsiteX2032" y="connsiteY2032"/>
                </a:cxn>
                <a:cxn ang="0">
                  <a:pos x="connsiteX2033" y="connsiteY2033"/>
                </a:cxn>
                <a:cxn ang="0">
                  <a:pos x="connsiteX2034" y="connsiteY2034"/>
                </a:cxn>
                <a:cxn ang="0">
                  <a:pos x="connsiteX2035" y="connsiteY2035"/>
                </a:cxn>
                <a:cxn ang="0">
                  <a:pos x="connsiteX2036" y="connsiteY2036"/>
                </a:cxn>
                <a:cxn ang="0">
                  <a:pos x="connsiteX2037" y="connsiteY2037"/>
                </a:cxn>
                <a:cxn ang="0">
                  <a:pos x="connsiteX2038" y="connsiteY2038"/>
                </a:cxn>
                <a:cxn ang="0">
                  <a:pos x="connsiteX2039" y="connsiteY2039"/>
                </a:cxn>
                <a:cxn ang="0">
                  <a:pos x="connsiteX2040" y="connsiteY2040"/>
                </a:cxn>
                <a:cxn ang="0">
                  <a:pos x="connsiteX2041" y="connsiteY2041"/>
                </a:cxn>
                <a:cxn ang="0">
                  <a:pos x="connsiteX2042" y="connsiteY2042"/>
                </a:cxn>
                <a:cxn ang="0">
                  <a:pos x="connsiteX2043" y="connsiteY2043"/>
                </a:cxn>
                <a:cxn ang="0">
                  <a:pos x="connsiteX2044" y="connsiteY2044"/>
                </a:cxn>
                <a:cxn ang="0">
                  <a:pos x="connsiteX2045" y="connsiteY2045"/>
                </a:cxn>
                <a:cxn ang="0">
                  <a:pos x="connsiteX2046" y="connsiteY2046"/>
                </a:cxn>
                <a:cxn ang="0">
                  <a:pos x="connsiteX2047" y="connsiteY2047"/>
                </a:cxn>
                <a:cxn ang="0">
                  <a:pos x="connsiteX2048" y="connsiteY2048"/>
                </a:cxn>
                <a:cxn ang="0">
                  <a:pos x="connsiteX2049" y="connsiteY2049"/>
                </a:cxn>
                <a:cxn ang="0">
                  <a:pos x="connsiteX2050" y="connsiteY2050"/>
                </a:cxn>
                <a:cxn ang="0">
                  <a:pos x="connsiteX2051" y="connsiteY2051"/>
                </a:cxn>
                <a:cxn ang="0">
                  <a:pos x="connsiteX2052" y="connsiteY2052"/>
                </a:cxn>
                <a:cxn ang="0">
                  <a:pos x="connsiteX2053" y="connsiteY2053"/>
                </a:cxn>
                <a:cxn ang="0">
                  <a:pos x="connsiteX2054" y="connsiteY2054"/>
                </a:cxn>
                <a:cxn ang="0">
                  <a:pos x="connsiteX2055" y="connsiteY2055"/>
                </a:cxn>
                <a:cxn ang="0">
                  <a:pos x="connsiteX2056" y="connsiteY2056"/>
                </a:cxn>
                <a:cxn ang="0">
                  <a:pos x="connsiteX2057" y="connsiteY2057"/>
                </a:cxn>
                <a:cxn ang="0">
                  <a:pos x="connsiteX2058" y="connsiteY2058"/>
                </a:cxn>
                <a:cxn ang="0">
                  <a:pos x="connsiteX2059" y="connsiteY2059"/>
                </a:cxn>
                <a:cxn ang="0">
                  <a:pos x="connsiteX2060" y="connsiteY2060"/>
                </a:cxn>
                <a:cxn ang="0">
                  <a:pos x="connsiteX2061" y="connsiteY2061"/>
                </a:cxn>
                <a:cxn ang="0">
                  <a:pos x="connsiteX2062" y="connsiteY2062"/>
                </a:cxn>
                <a:cxn ang="0">
                  <a:pos x="connsiteX2063" y="connsiteY2063"/>
                </a:cxn>
                <a:cxn ang="0">
                  <a:pos x="connsiteX2064" y="connsiteY2064"/>
                </a:cxn>
                <a:cxn ang="0">
                  <a:pos x="connsiteX2065" y="connsiteY2065"/>
                </a:cxn>
                <a:cxn ang="0">
                  <a:pos x="connsiteX2066" y="connsiteY2066"/>
                </a:cxn>
                <a:cxn ang="0">
                  <a:pos x="connsiteX2067" y="connsiteY2067"/>
                </a:cxn>
                <a:cxn ang="0">
                  <a:pos x="connsiteX2068" y="connsiteY2068"/>
                </a:cxn>
                <a:cxn ang="0">
                  <a:pos x="connsiteX2069" y="connsiteY2069"/>
                </a:cxn>
                <a:cxn ang="0">
                  <a:pos x="connsiteX2070" y="connsiteY2070"/>
                </a:cxn>
                <a:cxn ang="0">
                  <a:pos x="connsiteX2071" y="connsiteY2071"/>
                </a:cxn>
                <a:cxn ang="0">
                  <a:pos x="connsiteX2072" y="connsiteY2072"/>
                </a:cxn>
                <a:cxn ang="0">
                  <a:pos x="connsiteX2073" y="connsiteY2073"/>
                </a:cxn>
                <a:cxn ang="0">
                  <a:pos x="connsiteX2074" y="connsiteY2074"/>
                </a:cxn>
                <a:cxn ang="0">
                  <a:pos x="connsiteX2075" y="connsiteY2075"/>
                </a:cxn>
                <a:cxn ang="0">
                  <a:pos x="connsiteX2076" y="connsiteY2076"/>
                </a:cxn>
                <a:cxn ang="0">
                  <a:pos x="connsiteX2077" y="connsiteY2077"/>
                </a:cxn>
                <a:cxn ang="0">
                  <a:pos x="connsiteX2078" y="connsiteY2078"/>
                </a:cxn>
                <a:cxn ang="0">
                  <a:pos x="connsiteX2079" y="connsiteY2079"/>
                </a:cxn>
                <a:cxn ang="0">
                  <a:pos x="connsiteX2080" y="connsiteY2080"/>
                </a:cxn>
                <a:cxn ang="0">
                  <a:pos x="connsiteX2081" y="connsiteY2081"/>
                </a:cxn>
                <a:cxn ang="0">
                  <a:pos x="connsiteX2082" y="connsiteY2082"/>
                </a:cxn>
                <a:cxn ang="0">
                  <a:pos x="connsiteX2083" y="connsiteY2083"/>
                </a:cxn>
                <a:cxn ang="0">
                  <a:pos x="connsiteX2084" y="connsiteY2084"/>
                </a:cxn>
                <a:cxn ang="0">
                  <a:pos x="connsiteX2085" y="connsiteY2085"/>
                </a:cxn>
                <a:cxn ang="0">
                  <a:pos x="connsiteX2086" y="connsiteY2086"/>
                </a:cxn>
                <a:cxn ang="0">
                  <a:pos x="connsiteX2087" y="connsiteY2087"/>
                </a:cxn>
                <a:cxn ang="0">
                  <a:pos x="connsiteX2088" y="connsiteY2088"/>
                </a:cxn>
                <a:cxn ang="0">
                  <a:pos x="connsiteX2089" y="connsiteY2089"/>
                </a:cxn>
                <a:cxn ang="0">
                  <a:pos x="connsiteX2090" y="connsiteY2090"/>
                </a:cxn>
                <a:cxn ang="0">
                  <a:pos x="connsiteX2091" y="connsiteY2091"/>
                </a:cxn>
                <a:cxn ang="0">
                  <a:pos x="connsiteX2092" y="connsiteY2092"/>
                </a:cxn>
                <a:cxn ang="0">
                  <a:pos x="connsiteX2093" y="connsiteY2093"/>
                </a:cxn>
                <a:cxn ang="0">
                  <a:pos x="connsiteX2094" y="connsiteY2094"/>
                </a:cxn>
                <a:cxn ang="0">
                  <a:pos x="connsiteX2095" y="connsiteY2095"/>
                </a:cxn>
                <a:cxn ang="0">
                  <a:pos x="connsiteX2096" y="connsiteY2096"/>
                </a:cxn>
                <a:cxn ang="0">
                  <a:pos x="connsiteX2097" y="connsiteY2097"/>
                </a:cxn>
                <a:cxn ang="0">
                  <a:pos x="connsiteX2098" y="connsiteY2098"/>
                </a:cxn>
                <a:cxn ang="0">
                  <a:pos x="connsiteX2099" y="connsiteY2099"/>
                </a:cxn>
                <a:cxn ang="0">
                  <a:pos x="connsiteX2100" y="connsiteY2100"/>
                </a:cxn>
                <a:cxn ang="0">
                  <a:pos x="connsiteX2101" y="connsiteY2101"/>
                </a:cxn>
                <a:cxn ang="0">
                  <a:pos x="connsiteX2102" y="connsiteY2102"/>
                </a:cxn>
                <a:cxn ang="0">
                  <a:pos x="connsiteX2103" y="connsiteY2103"/>
                </a:cxn>
                <a:cxn ang="0">
                  <a:pos x="connsiteX2104" y="connsiteY2104"/>
                </a:cxn>
                <a:cxn ang="0">
                  <a:pos x="connsiteX2105" y="connsiteY2105"/>
                </a:cxn>
                <a:cxn ang="0">
                  <a:pos x="connsiteX2106" y="connsiteY2106"/>
                </a:cxn>
                <a:cxn ang="0">
                  <a:pos x="connsiteX2107" y="connsiteY2107"/>
                </a:cxn>
                <a:cxn ang="0">
                  <a:pos x="connsiteX2108" y="connsiteY2108"/>
                </a:cxn>
                <a:cxn ang="0">
                  <a:pos x="connsiteX2109" y="connsiteY2109"/>
                </a:cxn>
                <a:cxn ang="0">
                  <a:pos x="connsiteX2110" y="connsiteY2110"/>
                </a:cxn>
                <a:cxn ang="0">
                  <a:pos x="connsiteX2111" y="connsiteY2111"/>
                </a:cxn>
                <a:cxn ang="0">
                  <a:pos x="connsiteX2112" y="connsiteY2112"/>
                </a:cxn>
                <a:cxn ang="0">
                  <a:pos x="connsiteX2113" y="connsiteY2113"/>
                </a:cxn>
                <a:cxn ang="0">
                  <a:pos x="connsiteX2114" y="connsiteY2114"/>
                </a:cxn>
                <a:cxn ang="0">
                  <a:pos x="connsiteX2115" y="connsiteY2115"/>
                </a:cxn>
                <a:cxn ang="0">
                  <a:pos x="connsiteX2116" y="connsiteY2116"/>
                </a:cxn>
                <a:cxn ang="0">
                  <a:pos x="connsiteX2117" y="connsiteY2117"/>
                </a:cxn>
                <a:cxn ang="0">
                  <a:pos x="connsiteX2118" y="connsiteY2118"/>
                </a:cxn>
                <a:cxn ang="0">
                  <a:pos x="connsiteX2119" y="connsiteY2119"/>
                </a:cxn>
                <a:cxn ang="0">
                  <a:pos x="connsiteX2120" y="connsiteY2120"/>
                </a:cxn>
                <a:cxn ang="0">
                  <a:pos x="connsiteX2121" y="connsiteY2121"/>
                </a:cxn>
                <a:cxn ang="0">
                  <a:pos x="connsiteX2122" y="connsiteY2122"/>
                </a:cxn>
                <a:cxn ang="0">
                  <a:pos x="connsiteX2123" y="connsiteY2123"/>
                </a:cxn>
                <a:cxn ang="0">
                  <a:pos x="connsiteX2124" y="connsiteY2124"/>
                </a:cxn>
                <a:cxn ang="0">
                  <a:pos x="connsiteX2125" y="connsiteY2125"/>
                </a:cxn>
                <a:cxn ang="0">
                  <a:pos x="connsiteX2126" y="connsiteY2126"/>
                </a:cxn>
                <a:cxn ang="0">
                  <a:pos x="connsiteX2127" y="connsiteY2127"/>
                </a:cxn>
                <a:cxn ang="0">
                  <a:pos x="connsiteX2128" y="connsiteY2128"/>
                </a:cxn>
                <a:cxn ang="0">
                  <a:pos x="connsiteX2129" y="connsiteY2129"/>
                </a:cxn>
                <a:cxn ang="0">
                  <a:pos x="connsiteX2130" y="connsiteY2130"/>
                </a:cxn>
                <a:cxn ang="0">
                  <a:pos x="connsiteX2131" y="connsiteY2131"/>
                </a:cxn>
                <a:cxn ang="0">
                  <a:pos x="connsiteX2132" y="connsiteY2132"/>
                </a:cxn>
                <a:cxn ang="0">
                  <a:pos x="connsiteX2133" y="connsiteY2133"/>
                </a:cxn>
                <a:cxn ang="0">
                  <a:pos x="connsiteX2134" y="connsiteY2134"/>
                </a:cxn>
                <a:cxn ang="0">
                  <a:pos x="connsiteX2135" y="connsiteY2135"/>
                </a:cxn>
                <a:cxn ang="0">
                  <a:pos x="connsiteX2136" y="connsiteY2136"/>
                </a:cxn>
                <a:cxn ang="0">
                  <a:pos x="connsiteX2137" y="connsiteY2137"/>
                </a:cxn>
                <a:cxn ang="0">
                  <a:pos x="connsiteX2138" y="connsiteY2138"/>
                </a:cxn>
                <a:cxn ang="0">
                  <a:pos x="connsiteX2139" y="connsiteY2139"/>
                </a:cxn>
                <a:cxn ang="0">
                  <a:pos x="connsiteX2140" y="connsiteY2140"/>
                </a:cxn>
                <a:cxn ang="0">
                  <a:pos x="connsiteX2141" y="connsiteY2141"/>
                </a:cxn>
                <a:cxn ang="0">
                  <a:pos x="connsiteX2142" y="connsiteY2142"/>
                </a:cxn>
                <a:cxn ang="0">
                  <a:pos x="connsiteX2143" y="connsiteY2143"/>
                </a:cxn>
                <a:cxn ang="0">
                  <a:pos x="connsiteX2144" y="connsiteY2144"/>
                </a:cxn>
                <a:cxn ang="0">
                  <a:pos x="connsiteX2145" y="connsiteY2145"/>
                </a:cxn>
                <a:cxn ang="0">
                  <a:pos x="connsiteX2146" y="connsiteY2146"/>
                </a:cxn>
                <a:cxn ang="0">
                  <a:pos x="connsiteX2147" y="connsiteY2147"/>
                </a:cxn>
                <a:cxn ang="0">
                  <a:pos x="connsiteX2148" y="connsiteY2148"/>
                </a:cxn>
                <a:cxn ang="0">
                  <a:pos x="connsiteX2149" y="connsiteY2149"/>
                </a:cxn>
                <a:cxn ang="0">
                  <a:pos x="connsiteX2150" y="connsiteY2150"/>
                </a:cxn>
                <a:cxn ang="0">
                  <a:pos x="connsiteX2151" y="connsiteY2151"/>
                </a:cxn>
                <a:cxn ang="0">
                  <a:pos x="connsiteX2152" y="connsiteY2152"/>
                </a:cxn>
                <a:cxn ang="0">
                  <a:pos x="connsiteX2153" y="connsiteY2153"/>
                </a:cxn>
                <a:cxn ang="0">
                  <a:pos x="connsiteX2154" y="connsiteY2154"/>
                </a:cxn>
                <a:cxn ang="0">
                  <a:pos x="connsiteX2155" y="connsiteY2155"/>
                </a:cxn>
                <a:cxn ang="0">
                  <a:pos x="connsiteX2156" y="connsiteY2156"/>
                </a:cxn>
                <a:cxn ang="0">
                  <a:pos x="connsiteX2157" y="connsiteY2157"/>
                </a:cxn>
                <a:cxn ang="0">
                  <a:pos x="connsiteX2158" y="connsiteY2158"/>
                </a:cxn>
                <a:cxn ang="0">
                  <a:pos x="connsiteX2159" y="connsiteY2159"/>
                </a:cxn>
                <a:cxn ang="0">
                  <a:pos x="connsiteX2160" y="connsiteY2160"/>
                </a:cxn>
                <a:cxn ang="0">
                  <a:pos x="connsiteX2161" y="connsiteY2161"/>
                </a:cxn>
                <a:cxn ang="0">
                  <a:pos x="connsiteX2162" y="connsiteY2162"/>
                </a:cxn>
                <a:cxn ang="0">
                  <a:pos x="connsiteX2163" y="connsiteY2163"/>
                </a:cxn>
                <a:cxn ang="0">
                  <a:pos x="connsiteX2164" y="connsiteY2164"/>
                </a:cxn>
                <a:cxn ang="0">
                  <a:pos x="connsiteX2165" y="connsiteY2165"/>
                </a:cxn>
                <a:cxn ang="0">
                  <a:pos x="connsiteX2166" y="connsiteY2166"/>
                </a:cxn>
                <a:cxn ang="0">
                  <a:pos x="connsiteX2167" y="connsiteY2167"/>
                </a:cxn>
                <a:cxn ang="0">
                  <a:pos x="connsiteX2168" y="connsiteY2168"/>
                </a:cxn>
                <a:cxn ang="0">
                  <a:pos x="connsiteX2169" y="connsiteY2169"/>
                </a:cxn>
                <a:cxn ang="0">
                  <a:pos x="connsiteX2170" y="connsiteY2170"/>
                </a:cxn>
                <a:cxn ang="0">
                  <a:pos x="connsiteX2171" y="connsiteY2171"/>
                </a:cxn>
                <a:cxn ang="0">
                  <a:pos x="connsiteX2172" y="connsiteY2172"/>
                </a:cxn>
                <a:cxn ang="0">
                  <a:pos x="connsiteX2173" y="connsiteY2173"/>
                </a:cxn>
                <a:cxn ang="0">
                  <a:pos x="connsiteX2174" y="connsiteY2174"/>
                </a:cxn>
                <a:cxn ang="0">
                  <a:pos x="connsiteX2175" y="connsiteY2175"/>
                </a:cxn>
                <a:cxn ang="0">
                  <a:pos x="connsiteX2176" y="connsiteY2176"/>
                </a:cxn>
                <a:cxn ang="0">
                  <a:pos x="connsiteX2177" y="connsiteY2177"/>
                </a:cxn>
                <a:cxn ang="0">
                  <a:pos x="connsiteX2178" y="connsiteY2178"/>
                </a:cxn>
                <a:cxn ang="0">
                  <a:pos x="connsiteX2179" y="connsiteY2179"/>
                </a:cxn>
                <a:cxn ang="0">
                  <a:pos x="connsiteX2180" y="connsiteY2180"/>
                </a:cxn>
                <a:cxn ang="0">
                  <a:pos x="connsiteX2181" y="connsiteY2181"/>
                </a:cxn>
                <a:cxn ang="0">
                  <a:pos x="connsiteX2182" y="connsiteY2182"/>
                </a:cxn>
                <a:cxn ang="0">
                  <a:pos x="connsiteX2183" y="connsiteY2183"/>
                </a:cxn>
                <a:cxn ang="0">
                  <a:pos x="connsiteX2184" y="connsiteY2184"/>
                </a:cxn>
                <a:cxn ang="0">
                  <a:pos x="connsiteX2185" y="connsiteY2185"/>
                </a:cxn>
                <a:cxn ang="0">
                  <a:pos x="connsiteX2186" y="connsiteY2186"/>
                </a:cxn>
                <a:cxn ang="0">
                  <a:pos x="connsiteX2187" y="connsiteY2187"/>
                </a:cxn>
                <a:cxn ang="0">
                  <a:pos x="connsiteX2188" y="connsiteY2188"/>
                </a:cxn>
                <a:cxn ang="0">
                  <a:pos x="connsiteX2189" y="connsiteY2189"/>
                </a:cxn>
                <a:cxn ang="0">
                  <a:pos x="connsiteX2190" y="connsiteY2190"/>
                </a:cxn>
                <a:cxn ang="0">
                  <a:pos x="connsiteX2191" y="connsiteY2191"/>
                </a:cxn>
                <a:cxn ang="0">
                  <a:pos x="connsiteX2192" y="connsiteY2192"/>
                </a:cxn>
                <a:cxn ang="0">
                  <a:pos x="connsiteX2193" y="connsiteY2193"/>
                </a:cxn>
                <a:cxn ang="0">
                  <a:pos x="connsiteX2194" y="connsiteY2194"/>
                </a:cxn>
                <a:cxn ang="0">
                  <a:pos x="connsiteX2195" y="connsiteY2195"/>
                </a:cxn>
                <a:cxn ang="0">
                  <a:pos x="connsiteX2196" y="connsiteY2196"/>
                </a:cxn>
                <a:cxn ang="0">
                  <a:pos x="connsiteX2197" y="connsiteY2197"/>
                </a:cxn>
                <a:cxn ang="0">
                  <a:pos x="connsiteX2198" y="connsiteY2198"/>
                </a:cxn>
                <a:cxn ang="0">
                  <a:pos x="connsiteX2199" y="connsiteY2199"/>
                </a:cxn>
                <a:cxn ang="0">
                  <a:pos x="connsiteX2200" y="connsiteY2200"/>
                </a:cxn>
                <a:cxn ang="0">
                  <a:pos x="connsiteX2201" y="connsiteY2201"/>
                </a:cxn>
                <a:cxn ang="0">
                  <a:pos x="connsiteX2202" y="connsiteY2202"/>
                </a:cxn>
                <a:cxn ang="0">
                  <a:pos x="connsiteX2203" y="connsiteY2203"/>
                </a:cxn>
                <a:cxn ang="0">
                  <a:pos x="connsiteX2204" y="connsiteY2204"/>
                </a:cxn>
                <a:cxn ang="0">
                  <a:pos x="connsiteX2205" y="connsiteY2205"/>
                </a:cxn>
                <a:cxn ang="0">
                  <a:pos x="connsiteX2206" y="connsiteY2206"/>
                </a:cxn>
                <a:cxn ang="0">
                  <a:pos x="connsiteX2207" y="connsiteY2207"/>
                </a:cxn>
                <a:cxn ang="0">
                  <a:pos x="connsiteX2208" y="connsiteY2208"/>
                </a:cxn>
                <a:cxn ang="0">
                  <a:pos x="connsiteX2209" y="connsiteY2209"/>
                </a:cxn>
                <a:cxn ang="0">
                  <a:pos x="connsiteX2210" y="connsiteY2210"/>
                </a:cxn>
                <a:cxn ang="0">
                  <a:pos x="connsiteX2211" y="connsiteY2211"/>
                </a:cxn>
                <a:cxn ang="0">
                  <a:pos x="connsiteX2212" y="connsiteY2212"/>
                </a:cxn>
                <a:cxn ang="0">
                  <a:pos x="connsiteX2213" y="connsiteY2213"/>
                </a:cxn>
                <a:cxn ang="0">
                  <a:pos x="connsiteX2214" y="connsiteY2214"/>
                </a:cxn>
                <a:cxn ang="0">
                  <a:pos x="connsiteX2215" y="connsiteY2215"/>
                </a:cxn>
                <a:cxn ang="0">
                  <a:pos x="connsiteX2216" y="connsiteY2216"/>
                </a:cxn>
                <a:cxn ang="0">
                  <a:pos x="connsiteX2217" y="connsiteY2217"/>
                </a:cxn>
                <a:cxn ang="0">
                  <a:pos x="connsiteX2218" y="connsiteY2218"/>
                </a:cxn>
                <a:cxn ang="0">
                  <a:pos x="connsiteX2219" y="connsiteY2219"/>
                </a:cxn>
                <a:cxn ang="0">
                  <a:pos x="connsiteX2220" y="connsiteY2220"/>
                </a:cxn>
                <a:cxn ang="0">
                  <a:pos x="connsiteX2221" y="connsiteY2221"/>
                </a:cxn>
                <a:cxn ang="0">
                  <a:pos x="connsiteX2222" y="connsiteY2222"/>
                </a:cxn>
                <a:cxn ang="0">
                  <a:pos x="connsiteX2223" y="connsiteY2223"/>
                </a:cxn>
                <a:cxn ang="0">
                  <a:pos x="connsiteX2224" y="connsiteY2224"/>
                </a:cxn>
                <a:cxn ang="0">
                  <a:pos x="connsiteX2225" y="connsiteY2225"/>
                </a:cxn>
                <a:cxn ang="0">
                  <a:pos x="connsiteX2226" y="connsiteY2226"/>
                </a:cxn>
                <a:cxn ang="0">
                  <a:pos x="connsiteX2227" y="connsiteY2227"/>
                </a:cxn>
                <a:cxn ang="0">
                  <a:pos x="connsiteX2228" y="connsiteY2228"/>
                </a:cxn>
                <a:cxn ang="0">
                  <a:pos x="connsiteX2229" y="connsiteY2229"/>
                </a:cxn>
                <a:cxn ang="0">
                  <a:pos x="connsiteX2230" y="connsiteY2230"/>
                </a:cxn>
                <a:cxn ang="0">
                  <a:pos x="connsiteX2231" y="connsiteY2231"/>
                </a:cxn>
                <a:cxn ang="0">
                  <a:pos x="connsiteX2232" y="connsiteY2232"/>
                </a:cxn>
                <a:cxn ang="0">
                  <a:pos x="connsiteX2233" y="connsiteY2233"/>
                </a:cxn>
                <a:cxn ang="0">
                  <a:pos x="connsiteX2234" y="connsiteY2234"/>
                </a:cxn>
                <a:cxn ang="0">
                  <a:pos x="connsiteX2235" y="connsiteY2235"/>
                </a:cxn>
                <a:cxn ang="0">
                  <a:pos x="connsiteX2236" y="connsiteY2236"/>
                </a:cxn>
                <a:cxn ang="0">
                  <a:pos x="connsiteX2237" y="connsiteY2237"/>
                </a:cxn>
                <a:cxn ang="0">
                  <a:pos x="connsiteX2238" y="connsiteY2238"/>
                </a:cxn>
                <a:cxn ang="0">
                  <a:pos x="connsiteX2239" y="connsiteY2239"/>
                </a:cxn>
                <a:cxn ang="0">
                  <a:pos x="connsiteX2240" y="connsiteY2240"/>
                </a:cxn>
                <a:cxn ang="0">
                  <a:pos x="connsiteX2241" y="connsiteY2241"/>
                </a:cxn>
                <a:cxn ang="0">
                  <a:pos x="connsiteX2242" y="connsiteY2242"/>
                </a:cxn>
                <a:cxn ang="0">
                  <a:pos x="connsiteX2243" y="connsiteY2243"/>
                </a:cxn>
                <a:cxn ang="0">
                  <a:pos x="connsiteX2244" y="connsiteY2244"/>
                </a:cxn>
                <a:cxn ang="0">
                  <a:pos x="connsiteX2245" y="connsiteY2245"/>
                </a:cxn>
                <a:cxn ang="0">
                  <a:pos x="connsiteX2246" y="connsiteY2246"/>
                </a:cxn>
                <a:cxn ang="0">
                  <a:pos x="connsiteX2247" y="connsiteY2247"/>
                </a:cxn>
                <a:cxn ang="0">
                  <a:pos x="connsiteX2248" y="connsiteY2248"/>
                </a:cxn>
                <a:cxn ang="0">
                  <a:pos x="connsiteX2249" y="connsiteY2249"/>
                </a:cxn>
                <a:cxn ang="0">
                  <a:pos x="connsiteX2250" y="connsiteY2250"/>
                </a:cxn>
                <a:cxn ang="0">
                  <a:pos x="connsiteX2251" y="connsiteY2251"/>
                </a:cxn>
                <a:cxn ang="0">
                  <a:pos x="connsiteX2252" y="connsiteY2252"/>
                </a:cxn>
                <a:cxn ang="0">
                  <a:pos x="connsiteX2253" y="connsiteY2253"/>
                </a:cxn>
                <a:cxn ang="0">
                  <a:pos x="connsiteX2254" y="connsiteY2254"/>
                </a:cxn>
                <a:cxn ang="0">
                  <a:pos x="connsiteX2255" y="connsiteY2255"/>
                </a:cxn>
                <a:cxn ang="0">
                  <a:pos x="connsiteX2256" y="connsiteY2256"/>
                </a:cxn>
                <a:cxn ang="0">
                  <a:pos x="connsiteX2257" y="connsiteY2257"/>
                </a:cxn>
                <a:cxn ang="0">
                  <a:pos x="connsiteX2258" y="connsiteY2258"/>
                </a:cxn>
                <a:cxn ang="0">
                  <a:pos x="connsiteX2259" y="connsiteY2259"/>
                </a:cxn>
                <a:cxn ang="0">
                  <a:pos x="connsiteX2260" y="connsiteY2260"/>
                </a:cxn>
                <a:cxn ang="0">
                  <a:pos x="connsiteX2261" y="connsiteY2261"/>
                </a:cxn>
                <a:cxn ang="0">
                  <a:pos x="connsiteX2262" y="connsiteY2262"/>
                </a:cxn>
                <a:cxn ang="0">
                  <a:pos x="connsiteX2263" y="connsiteY2263"/>
                </a:cxn>
                <a:cxn ang="0">
                  <a:pos x="connsiteX2264" y="connsiteY2264"/>
                </a:cxn>
                <a:cxn ang="0">
                  <a:pos x="connsiteX2265" y="connsiteY2265"/>
                </a:cxn>
                <a:cxn ang="0">
                  <a:pos x="connsiteX2266" y="connsiteY2266"/>
                </a:cxn>
                <a:cxn ang="0">
                  <a:pos x="connsiteX2267" y="connsiteY2267"/>
                </a:cxn>
                <a:cxn ang="0">
                  <a:pos x="connsiteX2268" y="connsiteY2268"/>
                </a:cxn>
                <a:cxn ang="0">
                  <a:pos x="connsiteX2269" y="connsiteY2269"/>
                </a:cxn>
                <a:cxn ang="0">
                  <a:pos x="connsiteX2270" y="connsiteY2270"/>
                </a:cxn>
                <a:cxn ang="0">
                  <a:pos x="connsiteX2271" y="connsiteY2271"/>
                </a:cxn>
                <a:cxn ang="0">
                  <a:pos x="connsiteX2272" y="connsiteY2272"/>
                </a:cxn>
                <a:cxn ang="0">
                  <a:pos x="connsiteX2273" y="connsiteY2273"/>
                </a:cxn>
                <a:cxn ang="0">
                  <a:pos x="connsiteX2274" y="connsiteY2274"/>
                </a:cxn>
                <a:cxn ang="0">
                  <a:pos x="connsiteX2275" y="connsiteY2275"/>
                </a:cxn>
                <a:cxn ang="0">
                  <a:pos x="connsiteX2276" y="connsiteY2276"/>
                </a:cxn>
                <a:cxn ang="0">
                  <a:pos x="connsiteX2277" y="connsiteY2277"/>
                </a:cxn>
                <a:cxn ang="0">
                  <a:pos x="connsiteX2278" y="connsiteY2278"/>
                </a:cxn>
                <a:cxn ang="0">
                  <a:pos x="connsiteX2279" y="connsiteY2279"/>
                </a:cxn>
                <a:cxn ang="0">
                  <a:pos x="connsiteX2280" y="connsiteY2280"/>
                </a:cxn>
                <a:cxn ang="0">
                  <a:pos x="connsiteX2281" y="connsiteY2281"/>
                </a:cxn>
                <a:cxn ang="0">
                  <a:pos x="connsiteX2282" y="connsiteY2282"/>
                </a:cxn>
                <a:cxn ang="0">
                  <a:pos x="connsiteX2283" y="connsiteY2283"/>
                </a:cxn>
                <a:cxn ang="0">
                  <a:pos x="connsiteX2284" y="connsiteY2284"/>
                </a:cxn>
                <a:cxn ang="0">
                  <a:pos x="connsiteX2285" y="connsiteY2285"/>
                </a:cxn>
                <a:cxn ang="0">
                  <a:pos x="connsiteX2286" y="connsiteY2286"/>
                </a:cxn>
                <a:cxn ang="0">
                  <a:pos x="connsiteX2287" y="connsiteY2287"/>
                </a:cxn>
                <a:cxn ang="0">
                  <a:pos x="connsiteX2288" y="connsiteY2288"/>
                </a:cxn>
                <a:cxn ang="0">
                  <a:pos x="connsiteX2289" y="connsiteY2289"/>
                </a:cxn>
                <a:cxn ang="0">
                  <a:pos x="connsiteX2290" y="connsiteY2290"/>
                </a:cxn>
                <a:cxn ang="0">
                  <a:pos x="connsiteX2291" y="connsiteY2291"/>
                </a:cxn>
                <a:cxn ang="0">
                  <a:pos x="connsiteX2292" y="connsiteY2292"/>
                </a:cxn>
                <a:cxn ang="0">
                  <a:pos x="connsiteX2293" y="connsiteY2293"/>
                </a:cxn>
                <a:cxn ang="0">
                  <a:pos x="connsiteX2294" y="connsiteY2294"/>
                </a:cxn>
                <a:cxn ang="0">
                  <a:pos x="connsiteX2295" y="connsiteY2295"/>
                </a:cxn>
                <a:cxn ang="0">
                  <a:pos x="connsiteX2296" y="connsiteY2296"/>
                </a:cxn>
                <a:cxn ang="0">
                  <a:pos x="connsiteX2297" y="connsiteY2297"/>
                </a:cxn>
                <a:cxn ang="0">
                  <a:pos x="connsiteX2298" y="connsiteY2298"/>
                </a:cxn>
                <a:cxn ang="0">
                  <a:pos x="connsiteX2299" y="connsiteY2299"/>
                </a:cxn>
                <a:cxn ang="0">
                  <a:pos x="connsiteX2300" y="connsiteY2300"/>
                </a:cxn>
                <a:cxn ang="0">
                  <a:pos x="connsiteX2301" y="connsiteY2301"/>
                </a:cxn>
                <a:cxn ang="0">
                  <a:pos x="connsiteX2302" y="connsiteY2302"/>
                </a:cxn>
                <a:cxn ang="0">
                  <a:pos x="connsiteX2303" y="connsiteY2303"/>
                </a:cxn>
                <a:cxn ang="0">
                  <a:pos x="connsiteX2304" y="connsiteY2304"/>
                </a:cxn>
                <a:cxn ang="0">
                  <a:pos x="connsiteX2305" y="connsiteY2305"/>
                </a:cxn>
                <a:cxn ang="0">
                  <a:pos x="connsiteX2306" y="connsiteY2306"/>
                </a:cxn>
                <a:cxn ang="0">
                  <a:pos x="connsiteX2307" y="connsiteY2307"/>
                </a:cxn>
                <a:cxn ang="0">
                  <a:pos x="connsiteX2308" y="connsiteY2308"/>
                </a:cxn>
                <a:cxn ang="0">
                  <a:pos x="connsiteX2309" y="connsiteY2309"/>
                </a:cxn>
                <a:cxn ang="0">
                  <a:pos x="connsiteX2310" y="connsiteY2310"/>
                </a:cxn>
                <a:cxn ang="0">
                  <a:pos x="connsiteX2311" y="connsiteY2311"/>
                </a:cxn>
                <a:cxn ang="0">
                  <a:pos x="connsiteX2312" y="connsiteY2312"/>
                </a:cxn>
                <a:cxn ang="0">
                  <a:pos x="connsiteX2313" y="connsiteY2313"/>
                </a:cxn>
                <a:cxn ang="0">
                  <a:pos x="connsiteX2314" y="connsiteY2314"/>
                </a:cxn>
                <a:cxn ang="0">
                  <a:pos x="connsiteX2315" y="connsiteY2315"/>
                </a:cxn>
                <a:cxn ang="0">
                  <a:pos x="connsiteX2316" y="connsiteY2316"/>
                </a:cxn>
                <a:cxn ang="0">
                  <a:pos x="connsiteX2317" y="connsiteY2317"/>
                </a:cxn>
                <a:cxn ang="0">
                  <a:pos x="connsiteX2318" y="connsiteY2318"/>
                </a:cxn>
                <a:cxn ang="0">
                  <a:pos x="connsiteX2319" y="connsiteY2319"/>
                </a:cxn>
                <a:cxn ang="0">
                  <a:pos x="connsiteX2320" y="connsiteY2320"/>
                </a:cxn>
                <a:cxn ang="0">
                  <a:pos x="connsiteX2321" y="connsiteY2321"/>
                </a:cxn>
                <a:cxn ang="0">
                  <a:pos x="connsiteX2322" y="connsiteY2322"/>
                </a:cxn>
                <a:cxn ang="0">
                  <a:pos x="connsiteX2323" y="connsiteY2323"/>
                </a:cxn>
                <a:cxn ang="0">
                  <a:pos x="connsiteX2324" y="connsiteY2324"/>
                </a:cxn>
                <a:cxn ang="0">
                  <a:pos x="connsiteX2325" y="connsiteY2325"/>
                </a:cxn>
                <a:cxn ang="0">
                  <a:pos x="connsiteX2326" y="connsiteY2326"/>
                </a:cxn>
                <a:cxn ang="0">
                  <a:pos x="connsiteX2327" y="connsiteY2327"/>
                </a:cxn>
                <a:cxn ang="0">
                  <a:pos x="connsiteX2328" y="connsiteY2328"/>
                </a:cxn>
                <a:cxn ang="0">
                  <a:pos x="connsiteX2329" y="connsiteY2329"/>
                </a:cxn>
                <a:cxn ang="0">
                  <a:pos x="connsiteX2330" y="connsiteY2330"/>
                </a:cxn>
                <a:cxn ang="0">
                  <a:pos x="connsiteX2331" y="connsiteY2331"/>
                </a:cxn>
                <a:cxn ang="0">
                  <a:pos x="connsiteX2332" y="connsiteY2332"/>
                </a:cxn>
                <a:cxn ang="0">
                  <a:pos x="connsiteX2333" y="connsiteY2333"/>
                </a:cxn>
                <a:cxn ang="0">
                  <a:pos x="connsiteX2334" y="connsiteY2334"/>
                </a:cxn>
                <a:cxn ang="0">
                  <a:pos x="connsiteX2335" y="connsiteY2335"/>
                </a:cxn>
                <a:cxn ang="0">
                  <a:pos x="connsiteX2336" y="connsiteY2336"/>
                </a:cxn>
                <a:cxn ang="0">
                  <a:pos x="connsiteX2337" y="connsiteY2337"/>
                </a:cxn>
                <a:cxn ang="0">
                  <a:pos x="connsiteX2338" y="connsiteY2338"/>
                </a:cxn>
                <a:cxn ang="0">
                  <a:pos x="connsiteX2339" y="connsiteY2339"/>
                </a:cxn>
                <a:cxn ang="0">
                  <a:pos x="connsiteX2340" y="connsiteY2340"/>
                </a:cxn>
                <a:cxn ang="0">
                  <a:pos x="connsiteX2341" y="connsiteY2341"/>
                </a:cxn>
                <a:cxn ang="0">
                  <a:pos x="connsiteX2342" y="connsiteY2342"/>
                </a:cxn>
                <a:cxn ang="0">
                  <a:pos x="connsiteX2343" y="connsiteY2343"/>
                </a:cxn>
                <a:cxn ang="0">
                  <a:pos x="connsiteX2344" y="connsiteY2344"/>
                </a:cxn>
                <a:cxn ang="0">
                  <a:pos x="connsiteX2345" y="connsiteY2345"/>
                </a:cxn>
                <a:cxn ang="0">
                  <a:pos x="connsiteX2346" y="connsiteY2346"/>
                </a:cxn>
                <a:cxn ang="0">
                  <a:pos x="connsiteX2347" y="connsiteY2347"/>
                </a:cxn>
                <a:cxn ang="0">
                  <a:pos x="connsiteX2348" y="connsiteY2348"/>
                </a:cxn>
                <a:cxn ang="0">
                  <a:pos x="connsiteX2349" y="connsiteY2349"/>
                </a:cxn>
                <a:cxn ang="0">
                  <a:pos x="connsiteX2350" y="connsiteY2350"/>
                </a:cxn>
                <a:cxn ang="0">
                  <a:pos x="connsiteX2351" y="connsiteY2351"/>
                </a:cxn>
                <a:cxn ang="0">
                  <a:pos x="connsiteX2352" y="connsiteY2352"/>
                </a:cxn>
                <a:cxn ang="0">
                  <a:pos x="connsiteX2353" y="connsiteY2353"/>
                </a:cxn>
                <a:cxn ang="0">
                  <a:pos x="connsiteX2354" y="connsiteY2354"/>
                </a:cxn>
                <a:cxn ang="0">
                  <a:pos x="connsiteX2355" y="connsiteY2355"/>
                </a:cxn>
                <a:cxn ang="0">
                  <a:pos x="connsiteX2356" y="connsiteY2356"/>
                </a:cxn>
                <a:cxn ang="0">
                  <a:pos x="connsiteX2357" y="connsiteY2357"/>
                </a:cxn>
                <a:cxn ang="0">
                  <a:pos x="connsiteX2358" y="connsiteY2358"/>
                </a:cxn>
                <a:cxn ang="0">
                  <a:pos x="connsiteX2359" y="connsiteY2359"/>
                </a:cxn>
                <a:cxn ang="0">
                  <a:pos x="connsiteX2360" y="connsiteY2360"/>
                </a:cxn>
                <a:cxn ang="0">
                  <a:pos x="connsiteX2361" y="connsiteY2361"/>
                </a:cxn>
                <a:cxn ang="0">
                  <a:pos x="connsiteX2362" y="connsiteY2362"/>
                </a:cxn>
                <a:cxn ang="0">
                  <a:pos x="connsiteX2363" y="connsiteY2363"/>
                </a:cxn>
                <a:cxn ang="0">
                  <a:pos x="connsiteX2364" y="connsiteY2364"/>
                </a:cxn>
                <a:cxn ang="0">
                  <a:pos x="connsiteX2365" y="connsiteY2365"/>
                </a:cxn>
                <a:cxn ang="0">
                  <a:pos x="connsiteX2366" y="connsiteY2366"/>
                </a:cxn>
                <a:cxn ang="0">
                  <a:pos x="connsiteX2367" y="connsiteY2367"/>
                </a:cxn>
                <a:cxn ang="0">
                  <a:pos x="connsiteX2368" y="connsiteY2368"/>
                </a:cxn>
                <a:cxn ang="0">
                  <a:pos x="connsiteX2369" y="connsiteY2369"/>
                </a:cxn>
                <a:cxn ang="0">
                  <a:pos x="connsiteX2370" y="connsiteY2370"/>
                </a:cxn>
                <a:cxn ang="0">
                  <a:pos x="connsiteX2371" y="connsiteY2371"/>
                </a:cxn>
                <a:cxn ang="0">
                  <a:pos x="connsiteX2372" y="connsiteY2372"/>
                </a:cxn>
                <a:cxn ang="0">
                  <a:pos x="connsiteX2373" y="connsiteY2373"/>
                </a:cxn>
                <a:cxn ang="0">
                  <a:pos x="connsiteX2374" y="connsiteY2374"/>
                </a:cxn>
                <a:cxn ang="0">
                  <a:pos x="connsiteX2375" y="connsiteY2375"/>
                </a:cxn>
                <a:cxn ang="0">
                  <a:pos x="connsiteX2376" y="connsiteY2376"/>
                </a:cxn>
                <a:cxn ang="0">
                  <a:pos x="connsiteX2377" y="connsiteY2377"/>
                </a:cxn>
                <a:cxn ang="0">
                  <a:pos x="connsiteX2378" y="connsiteY2378"/>
                </a:cxn>
                <a:cxn ang="0">
                  <a:pos x="connsiteX2379" y="connsiteY2379"/>
                </a:cxn>
                <a:cxn ang="0">
                  <a:pos x="connsiteX2380" y="connsiteY2380"/>
                </a:cxn>
                <a:cxn ang="0">
                  <a:pos x="connsiteX2381" y="connsiteY2381"/>
                </a:cxn>
                <a:cxn ang="0">
                  <a:pos x="connsiteX2382" y="connsiteY2382"/>
                </a:cxn>
                <a:cxn ang="0">
                  <a:pos x="connsiteX2383" y="connsiteY2383"/>
                </a:cxn>
                <a:cxn ang="0">
                  <a:pos x="connsiteX2384" y="connsiteY2384"/>
                </a:cxn>
                <a:cxn ang="0">
                  <a:pos x="connsiteX2385" y="connsiteY2385"/>
                </a:cxn>
                <a:cxn ang="0">
                  <a:pos x="connsiteX2386" y="connsiteY2386"/>
                </a:cxn>
                <a:cxn ang="0">
                  <a:pos x="connsiteX2387" y="connsiteY2387"/>
                </a:cxn>
                <a:cxn ang="0">
                  <a:pos x="connsiteX2388" y="connsiteY2388"/>
                </a:cxn>
                <a:cxn ang="0">
                  <a:pos x="connsiteX2389" y="connsiteY2389"/>
                </a:cxn>
                <a:cxn ang="0">
                  <a:pos x="connsiteX2390" y="connsiteY2390"/>
                </a:cxn>
                <a:cxn ang="0">
                  <a:pos x="connsiteX2391" y="connsiteY2391"/>
                </a:cxn>
                <a:cxn ang="0">
                  <a:pos x="connsiteX2392" y="connsiteY2392"/>
                </a:cxn>
                <a:cxn ang="0">
                  <a:pos x="connsiteX2393" y="connsiteY2393"/>
                </a:cxn>
                <a:cxn ang="0">
                  <a:pos x="connsiteX2394" y="connsiteY2394"/>
                </a:cxn>
                <a:cxn ang="0">
                  <a:pos x="connsiteX2395" y="connsiteY2395"/>
                </a:cxn>
                <a:cxn ang="0">
                  <a:pos x="connsiteX2396" y="connsiteY2396"/>
                </a:cxn>
                <a:cxn ang="0">
                  <a:pos x="connsiteX2397" y="connsiteY2397"/>
                </a:cxn>
                <a:cxn ang="0">
                  <a:pos x="connsiteX2398" y="connsiteY2398"/>
                </a:cxn>
                <a:cxn ang="0">
                  <a:pos x="connsiteX2399" y="connsiteY2399"/>
                </a:cxn>
                <a:cxn ang="0">
                  <a:pos x="connsiteX2400" y="connsiteY2400"/>
                </a:cxn>
                <a:cxn ang="0">
                  <a:pos x="connsiteX2401" y="connsiteY2401"/>
                </a:cxn>
                <a:cxn ang="0">
                  <a:pos x="connsiteX2402" y="connsiteY2402"/>
                </a:cxn>
                <a:cxn ang="0">
                  <a:pos x="connsiteX2403" y="connsiteY2403"/>
                </a:cxn>
                <a:cxn ang="0">
                  <a:pos x="connsiteX2404" y="connsiteY2404"/>
                </a:cxn>
                <a:cxn ang="0">
                  <a:pos x="connsiteX2405" y="connsiteY2405"/>
                </a:cxn>
                <a:cxn ang="0">
                  <a:pos x="connsiteX2406" y="connsiteY2406"/>
                </a:cxn>
                <a:cxn ang="0">
                  <a:pos x="connsiteX2407" y="connsiteY2407"/>
                </a:cxn>
                <a:cxn ang="0">
                  <a:pos x="connsiteX2408" y="connsiteY2408"/>
                </a:cxn>
                <a:cxn ang="0">
                  <a:pos x="connsiteX2409" y="connsiteY2409"/>
                </a:cxn>
                <a:cxn ang="0">
                  <a:pos x="connsiteX2410" y="connsiteY2410"/>
                </a:cxn>
                <a:cxn ang="0">
                  <a:pos x="connsiteX2411" y="connsiteY2411"/>
                </a:cxn>
                <a:cxn ang="0">
                  <a:pos x="connsiteX2412" y="connsiteY2412"/>
                </a:cxn>
                <a:cxn ang="0">
                  <a:pos x="connsiteX2413" y="connsiteY2413"/>
                </a:cxn>
                <a:cxn ang="0">
                  <a:pos x="connsiteX2414" y="connsiteY2414"/>
                </a:cxn>
                <a:cxn ang="0">
                  <a:pos x="connsiteX2415" y="connsiteY2415"/>
                </a:cxn>
                <a:cxn ang="0">
                  <a:pos x="connsiteX2416" y="connsiteY2416"/>
                </a:cxn>
                <a:cxn ang="0">
                  <a:pos x="connsiteX2417" y="connsiteY2417"/>
                </a:cxn>
                <a:cxn ang="0">
                  <a:pos x="connsiteX2418" y="connsiteY2418"/>
                </a:cxn>
                <a:cxn ang="0">
                  <a:pos x="connsiteX2419" y="connsiteY2419"/>
                </a:cxn>
                <a:cxn ang="0">
                  <a:pos x="connsiteX2420" y="connsiteY2420"/>
                </a:cxn>
                <a:cxn ang="0">
                  <a:pos x="connsiteX2421" y="connsiteY2421"/>
                </a:cxn>
                <a:cxn ang="0">
                  <a:pos x="connsiteX2422" y="connsiteY2422"/>
                </a:cxn>
                <a:cxn ang="0">
                  <a:pos x="connsiteX2423" y="connsiteY2423"/>
                </a:cxn>
                <a:cxn ang="0">
                  <a:pos x="connsiteX2424" y="connsiteY2424"/>
                </a:cxn>
                <a:cxn ang="0">
                  <a:pos x="connsiteX2425" y="connsiteY2425"/>
                </a:cxn>
                <a:cxn ang="0">
                  <a:pos x="connsiteX2426" y="connsiteY2426"/>
                </a:cxn>
                <a:cxn ang="0">
                  <a:pos x="connsiteX2427" y="connsiteY2427"/>
                </a:cxn>
                <a:cxn ang="0">
                  <a:pos x="connsiteX2428" y="connsiteY2428"/>
                </a:cxn>
                <a:cxn ang="0">
                  <a:pos x="connsiteX2429" y="connsiteY2429"/>
                </a:cxn>
                <a:cxn ang="0">
                  <a:pos x="connsiteX2430" y="connsiteY2430"/>
                </a:cxn>
                <a:cxn ang="0">
                  <a:pos x="connsiteX2431" y="connsiteY2431"/>
                </a:cxn>
                <a:cxn ang="0">
                  <a:pos x="connsiteX2432" y="connsiteY2432"/>
                </a:cxn>
                <a:cxn ang="0">
                  <a:pos x="connsiteX2433" y="connsiteY2433"/>
                </a:cxn>
                <a:cxn ang="0">
                  <a:pos x="connsiteX2434" y="connsiteY2434"/>
                </a:cxn>
                <a:cxn ang="0">
                  <a:pos x="connsiteX2435" y="connsiteY2435"/>
                </a:cxn>
                <a:cxn ang="0">
                  <a:pos x="connsiteX2436" y="connsiteY2436"/>
                </a:cxn>
                <a:cxn ang="0">
                  <a:pos x="connsiteX2437" y="connsiteY2437"/>
                </a:cxn>
                <a:cxn ang="0">
                  <a:pos x="connsiteX2438" y="connsiteY2438"/>
                </a:cxn>
                <a:cxn ang="0">
                  <a:pos x="connsiteX2439" y="connsiteY2439"/>
                </a:cxn>
                <a:cxn ang="0">
                  <a:pos x="connsiteX2440" y="connsiteY2440"/>
                </a:cxn>
                <a:cxn ang="0">
                  <a:pos x="connsiteX2441" y="connsiteY2441"/>
                </a:cxn>
                <a:cxn ang="0">
                  <a:pos x="connsiteX2442" y="connsiteY2442"/>
                </a:cxn>
                <a:cxn ang="0">
                  <a:pos x="connsiteX2443" y="connsiteY2443"/>
                </a:cxn>
                <a:cxn ang="0">
                  <a:pos x="connsiteX2444" y="connsiteY2444"/>
                </a:cxn>
                <a:cxn ang="0">
                  <a:pos x="connsiteX2445" y="connsiteY2445"/>
                </a:cxn>
                <a:cxn ang="0">
                  <a:pos x="connsiteX2446" y="connsiteY2446"/>
                </a:cxn>
                <a:cxn ang="0">
                  <a:pos x="connsiteX2447" y="connsiteY2447"/>
                </a:cxn>
                <a:cxn ang="0">
                  <a:pos x="connsiteX2448" y="connsiteY2448"/>
                </a:cxn>
                <a:cxn ang="0">
                  <a:pos x="connsiteX2449" y="connsiteY2449"/>
                </a:cxn>
                <a:cxn ang="0">
                  <a:pos x="connsiteX2450" y="connsiteY2450"/>
                </a:cxn>
                <a:cxn ang="0">
                  <a:pos x="connsiteX2451" y="connsiteY2451"/>
                </a:cxn>
                <a:cxn ang="0">
                  <a:pos x="connsiteX2452" y="connsiteY2452"/>
                </a:cxn>
                <a:cxn ang="0">
                  <a:pos x="connsiteX2453" y="connsiteY2453"/>
                </a:cxn>
                <a:cxn ang="0">
                  <a:pos x="connsiteX2454" y="connsiteY2454"/>
                </a:cxn>
                <a:cxn ang="0">
                  <a:pos x="connsiteX2455" y="connsiteY2455"/>
                </a:cxn>
                <a:cxn ang="0">
                  <a:pos x="connsiteX2456" y="connsiteY2456"/>
                </a:cxn>
                <a:cxn ang="0">
                  <a:pos x="connsiteX2457" y="connsiteY2457"/>
                </a:cxn>
                <a:cxn ang="0">
                  <a:pos x="connsiteX2458" y="connsiteY2458"/>
                </a:cxn>
                <a:cxn ang="0">
                  <a:pos x="connsiteX2459" y="connsiteY2459"/>
                </a:cxn>
                <a:cxn ang="0">
                  <a:pos x="connsiteX2460" y="connsiteY2460"/>
                </a:cxn>
                <a:cxn ang="0">
                  <a:pos x="connsiteX2461" y="connsiteY2461"/>
                </a:cxn>
                <a:cxn ang="0">
                  <a:pos x="connsiteX2462" y="connsiteY2462"/>
                </a:cxn>
                <a:cxn ang="0">
                  <a:pos x="connsiteX2463" y="connsiteY2463"/>
                </a:cxn>
                <a:cxn ang="0">
                  <a:pos x="connsiteX2464" y="connsiteY2464"/>
                </a:cxn>
                <a:cxn ang="0">
                  <a:pos x="connsiteX2465" y="connsiteY2465"/>
                </a:cxn>
                <a:cxn ang="0">
                  <a:pos x="connsiteX2466" y="connsiteY2466"/>
                </a:cxn>
                <a:cxn ang="0">
                  <a:pos x="connsiteX2467" y="connsiteY2467"/>
                </a:cxn>
                <a:cxn ang="0">
                  <a:pos x="connsiteX2468" y="connsiteY2468"/>
                </a:cxn>
                <a:cxn ang="0">
                  <a:pos x="connsiteX2469" y="connsiteY2469"/>
                </a:cxn>
                <a:cxn ang="0">
                  <a:pos x="connsiteX2470" y="connsiteY2470"/>
                </a:cxn>
                <a:cxn ang="0">
                  <a:pos x="connsiteX2471" y="connsiteY2471"/>
                </a:cxn>
                <a:cxn ang="0">
                  <a:pos x="connsiteX2472" y="connsiteY2472"/>
                </a:cxn>
                <a:cxn ang="0">
                  <a:pos x="connsiteX2473" y="connsiteY2473"/>
                </a:cxn>
                <a:cxn ang="0">
                  <a:pos x="connsiteX2474" y="connsiteY2474"/>
                </a:cxn>
                <a:cxn ang="0">
                  <a:pos x="connsiteX2475" y="connsiteY2475"/>
                </a:cxn>
                <a:cxn ang="0">
                  <a:pos x="connsiteX2476" y="connsiteY2476"/>
                </a:cxn>
                <a:cxn ang="0">
                  <a:pos x="connsiteX2477" y="connsiteY2477"/>
                </a:cxn>
                <a:cxn ang="0">
                  <a:pos x="connsiteX2478" y="connsiteY2478"/>
                </a:cxn>
                <a:cxn ang="0">
                  <a:pos x="connsiteX2479" y="connsiteY2479"/>
                </a:cxn>
                <a:cxn ang="0">
                  <a:pos x="connsiteX2480" y="connsiteY2480"/>
                </a:cxn>
                <a:cxn ang="0">
                  <a:pos x="connsiteX2481" y="connsiteY2481"/>
                </a:cxn>
                <a:cxn ang="0">
                  <a:pos x="connsiteX2482" y="connsiteY2482"/>
                </a:cxn>
                <a:cxn ang="0">
                  <a:pos x="connsiteX2483" y="connsiteY2483"/>
                </a:cxn>
                <a:cxn ang="0">
                  <a:pos x="connsiteX2484" y="connsiteY2484"/>
                </a:cxn>
                <a:cxn ang="0">
                  <a:pos x="connsiteX2485" y="connsiteY2485"/>
                </a:cxn>
                <a:cxn ang="0">
                  <a:pos x="connsiteX2486" y="connsiteY2486"/>
                </a:cxn>
                <a:cxn ang="0">
                  <a:pos x="connsiteX2487" y="connsiteY2487"/>
                </a:cxn>
                <a:cxn ang="0">
                  <a:pos x="connsiteX2488" y="connsiteY2488"/>
                </a:cxn>
                <a:cxn ang="0">
                  <a:pos x="connsiteX2489" y="connsiteY2489"/>
                </a:cxn>
                <a:cxn ang="0">
                  <a:pos x="connsiteX2490" y="connsiteY2490"/>
                </a:cxn>
                <a:cxn ang="0">
                  <a:pos x="connsiteX2491" y="connsiteY2491"/>
                </a:cxn>
                <a:cxn ang="0">
                  <a:pos x="connsiteX2492" y="connsiteY2492"/>
                </a:cxn>
                <a:cxn ang="0">
                  <a:pos x="connsiteX2493" y="connsiteY2493"/>
                </a:cxn>
                <a:cxn ang="0">
                  <a:pos x="connsiteX2494" y="connsiteY2494"/>
                </a:cxn>
                <a:cxn ang="0">
                  <a:pos x="connsiteX2495" y="connsiteY2495"/>
                </a:cxn>
                <a:cxn ang="0">
                  <a:pos x="connsiteX2496" y="connsiteY2496"/>
                </a:cxn>
                <a:cxn ang="0">
                  <a:pos x="connsiteX2497" y="connsiteY2497"/>
                </a:cxn>
                <a:cxn ang="0">
                  <a:pos x="connsiteX2498" y="connsiteY2498"/>
                </a:cxn>
                <a:cxn ang="0">
                  <a:pos x="connsiteX2499" y="connsiteY2499"/>
                </a:cxn>
                <a:cxn ang="0">
                  <a:pos x="connsiteX2500" y="connsiteY2500"/>
                </a:cxn>
                <a:cxn ang="0">
                  <a:pos x="connsiteX2501" y="connsiteY2501"/>
                </a:cxn>
                <a:cxn ang="0">
                  <a:pos x="connsiteX2502" y="connsiteY2502"/>
                </a:cxn>
                <a:cxn ang="0">
                  <a:pos x="connsiteX2503" y="connsiteY2503"/>
                </a:cxn>
                <a:cxn ang="0">
                  <a:pos x="connsiteX2504" y="connsiteY2504"/>
                </a:cxn>
                <a:cxn ang="0">
                  <a:pos x="connsiteX2505" y="connsiteY2505"/>
                </a:cxn>
                <a:cxn ang="0">
                  <a:pos x="connsiteX2506" y="connsiteY2506"/>
                </a:cxn>
                <a:cxn ang="0">
                  <a:pos x="connsiteX2507" y="connsiteY2507"/>
                </a:cxn>
                <a:cxn ang="0">
                  <a:pos x="connsiteX2508" y="connsiteY2508"/>
                </a:cxn>
                <a:cxn ang="0">
                  <a:pos x="connsiteX2509" y="connsiteY2509"/>
                </a:cxn>
                <a:cxn ang="0">
                  <a:pos x="connsiteX2510" y="connsiteY2510"/>
                </a:cxn>
                <a:cxn ang="0">
                  <a:pos x="connsiteX2511" y="connsiteY2511"/>
                </a:cxn>
                <a:cxn ang="0">
                  <a:pos x="connsiteX2512" y="connsiteY2512"/>
                </a:cxn>
                <a:cxn ang="0">
                  <a:pos x="connsiteX2513" y="connsiteY2513"/>
                </a:cxn>
                <a:cxn ang="0">
                  <a:pos x="connsiteX2514" y="connsiteY2514"/>
                </a:cxn>
                <a:cxn ang="0">
                  <a:pos x="connsiteX2515" y="connsiteY2515"/>
                </a:cxn>
                <a:cxn ang="0">
                  <a:pos x="connsiteX2516" y="connsiteY2516"/>
                </a:cxn>
                <a:cxn ang="0">
                  <a:pos x="connsiteX2517" y="connsiteY2517"/>
                </a:cxn>
                <a:cxn ang="0">
                  <a:pos x="connsiteX2518" y="connsiteY2518"/>
                </a:cxn>
                <a:cxn ang="0">
                  <a:pos x="connsiteX2519" y="connsiteY2519"/>
                </a:cxn>
                <a:cxn ang="0">
                  <a:pos x="connsiteX2520" y="connsiteY2520"/>
                </a:cxn>
                <a:cxn ang="0">
                  <a:pos x="connsiteX2521" y="connsiteY2521"/>
                </a:cxn>
                <a:cxn ang="0">
                  <a:pos x="connsiteX2522" y="connsiteY2522"/>
                </a:cxn>
                <a:cxn ang="0">
                  <a:pos x="connsiteX2523" y="connsiteY2523"/>
                </a:cxn>
                <a:cxn ang="0">
                  <a:pos x="connsiteX2524" y="connsiteY2524"/>
                </a:cxn>
                <a:cxn ang="0">
                  <a:pos x="connsiteX2525" y="connsiteY2525"/>
                </a:cxn>
                <a:cxn ang="0">
                  <a:pos x="connsiteX2526" y="connsiteY2526"/>
                </a:cxn>
                <a:cxn ang="0">
                  <a:pos x="connsiteX2527" y="connsiteY2527"/>
                </a:cxn>
                <a:cxn ang="0">
                  <a:pos x="connsiteX2528" y="connsiteY2528"/>
                </a:cxn>
                <a:cxn ang="0">
                  <a:pos x="connsiteX2529" y="connsiteY2529"/>
                </a:cxn>
                <a:cxn ang="0">
                  <a:pos x="connsiteX2530" y="connsiteY2530"/>
                </a:cxn>
                <a:cxn ang="0">
                  <a:pos x="connsiteX2531" y="connsiteY2531"/>
                </a:cxn>
                <a:cxn ang="0">
                  <a:pos x="connsiteX2532" y="connsiteY2532"/>
                </a:cxn>
                <a:cxn ang="0">
                  <a:pos x="connsiteX2533" y="connsiteY2533"/>
                </a:cxn>
                <a:cxn ang="0">
                  <a:pos x="connsiteX2534" y="connsiteY2534"/>
                </a:cxn>
                <a:cxn ang="0">
                  <a:pos x="connsiteX2535" y="connsiteY2535"/>
                </a:cxn>
                <a:cxn ang="0">
                  <a:pos x="connsiteX2536" y="connsiteY2536"/>
                </a:cxn>
                <a:cxn ang="0">
                  <a:pos x="connsiteX2537" y="connsiteY2537"/>
                </a:cxn>
                <a:cxn ang="0">
                  <a:pos x="connsiteX2538" y="connsiteY2538"/>
                </a:cxn>
                <a:cxn ang="0">
                  <a:pos x="connsiteX2539" y="connsiteY2539"/>
                </a:cxn>
                <a:cxn ang="0">
                  <a:pos x="connsiteX2540" y="connsiteY2540"/>
                </a:cxn>
                <a:cxn ang="0">
                  <a:pos x="connsiteX2541" y="connsiteY2541"/>
                </a:cxn>
                <a:cxn ang="0">
                  <a:pos x="connsiteX2542" y="connsiteY2542"/>
                </a:cxn>
                <a:cxn ang="0">
                  <a:pos x="connsiteX2543" y="connsiteY2543"/>
                </a:cxn>
                <a:cxn ang="0">
                  <a:pos x="connsiteX2544" y="connsiteY2544"/>
                </a:cxn>
                <a:cxn ang="0">
                  <a:pos x="connsiteX2545" y="connsiteY2545"/>
                </a:cxn>
                <a:cxn ang="0">
                  <a:pos x="connsiteX2546" y="connsiteY2546"/>
                </a:cxn>
                <a:cxn ang="0">
                  <a:pos x="connsiteX2547" y="connsiteY2547"/>
                </a:cxn>
                <a:cxn ang="0">
                  <a:pos x="connsiteX2548" y="connsiteY2548"/>
                </a:cxn>
                <a:cxn ang="0">
                  <a:pos x="connsiteX2549" y="connsiteY2549"/>
                </a:cxn>
                <a:cxn ang="0">
                  <a:pos x="connsiteX2550" y="connsiteY2550"/>
                </a:cxn>
                <a:cxn ang="0">
                  <a:pos x="connsiteX2551" y="connsiteY2551"/>
                </a:cxn>
                <a:cxn ang="0">
                  <a:pos x="connsiteX2552" y="connsiteY2552"/>
                </a:cxn>
                <a:cxn ang="0">
                  <a:pos x="connsiteX2553" y="connsiteY2553"/>
                </a:cxn>
                <a:cxn ang="0">
                  <a:pos x="connsiteX2554" y="connsiteY2554"/>
                </a:cxn>
                <a:cxn ang="0">
                  <a:pos x="connsiteX2555" y="connsiteY2555"/>
                </a:cxn>
                <a:cxn ang="0">
                  <a:pos x="connsiteX2556" y="connsiteY2556"/>
                </a:cxn>
                <a:cxn ang="0">
                  <a:pos x="connsiteX2557" y="connsiteY2557"/>
                </a:cxn>
                <a:cxn ang="0">
                  <a:pos x="connsiteX2558" y="connsiteY2558"/>
                </a:cxn>
                <a:cxn ang="0">
                  <a:pos x="connsiteX2559" y="connsiteY2559"/>
                </a:cxn>
                <a:cxn ang="0">
                  <a:pos x="connsiteX2560" y="connsiteY2560"/>
                </a:cxn>
                <a:cxn ang="0">
                  <a:pos x="connsiteX2561" y="connsiteY2561"/>
                </a:cxn>
                <a:cxn ang="0">
                  <a:pos x="connsiteX2562" y="connsiteY2562"/>
                </a:cxn>
                <a:cxn ang="0">
                  <a:pos x="connsiteX2563" y="connsiteY2563"/>
                </a:cxn>
                <a:cxn ang="0">
                  <a:pos x="connsiteX2564" y="connsiteY2564"/>
                </a:cxn>
                <a:cxn ang="0">
                  <a:pos x="connsiteX2565" y="connsiteY2565"/>
                </a:cxn>
                <a:cxn ang="0">
                  <a:pos x="connsiteX2566" y="connsiteY2566"/>
                </a:cxn>
                <a:cxn ang="0">
                  <a:pos x="connsiteX2567" y="connsiteY2567"/>
                </a:cxn>
                <a:cxn ang="0">
                  <a:pos x="connsiteX2568" y="connsiteY2568"/>
                </a:cxn>
                <a:cxn ang="0">
                  <a:pos x="connsiteX2569" y="connsiteY2569"/>
                </a:cxn>
                <a:cxn ang="0">
                  <a:pos x="connsiteX2570" y="connsiteY2570"/>
                </a:cxn>
                <a:cxn ang="0">
                  <a:pos x="connsiteX2571" y="connsiteY2571"/>
                </a:cxn>
                <a:cxn ang="0">
                  <a:pos x="connsiteX2572" y="connsiteY2572"/>
                </a:cxn>
                <a:cxn ang="0">
                  <a:pos x="connsiteX2573" y="connsiteY2573"/>
                </a:cxn>
                <a:cxn ang="0">
                  <a:pos x="connsiteX2574" y="connsiteY2574"/>
                </a:cxn>
                <a:cxn ang="0">
                  <a:pos x="connsiteX2575" y="connsiteY2575"/>
                </a:cxn>
                <a:cxn ang="0">
                  <a:pos x="connsiteX2576" y="connsiteY2576"/>
                </a:cxn>
                <a:cxn ang="0">
                  <a:pos x="connsiteX2577" y="connsiteY2577"/>
                </a:cxn>
                <a:cxn ang="0">
                  <a:pos x="connsiteX2578" y="connsiteY2578"/>
                </a:cxn>
                <a:cxn ang="0">
                  <a:pos x="connsiteX2579" y="connsiteY2579"/>
                </a:cxn>
                <a:cxn ang="0">
                  <a:pos x="connsiteX2580" y="connsiteY2580"/>
                </a:cxn>
                <a:cxn ang="0">
                  <a:pos x="connsiteX2581" y="connsiteY2581"/>
                </a:cxn>
                <a:cxn ang="0">
                  <a:pos x="connsiteX2582" y="connsiteY2582"/>
                </a:cxn>
                <a:cxn ang="0">
                  <a:pos x="connsiteX2583" y="connsiteY2583"/>
                </a:cxn>
                <a:cxn ang="0">
                  <a:pos x="connsiteX2584" y="connsiteY2584"/>
                </a:cxn>
                <a:cxn ang="0">
                  <a:pos x="connsiteX2585" y="connsiteY2585"/>
                </a:cxn>
                <a:cxn ang="0">
                  <a:pos x="connsiteX2586" y="connsiteY2586"/>
                </a:cxn>
                <a:cxn ang="0">
                  <a:pos x="connsiteX2587" y="connsiteY2587"/>
                </a:cxn>
                <a:cxn ang="0">
                  <a:pos x="connsiteX2588" y="connsiteY2588"/>
                </a:cxn>
                <a:cxn ang="0">
                  <a:pos x="connsiteX2589" y="connsiteY2589"/>
                </a:cxn>
                <a:cxn ang="0">
                  <a:pos x="connsiteX2590" y="connsiteY2590"/>
                </a:cxn>
                <a:cxn ang="0">
                  <a:pos x="connsiteX2591" y="connsiteY2591"/>
                </a:cxn>
                <a:cxn ang="0">
                  <a:pos x="connsiteX2592" y="connsiteY2592"/>
                </a:cxn>
                <a:cxn ang="0">
                  <a:pos x="connsiteX2593" y="connsiteY2593"/>
                </a:cxn>
                <a:cxn ang="0">
                  <a:pos x="connsiteX2594" y="connsiteY2594"/>
                </a:cxn>
                <a:cxn ang="0">
                  <a:pos x="connsiteX2595" y="connsiteY2595"/>
                </a:cxn>
                <a:cxn ang="0">
                  <a:pos x="connsiteX2596" y="connsiteY2596"/>
                </a:cxn>
                <a:cxn ang="0">
                  <a:pos x="connsiteX2597" y="connsiteY2597"/>
                </a:cxn>
                <a:cxn ang="0">
                  <a:pos x="connsiteX2598" y="connsiteY2598"/>
                </a:cxn>
                <a:cxn ang="0">
                  <a:pos x="connsiteX2599" y="connsiteY2599"/>
                </a:cxn>
                <a:cxn ang="0">
                  <a:pos x="connsiteX2600" y="connsiteY2600"/>
                </a:cxn>
                <a:cxn ang="0">
                  <a:pos x="connsiteX2601" y="connsiteY2601"/>
                </a:cxn>
                <a:cxn ang="0">
                  <a:pos x="connsiteX2602" y="connsiteY2602"/>
                </a:cxn>
                <a:cxn ang="0">
                  <a:pos x="connsiteX2603" y="connsiteY2603"/>
                </a:cxn>
                <a:cxn ang="0">
                  <a:pos x="connsiteX2604" y="connsiteY2604"/>
                </a:cxn>
                <a:cxn ang="0">
                  <a:pos x="connsiteX2605" y="connsiteY2605"/>
                </a:cxn>
                <a:cxn ang="0">
                  <a:pos x="connsiteX2606" y="connsiteY2606"/>
                </a:cxn>
                <a:cxn ang="0">
                  <a:pos x="connsiteX2607" y="connsiteY2607"/>
                </a:cxn>
                <a:cxn ang="0">
                  <a:pos x="connsiteX2608" y="connsiteY2608"/>
                </a:cxn>
                <a:cxn ang="0">
                  <a:pos x="connsiteX2609" y="connsiteY2609"/>
                </a:cxn>
                <a:cxn ang="0">
                  <a:pos x="connsiteX2610" y="connsiteY2610"/>
                </a:cxn>
                <a:cxn ang="0">
                  <a:pos x="connsiteX2611" y="connsiteY2611"/>
                </a:cxn>
                <a:cxn ang="0">
                  <a:pos x="connsiteX2612" y="connsiteY2612"/>
                </a:cxn>
                <a:cxn ang="0">
                  <a:pos x="connsiteX2613" y="connsiteY2613"/>
                </a:cxn>
                <a:cxn ang="0">
                  <a:pos x="connsiteX2614" y="connsiteY2614"/>
                </a:cxn>
                <a:cxn ang="0">
                  <a:pos x="connsiteX2615" y="connsiteY2615"/>
                </a:cxn>
                <a:cxn ang="0">
                  <a:pos x="connsiteX2616" y="connsiteY2616"/>
                </a:cxn>
                <a:cxn ang="0">
                  <a:pos x="connsiteX2617" y="connsiteY2617"/>
                </a:cxn>
                <a:cxn ang="0">
                  <a:pos x="connsiteX2618" y="connsiteY2618"/>
                </a:cxn>
                <a:cxn ang="0">
                  <a:pos x="connsiteX2619" y="connsiteY2619"/>
                </a:cxn>
                <a:cxn ang="0">
                  <a:pos x="connsiteX2620" y="connsiteY2620"/>
                </a:cxn>
                <a:cxn ang="0">
                  <a:pos x="connsiteX2621" y="connsiteY2621"/>
                </a:cxn>
                <a:cxn ang="0">
                  <a:pos x="connsiteX2622" y="connsiteY2622"/>
                </a:cxn>
                <a:cxn ang="0">
                  <a:pos x="connsiteX2623" y="connsiteY2623"/>
                </a:cxn>
                <a:cxn ang="0">
                  <a:pos x="connsiteX2624" y="connsiteY2624"/>
                </a:cxn>
                <a:cxn ang="0">
                  <a:pos x="connsiteX2625" y="connsiteY2625"/>
                </a:cxn>
                <a:cxn ang="0">
                  <a:pos x="connsiteX2626" y="connsiteY2626"/>
                </a:cxn>
                <a:cxn ang="0">
                  <a:pos x="connsiteX2627" y="connsiteY2627"/>
                </a:cxn>
                <a:cxn ang="0">
                  <a:pos x="connsiteX2628" y="connsiteY2628"/>
                </a:cxn>
                <a:cxn ang="0">
                  <a:pos x="connsiteX2629" y="connsiteY2629"/>
                </a:cxn>
                <a:cxn ang="0">
                  <a:pos x="connsiteX2630" y="connsiteY2630"/>
                </a:cxn>
                <a:cxn ang="0">
                  <a:pos x="connsiteX2631" y="connsiteY2631"/>
                </a:cxn>
                <a:cxn ang="0">
                  <a:pos x="connsiteX2632" y="connsiteY2632"/>
                </a:cxn>
                <a:cxn ang="0">
                  <a:pos x="connsiteX2633" y="connsiteY2633"/>
                </a:cxn>
                <a:cxn ang="0">
                  <a:pos x="connsiteX2634" y="connsiteY2634"/>
                </a:cxn>
                <a:cxn ang="0">
                  <a:pos x="connsiteX2635" y="connsiteY2635"/>
                </a:cxn>
                <a:cxn ang="0">
                  <a:pos x="connsiteX2636" y="connsiteY2636"/>
                </a:cxn>
                <a:cxn ang="0">
                  <a:pos x="connsiteX2637" y="connsiteY2637"/>
                </a:cxn>
                <a:cxn ang="0">
                  <a:pos x="connsiteX2638" y="connsiteY2638"/>
                </a:cxn>
                <a:cxn ang="0">
                  <a:pos x="connsiteX2639" y="connsiteY2639"/>
                </a:cxn>
                <a:cxn ang="0">
                  <a:pos x="connsiteX2640" y="connsiteY2640"/>
                </a:cxn>
                <a:cxn ang="0">
                  <a:pos x="connsiteX2641" y="connsiteY2641"/>
                </a:cxn>
                <a:cxn ang="0">
                  <a:pos x="connsiteX2642" y="connsiteY2642"/>
                </a:cxn>
                <a:cxn ang="0">
                  <a:pos x="connsiteX2643" y="connsiteY2643"/>
                </a:cxn>
                <a:cxn ang="0">
                  <a:pos x="connsiteX2644" y="connsiteY2644"/>
                </a:cxn>
                <a:cxn ang="0">
                  <a:pos x="connsiteX2645" y="connsiteY2645"/>
                </a:cxn>
                <a:cxn ang="0">
                  <a:pos x="connsiteX2646" y="connsiteY2646"/>
                </a:cxn>
                <a:cxn ang="0">
                  <a:pos x="connsiteX2647" y="connsiteY2647"/>
                </a:cxn>
                <a:cxn ang="0">
                  <a:pos x="connsiteX2648" y="connsiteY2648"/>
                </a:cxn>
                <a:cxn ang="0">
                  <a:pos x="connsiteX2649" y="connsiteY2649"/>
                </a:cxn>
                <a:cxn ang="0">
                  <a:pos x="connsiteX2650" y="connsiteY2650"/>
                </a:cxn>
                <a:cxn ang="0">
                  <a:pos x="connsiteX2651" y="connsiteY2651"/>
                </a:cxn>
                <a:cxn ang="0">
                  <a:pos x="connsiteX2652" y="connsiteY2652"/>
                </a:cxn>
                <a:cxn ang="0">
                  <a:pos x="connsiteX2653" y="connsiteY2653"/>
                </a:cxn>
                <a:cxn ang="0">
                  <a:pos x="connsiteX2654" y="connsiteY2654"/>
                </a:cxn>
                <a:cxn ang="0">
                  <a:pos x="connsiteX2655" y="connsiteY2655"/>
                </a:cxn>
                <a:cxn ang="0">
                  <a:pos x="connsiteX2656" y="connsiteY2656"/>
                </a:cxn>
                <a:cxn ang="0">
                  <a:pos x="connsiteX2657" y="connsiteY2657"/>
                </a:cxn>
                <a:cxn ang="0">
                  <a:pos x="connsiteX2658" y="connsiteY2658"/>
                </a:cxn>
                <a:cxn ang="0">
                  <a:pos x="connsiteX2659" y="connsiteY2659"/>
                </a:cxn>
                <a:cxn ang="0">
                  <a:pos x="connsiteX2660" y="connsiteY2660"/>
                </a:cxn>
                <a:cxn ang="0">
                  <a:pos x="connsiteX2661" y="connsiteY2661"/>
                </a:cxn>
                <a:cxn ang="0">
                  <a:pos x="connsiteX2662" y="connsiteY2662"/>
                </a:cxn>
                <a:cxn ang="0">
                  <a:pos x="connsiteX2663" y="connsiteY2663"/>
                </a:cxn>
                <a:cxn ang="0">
                  <a:pos x="connsiteX2664" y="connsiteY2664"/>
                </a:cxn>
                <a:cxn ang="0">
                  <a:pos x="connsiteX2665" y="connsiteY2665"/>
                </a:cxn>
                <a:cxn ang="0">
                  <a:pos x="connsiteX2666" y="connsiteY2666"/>
                </a:cxn>
                <a:cxn ang="0">
                  <a:pos x="connsiteX2667" y="connsiteY2667"/>
                </a:cxn>
                <a:cxn ang="0">
                  <a:pos x="connsiteX2668" y="connsiteY2668"/>
                </a:cxn>
                <a:cxn ang="0">
                  <a:pos x="connsiteX2669" y="connsiteY2669"/>
                </a:cxn>
                <a:cxn ang="0">
                  <a:pos x="connsiteX2670" y="connsiteY2670"/>
                </a:cxn>
                <a:cxn ang="0">
                  <a:pos x="connsiteX2671" y="connsiteY2671"/>
                </a:cxn>
                <a:cxn ang="0">
                  <a:pos x="connsiteX2672" y="connsiteY2672"/>
                </a:cxn>
                <a:cxn ang="0">
                  <a:pos x="connsiteX2673" y="connsiteY2673"/>
                </a:cxn>
                <a:cxn ang="0">
                  <a:pos x="connsiteX2674" y="connsiteY2674"/>
                </a:cxn>
                <a:cxn ang="0">
                  <a:pos x="connsiteX2675" y="connsiteY2675"/>
                </a:cxn>
                <a:cxn ang="0">
                  <a:pos x="connsiteX2676" y="connsiteY2676"/>
                </a:cxn>
                <a:cxn ang="0">
                  <a:pos x="connsiteX2677" y="connsiteY2677"/>
                </a:cxn>
                <a:cxn ang="0">
                  <a:pos x="connsiteX2678" y="connsiteY2678"/>
                </a:cxn>
                <a:cxn ang="0">
                  <a:pos x="connsiteX2679" y="connsiteY2679"/>
                </a:cxn>
                <a:cxn ang="0">
                  <a:pos x="connsiteX2680" y="connsiteY2680"/>
                </a:cxn>
                <a:cxn ang="0">
                  <a:pos x="connsiteX2681" y="connsiteY2681"/>
                </a:cxn>
                <a:cxn ang="0">
                  <a:pos x="connsiteX2682" y="connsiteY2682"/>
                </a:cxn>
                <a:cxn ang="0">
                  <a:pos x="connsiteX2683" y="connsiteY2683"/>
                </a:cxn>
                <a:cxn ang="0">
                  <a:pos x="connsiteX2684" y="connsiteY2684"/>
                </a:cxn>
                <a:cxn ang="0">
                  <a:pos x="connsiteX2685" y="connsiteY2685"/>
                </a:cxn>
                <a:cxn ang="0">
                  <a:pos x="connsiteX2686" y="connsiteY2686"/>
                </a:cxn>
                <a:cxn ang="0">
                  <a:pos x="connsiteX2687" y="connsiteY2687"/>
                </a:cxn>
                <a:cxn ang="0">
                  <a:pos x="connsiteX2688" y="connsiteY2688"/>
                </a:cxn>
                <a:cxn ang="0">
                  <a:pos x="connsiteX2689" y="connsiteY2689"/>
                </a:cxn>
                <a:cxn ang="0">
                  <a:pos x="connsiteX2690" y="connsiteY2690"/>
                </a:cxn>
                <a:cxn ang="0">
                  <a:pos x="connsiteX2691" y="connsiteY2691"/>
                </a:cxn>
                <a:cxn ang="0">
                  <a:pos x="connsiteX2692" y="connsiteY2692"/>
                </a:cxn>
                <a:cxn ang="0">
                  <a:pos x="connsiteX2693" y="connsiteY2693"/>
                </a:cxn>
                <a:cxn ang="0">
                  <a:pos x="connsiteX2694" y="connsiteY2694"/>
                </a:cxn>
                <a:cxn ang="0">
                  <a:pos x="connsiteX2695" y="connsiteY2695"/>
                </a:cxn>
                <a:cxn ang="0">
                  <a:pos x="connsiteX2696" y="connsiteY2696"/>
                </a:cxn>
                <a:cxn ang="0">
                  <a:pos x="connsiteX2697" y="connsiteY2697"/>
                </a:cxn>
                <a:cxn ang="0">
                  <a:pos x="connsiteX2698" y="connsiteY2698"/>
                </a:cxn>
                <a:cxn ang="0">
                  <a:pos x="connsiteX2699" y="connsiteY2699"/>
                </a:cxn>
                <a:cxn ang="0">
                  <a:pos x="connsiteX2700" y="connsiteY2700"/>
                </a:cxn>
                <a:cxn ang="0">
                  <a:pos x="connsiteX2701" y="connsiteY2701"/>
                </a:cxn>
                <a:cxn ang="0">
                  <a:pos x="connsiteX2702" y="connsiteY2702"/>
                </a:cxn>
                <a:cxn ang="0">
                  <a:pos x="connsiteX2703" y="connsiteY2703"/>
                </a:cxn>
                <a:cxn ang="0">
                  <a:pos x="connsiteX2704" y="connsiteY2704"/>
                </a:cxn>
                <a:cxn ang="0">
                  <a:pos x="connsiteX2705" y="connsiteY2705"/>
                </a:cxn>
                <a:cxn ang="0">
                  <a:pos x="connsiteX2706" y="connsiteY2706"/>
                </a:cxn>
                <a:cxn ang="0">
                  <a:pos x="connsiteX2707" y="connsiteY2707"/>
                </a:cxn>
                <a:cxn ang="0">
                  <a:pos x="connsiteX2708" y="connsiteY2708"/>
                </a:cxn>
                <a:cxn ang="0">
                  <a:pos x="connsiteX2709" y="connsiteY2709"/>
                </a:cxn>
                <a:cxn ang="0">
                  <a:pos x="connsiteX2710" y="connsiteY2710"/>
                </a:cxn>
                <a:cxn ang="0">
                  <a:pos x="connsiteX2711" y="connsiteY2711"/>
                </a:cxn>
                <a:cxn ang="0">
                  <a:pos x="connsiteX2712" y="connsiteY2712"/>
                </a:cxn>
                <a:cxn ang="0">
                  <a:pos x="connsiteX2713" y="connsiteY2713"/>
                </a:cxn>
                <a:cxn ang="0">
                  <a:pos x="connsiteX2714" y="connsiteY2714"/>
                </a:cxn>
                <a:cxn ang="0">
                  <a:pos x="connsiteX2715" y="connsiteY2715"/>
                </a:cxn>
                <a:cxn ang="0">
                  <a:pos x="connsiteX2716" y="connsiteY2716"/>
                </a:cxn>
                <a:cxn ang="0">
                  <a:pos x="connsiteX2717" y="connsiteY2717"/>
                </a:cxn>
                <a:cxn ang="0">
                  <a:pos x="connsiteX2718" y="connsiteY2718"/>
                </a:cxn>
                <a:cxn ang="0">
                  <a:pos x="connsiteX2719" y="connsiteY2719"/>
                </a:cxn>
                <a:cxn ang="0">
                  <a:pos x="connsiteX2720" y="connsiteY2720"/>
                </a:cxn>
                <a:cxn ang="0">
                  <a:pos x="connsiteX2721" y="connsiteY2721"/>
                </a:cxn>
                <a:cxn ang="0">
                  <a:pos x="connsiteX2722" y="connsiteY2722"/>
                </a:cxn>
                <a:cxn ang="0">
                  <a:pos x="connsiteX2723" y="connsiteY2723"/>
                </a:cxn>
                <a:cxn ang="0">
                  <a:pos x="connsiteX2724" y="connsiteY2724"/>
                </a:cxn>
                <a:cxn ang="0">
                  <a:pos x="connsiteX2725" y="connsiteY2725"/>
                </a:cxn>
                <a:cxn ang="0">
                  <a:pos x="connsiteX2726" y="connsiteY2726"/>
                </a:cxn>
                <a:cxn ang="0">
                  <a:pos x="connsiteX2727" y="connsiteY2727"/>
                </a:cxn>
                <a:cxn ang="0">
                  <a:pos x="connsiteX2728" y="connsiteY2728"/>
                </a:cxn>
                <a:cxn ang="0">
                  <a:pos x="connsiteX2729" y="connsiteY2729"/>
                </a:cxn>
                <a:cxn ang="0">
                  <a:pos x="connsiteX2730" y="connsiteY2730"/>
                </a:cxn>
                <a:cxn ang="0">
                  <a:pos x="connsiteX2731" y="connsiteY2731"/>
                </a:cxn>
                <a:cxn ang="0">
                  <a:pos x="connsiteX2732" y="connsiteY2732"/>
                </a:cxn>
                <a:cxn ang="0">
                  <a:pos x="connsiteX2733" y="connsiteY2733"/>
                </a:cxn>
                <a:cxn ang="0">
                  <a:pos x="connsiteX2734" y="connsiteY2734"/>
                </a:cxn>
                <a:cxn ang="0">
                  <a:pos x="connsiteX2735" y="connsiteY2735"/>
                </a:cxn>
                <a:cxn ang="0">
                  <a:pos x="connsiteX2736" y="connsiteY2736"/>
                </a:cxn>
                <a:cxn ang="0">
                  <a:pos x="connsiteX2737" y="connsiteY2737"/>
                </a:cxn>
                <a:cxn ang="0">
                  <a:pos x="connsiteX2738" y="connsiteY2738"/>
                </a:cxn>
                <a:cxn ang="0">
                  <a:pos x="connsiteX2739" y="connsiteY2739"/>
                </a:cxn>
                <a:cxn ang="0">
                  <a:pos x="connsiteX2740" y="connsiteY2740"/>
                </a:cxn>
                <a:cxn ang="0">
                  <a:pos x="connsiteX2741" y="connsiteY2741"/>
                </a:cxn>
                <a:cxn ang="0">
                  <a:pos x="connsiteX2742" y="connsiteY2742"/>
                </a:cxn>
                <a:cxn ang="0">
                  <a:pos x="connsiteX2743" y="connsiteY2743"/>
                </a:cxn>
                <a:cxn ang="0">
                  <a:pos x="connsiteX2744" y="connsiteY2744"/>
                </a:cxn>
                <a:cxn ang="0">
                  <a:pos x="connsiteX2745" y="connsiteY2745"/>
                </a:cxn>
                <a:cxn ang="0">
                  <a:pos x="connsiteX2746" y="connsiteY2746"/>
                </a:cxn>
                <a:cxn ang="0">
                  <a:pos x="connsiteX2747" y="connsiteY2747"/>
                </a:cxn>
                <a:cxn ang="0">
                  <a:pos x="connsiteX2748" y="connsiteY2748"/>
                </a:cxn>
                <a:cxn ang="0">
                  <a:pos x="connsiteX2749" y="connsiteY2749"/>
                </a:cxn>
                <a:cxn ang="0">
                  <a:pos x="connsiteX2750" y="connsiteY2750"/>
                </a:cxn>
                <a:cxn ang="0">
                  <a:pos x="connsiteX2751" y="connsiteY2751"/>
                </a:cxn>
                <a:cxn ang="0">
                  <a:pos x="connsiteX2752" y="connsiteY2752"/>
                </a:cxn>
                <a:cxn ang="0">
                  <a:pos x="connsiteX2753" y="connsiteY2753"/>
                </a:cxn>
                <a:cxn ang="0">
                  <a:pos x="connsiteX2754" y="connsiteY2754"/>
                </a:cxn>
                <a:cxn ang="0">
                  <a:pos x="connsiteX2755" y="connsiteY2755"/>
                </a:cxn>
                <a:cxn ang="0">
                  <a:pos x="connsiteX2756" y="connsiteY2756"/>
                </a:cxn>
                <a:cxn ang="0">
                  <a:pos x="connsiteX2757" y="connsiteY2757"/>
                </a:cxn>
                <a:cxn ang="0">
                  <a:pos x="connsiteX2758" y="connsiteY2758"/>
                </a:cxn>
                <a:cxn ang="0">
                  <a:pos x="connsiteX2759" y="connsiteY2759"/>
                </a:cxn>
                <a:cxn ang="0">
                  <a:pos x="connsiteX2760" y="connsiteY2760"/>
                </a:cxn>
                <a:cxn ang="0">
                  <a:pos x="connsiteX2761" y="connsiteY2761"/>
                </a:cxn>
                <a:cxn ang="0">
                  <a:pos x="connsiteX2762" y="connsiteY2762"/>
                </a:cxn>
                <a:cxn ang="0">
                  <a:pos x="connsiteX2763" y="connsiteY2763"/>
                </a:cxn>
                <a:cxn ang="0">
                  <a:pos x="connsiteX2764" y="connsiteY2764"/>
                </a:cxn>
                <a:cxn ang="0">
                  <a:pos x="connsiteX2765" y="connsiteY2765"/>
                </a:cxn>
                <a:cxn ang="0">
                  <a:pos x="connsiteX2766" y="connsiteY2766"/>
                </a:cxn>
                <a:cxn ang="0">
                  <a:pos x="connsiteX2767" y="connsiteY2767"/>
                </a:cxn>
                <a:cxn ang="0">
                  <a:pos x="connsiteX2768" y="connsiteY2768"/>
                </a:cxn>
                <a:cxn ang="0">
                  <a:pos x="connsiteX2769" y="connsiteY2769"/>
                </a:cxn>
                <a:cxn ang="0">
                  <a:pos x="connsiteX2770" y="connsiteY2770"/>
                </a:cxn>
                <a:cxn ang="0">
                  <a:pos x="connsiteX2771" y="connsiteY2771"/>
                </a:cxn>
                <a:cxn ang="0">
                  <a:pos x="connsiteX2772" y="connsiteY2772"/>
                </a:cxn>
                <a:cxn ang="0">
                  <a:pos x="connsiteX2773" y="connsiteY2773"/>
                </a:cxn>
                <a:cxn ang="0">
                  <a:pos x="connsiteX2774" y="connsiteY2774"/>
                </a:cxn>
                <a:cxn ang="0">
                  <a:pos x="connsiteX2775" y="connsiteY2775"/>
                </a:cxn>
                <a:cxn ang="0">
                  <a:pos x="connsiteX2776" y="connsiteY2776"/>
                </a:cxn>
                <a:cxn ang="0">
                  <a:pos x="connsiteX2777" y="connsiteY2777"/>
                </a:cxn>
                <a:cxn ang="0">
                  <a:pos x="connsiteX2778" y="connsiteY2778"/>
                </a:cxn>
                <a:cxn ang="0">
                  <a:pos x="connsiteX2779" y="connsiteY2779"/>
                </a:cxn>
                <a:cxn ang="0">
                  <a:pos x="connsiteX2780" y="connsiteY2780"/>
                </a:cxn>
                <a:cxn ang="0">
                  <a:pos x="connsiteX2781" y="connsiteY2781"/>
                </a:cxn>
                <a:cxn ang="0">
                  <a:pos x="connsiteX2782" y="connsiteY2782"/>
                </a:cxn>
                <a:cxn ang="0">
                  <a:pos x="connsiteX2783" y="connsiteY2783"/>
                </a:cxn>
                <a:cxn ang="0">
                  <a:pos x="connsiteX2784" y="connsiteY2784"/>
                </a:cxn>
                <a:cxn ang="0">
                  <a:pos x="connsiteX2785" y="connsiteY2785"/>
                </a:cxn>
                <a:cxn ang="0">
                  <a:pos x="connsiteX2786" y="connsiteY2786"/>
                </a:cxn>
                <a:cxn ang="0">
                  <a:pos x="connsiteX2787" y="connsiteY2787"/>
                </a:cxn>
                <a:cxn ang="0">
                  <a:pos x="connsiteX2788" y="connsiteY2788"/>
                </a:cxn>
                <a:cxn ang="0">
                  <a:pos x="connsiteX2789" y="connsiteY2789"/>
                </a:cxn>
                <a:cxn ang="0">
                  <a:pos x="connsiteX2790" y="connsiteY2790"/>
                </a:cxn>
                <a:cxn ang="0">
                  <a:pos x="connsiteX2791" y="connsiteY2791"/>
                </a:cxn>
                <a:cxn ang="0">
                  <a:pos x="connsiteX2792" y="connsiteY2792"/>
                </a:cxn>
                <a:cxn ang="0">
                  <a:pos x="connsiteX2793" y="connsiteY2793"/>
                </a:cxn>
                <a:cxn ang="0">
                  <a:pos x="connsiteX2794" y="connsiteY2794"/>
                </a:cxn>
                <a:cxn ang="0">
                  <a:pos x="connsiteX2795" y="connsiteY2795"/>
                </a:cxn>
                <a:cxn ang="0">
                  <a:pos x="connsiteX2796" y="connsiteY2796"/>
                </a:cxn>
                <a:cxn ang="0">
                  <a:pos x="connsiteX2797" y="connsiteY2797"/>
                </a:cxn>
                <a:cxn ang="0">
                  <a:pos x="connsiteX2798" y="connsiteY2798"/>
                </a:cxn>
                <a:cxn ang="0">
                  <a:pos x="connsiteX2799" y="connsiteY2799"/>
                </a:cxn>
                <a:cxn ang="0">
                  <a:pos x="connsiteX2800" y="connsiteY2800"/>
                </a:cxn>
                <a:cxn ang="0">
                  <a:pos x="connsiteX2801" y="connsiteY2801"/>
                </a:cxn>
                <a:cxn ang="0">
                  <a:pos x="connsiteX2802" y="connsiteY2802"/>
                </a:cxn>
                <a:cxn ang="0">
                  <a:pos x="connsiteX2803" y="connsiteY2803"/>
                </a:cxn>
                <a:cxn ang="0">
                  <a:pos x="connsiteX2804" y="connsiteY2804"/>
                </a:cxn>
                <a:cxn ang="0">
                  <a:pos x="connsiteX2805" y="connsiteY2805"/>
                </a:cxn>
                <a:cxn ang="0">
                  <a:pos x="connsiteX2806" y="connsiteY2806"/>
                </a:cxn>
                <a:cxn ang="0">
                  <a:pos x="connsiteX2807" y="connsiteY2807"/>
                </a:cxn>
                <a:cxn ang="0">
                  <a:pos x="connsiteX2808" y="connsiteY2808"/>
                </a:cxn>
                <a:cxn ang="0">
                  <a:pos x="connsiteX2809" y="connsiteY2809"/>
                </a:cxn>
                <a:cxn ang="0">
                  <a:pos x="connsiteX2810" y="connsiteY2810"/>
                </a:cxn>
                <a:cxn ang="0">
                  <a:pos x="connsiteX2811" y="connsiteY2811"/>
                </a:cxn>
                <a:cxn ang="0">
                  <a:pos x="connsiteX2812" y="connsiteY2812"/>
                </a:cxn>
                <a:cxn ang="0">
                  <a:pos x="connsiteX2813" y="connsiteY2813"/>
                </a:cxn>
                <a:cxn ang="0">
                  <a:pos x="connsiteX2814" y="connsiteY2814"/>
                </a:cxn>
                <a:cxn ang="0">
                  <a:pos x="connsiteX2815" y="connsiteY2815"/>
                </a:cxn>
                <a:cxn ang="0">
                  <a:pos x="connsiteX2816" y="connsiteY2816"/>
                </a:cxn>
                <a:cxn ang="0">
                  <a:pos x="connsiteX2817" y="connsiteY2817"/>
                </a:cxn>
                <a:cxn ang="0">
                  <a:pos x="connsiteX2818" y="connsiteY2818"/>
                </a:cxn>
                <a:cxn ang="0">
                  <a:pos x="connsiteX2819" y="connsiteY2819"/>
                </a:cxn>
                <a:cxn ang="0">
                  <a:pos x="connsiteX2820" y="connsiteY2820"/>
                </a:cxn>
                <a:cxn ang="0">
                  <a:pos x="connsiteX2821" y="connsiteY2821"/>
                </a:cxn>
                <a:cxn ang="0">
                  <a:pos x="connsiteX2822" y="connsiteY2822"/>
                </a:cxn>
                <a:cxn ang="0">
                  <a:pos x="connsiteX2823" y="connsiteY2823"/>
                </a:cxn>
                <a:cxn ang="0">
                  <a:pos x="connsiteX2824" y="connsiteY2824"/>
                </a:cxn>
                <a:cxn ang="0">
                  <a:pos x="connsiteX2825" y="connsiteY2825"/>
                </a:cxn>
                <a:cxn ang="0">
                  <a:pos x="connsiteX2826" y="connsiteY2826"/>
                </a:cxn>
                <a:cxn ang="0">
                  <a:pos x="connsiteX2827" y="connsiteY2827"/>
                </a:cxn>
                <a:cxn ang="0">
                  <a:pos x="connsiteX2828" y="connsiteY2828"/>
                </a:cxn>
                <a:cxn ang="0">
                  <a:pos x="connsiteX2829" y="connsiteY2829"/>
                </a:cxn>
                <a:cxn ang="0">
                  <a:pos x="connsiteX2830" y="connsiteY2830"/>
                </a:cxn>
                <a:cxn ang="0">
                  <a:pos x="connsiteX2831" y="connsiteY2831"/>
                </a:cxn>
                <a:cxn ang="0">
                  <a:pos x="connsiteX2832" y="connsiteY2832"/>
                </a:cxn>
                <a:cxn ang="0">
                  <a:pos x="connsiteX2833" y="connsiteY2833"/>
                </a:cxn>
                <a:cxn ang="0">
                  <a:pos x="connsiteX2834" y="connsiteY2834"/>
                </a:cxn>
                <a:cxn ang="0">
                  <a:pos x="connsiteX2835" y="connsiteY2835"/>
                </a:cxn>
                <a:cxn ang="0">
                  <a:pos x="connsiteX2836" y="connsiteY2836"/>
                </a:cxn>
                <a:cxn ang="0">
                  <a:pos x="connsiteX2837" y="connsiteY2837"/>
                </a:cxn>
                <a:cxn ang="0">
                  <a:pos x="connsiteX2838" y="connsiteY2838"/>
                </a:cxn>
                <a:cxn ang="0">
                  <a:pos x="connsiteX2839" y="connsiteY2839"/>
                </a:cxn>
                <a:cxn ang="0">
                  <a:pos x="connsiteX2840" y="connsiteY2840"/>
                </a:cxn>
                <a:cxn ang="0">
                  <a:pos x="connsiteX2841" y="connsiteY2841"/>
                </a:cxn>
                <a:cxn ang="0">
                  <a:pos x="connsiteX2842" y="connsiteY2842"/>
                </a:cxn>
                <a:cxn ang="0">
                  <a:pos x="connsiteX2843" y="connsiteY2843"/>
                </a:cxn>
                <a:cxn ang="0">
                  <a:pos x="connsiteX2844" y="connsiteY2844"/>
                </a:cxn>
                <a:cxn ang="0">
                  <a:pos x="connsiteX2845" y="connsiteY2845"/>
                </a:cxn>
                <a:cxn ang="0">
                  <a:pos x="connsiteX2846" y="connsiteY2846"/>
                </a:cxn>
                <a:cxn ang="0">
                  <a:pos x="connsiteX2847" y="connsiteY2847"/>
                </a:cxn>
                <a:cxn ang="0">
                  <a:pos x="connsiteX2848" y="connsiteY2848"/>
                </a:cxn>
                <a:cxn ang="0">
                  <a:pos x="connsiteX2849" y="connsiteY2849"/>
                </a:cxn>
                <a:cxn ang="0">
                  <a:pos x="connsiteX2850" y="connsiteY2850"/>
                </a:cxn>
                <a:cxn ang="0">
                  <a:pos x="connsiteX2851" y="connsiteY2851"/>
                </a:cxn>
                <a:cxn ang="0">
                  <a:pos x="connsiteX2852" y="connsiteY2852"/>
                </a:cxn>
                <a:cxn ang="0">
                  <a:pos x="connsiteX2853" y="connsiteY2853"/>
                </a:cxn>
                <a:cxn ang="0">
                  <a:pos x="connsiteX2854" y="connsiteY2854"/>
                </a:cxn>
                <a:cxn ang="0">
                  <a:pos x="connsiteX2855" y="connsiteY2855"/>
                </a:cxn>
                <a:cxn ang="0">
                  <a:pos x="connsiteX2856" y="connsiteY2856"/>
                </a:cxn>
                <a:cxn ang="0">
                  <a:pos x="connsiteX2857" y="connsiteY2857"/>
                </a:cxn>
                <a:cxn ang="0">
                  <a:pos x="connsiteX2858" y="connsiteY2858"/>
                </a:cxn>
                <a:cxn ang="0">
                  <a:pos x="connsiteX2859" y="connsiteY2859"/>
                </a:cxn>
                <a:cxn ang="0">
                  <a:pos x="connsiteX2860" y="connsiteY2860"/>
                </a:cxn>
                <a:cxn ang="0">
                  <a:pos x="connsiteX2861" y="connsiteY2861"/>
                </a:cxn>
                <a:cxn ang="0">
                  <a:pos x="connsiteX2862" y="connsiteY2862"/>
                </a:cxn>
                <a:cxn ang="0">
                  <a:pos x="connsiteX2863" y="connsiteY2863"/>
                </a:cxn>
                <a:cxn ang="0">
                  <a:pos x="connsiteX2864" y="connsiteY2864"/>
                </a:cxn>
                <a:cxn ang="0">
                  <a:pos x="connsiteX2865" y="connsiteY2865"/>
                </a:cxn>
                <a:cxn ang="0">
                  <a:pos x="connsiteX2866" y="connsiteY2866"/>
                </a:cxn>
                <a:cxn ang="0">
                  <a:pos x="connsiteX2867" y="connsiteY2867"/>
                </a:cxn>
                <a:cxn ang="0">
                  <a:pos x="connsiteX2868" y="connsiteY2868"/>
                </a:cxn>
                <a:cxn ang="0">
                  <a:pos x="connsiteX2869" y="connsiteY2869"/>
                </a:cxn>
                <a:cxn ang="0">
                  <a:pos x="connsiteX2870" y="connsiteY2870"/>
                </a:cxn>
                <a:cxn ang="0">
                  <a:pos x="connsiteX2871" y="connsiteY2871"/>
                </a:cxn>
                <a:cxn ang="0">
                  <a:pos x="connsiteX2872" y="connsiteY2872"/>
                </a:cxn>
                <a:cxn ang="0">
                  <a:pos x="connsiteX2873" y="connsiteY2873"/>
                </a:cxn>
                <a:cxn ang="0">
                  <a:pos x="connsiteX2874" y="connsiteY2874"/>
                </a:cxn>
                <a:cxn ang="0">
                  <a:pos x="connsiteX2875" y="connsiteY2875"/>
                </a:cxn>
                <a:cxn ang="0">
                  <a:pos x="connsiteX2876" y="connsiteY2876"/>
                </a:cxn>
                <a:cxn ang="0">
                  <a:pos x="connsiteX2877" y="connsiteY2877"/>
                </a:cxn>
                <a:cxn ang="0">
                  <a:pos x="connsiteX2878" y="connsiteY2878"/>
                </a:cxn>
                <a:cxn ang="0">
                  <a:pos x="connsiteX2879" y="connsiteY2879"/>
                </a:cxn>
                <a:cxn ang="0">
                  <a:pos x="connsiteX2880" y="connsiteY2880"/>
                </a:cxn>
                <a:cxn ang="0">
                  <a:pos x="connsiteX2881" y="connsiteY2881"/>
                </a:cxn>
                <a:cxn ang="0">
                  <a:pos x="connsiteX2882" y="connsiteY2882"/>
                </a:cxn>
                <a:cxn ang="0">
                  <a:pos x="connsiteX2883" y="connsiteY2883"/>
                </a:cxn>
                <a:cxn ang="0">
                  <a:pos x="connsiteX2884" y="connsiteY2884"/>
                </a:cxn>
                <a:cxn ang="0">
                  <a:pos x="connsiteX2885" y="connsiteY2885"/>
                </a:cxn>
                <a:cxn ang="0">
                  <a:pos x="connsiteX2886" y="connsiteY2886"/>
                </a:cxn>
                <a:cxn ang="0">
                  <a:pos x="connsiteX2887" y="connsiteY2887"/>
                </a:cxn>
                <a:cxn ang="0">
                  <a:pos x="connsiteX2888" y="connsiteY2888"/>
                </a:cxn>
                <a:cxn ang="0">
                  <a:pos x="connsiteX2889" y="connsiteY2889"/>
                </a:cxn>
                <a:cxn ang="0">
                  <a:pos x="connsiteX2890" y="connsiteY2890"/>
                </a:cxn>
                <a:cxn ang="0">
                  <a:pos x="connsiteX2891" y="connsiteY2891"/>
                </a:cxn>
                <a:cxn ang="0">
                  <a:pos x="connsiteX2892" y="connsiteY2892"/>
                </a:cxn>
                <a:cxn ang="0">
                  <a:pos x="connsiteX2893" y="connsiteY2893"/>
                </a:cxn>
                <a:cxn ang="0">
                  <a:pos x="connsiteX2894" y="connsiteY2894"/>
                </a:cxn>
                <a:cxn ang="0">
                  <a:pos x="connsiteX2895" y="connsiteY2895"/>
                </a:cxn>
                <a:cxn ang="0">
                  <a:pos x="connsiteX2896" y="connsiteY2896"/>
                </a:cxn>
                <a:cxn ang="0">
                  <a:pos x="connsiteX2897" y="connsiteY2897"/>
                </a:cxn>
                <a:cxn ang="0">
                  <a:pos x="connsiteX2898" y="connsiteY2898"/>
                </a:cxn>
                <a:cxn ang="0">
                  <a:pos x="connsiteX2899" y="connsiteY2899"/>
                </a:cxn>
                <a:cxn ang="0">
                  <a:pos x="connsiteX2900" y="connsiteY2900"/>
                </a:cxn>
                <a:cxn ang="0">
                  <a:pos x="connsiteX2901" y="connsiteY2901"/>
                </a:cxn>
                <a:cxn ang="0">
                  <a:pos x="connsiteX2902" y="connsiteY2902"/>
                </a:cxn>
                <a:cxn ang="0">
                  <a:pos x="connsiteX2903" y="connsiteY2903"/>
                </a:cxn>
                <a:cxn ang="0">
                  <a:pos x="connsiteX2904" y="connsiteY2904"/>
                </a:cxn>
                <a:cxn ang="0">
                  <a:pos x="connsiteX2905" y="connsiteY2905"/>
                </a:cxn>
                <a:cxn ang="0">
                  <a:pos x="connsiteX2906" y="connsiteY2906"/>
                </a:cxn>
                <a:cxn ang="0">
                  <a:pos x="connsiteX2907" y="connsiteY2907"/>
                </a:cxn>
                <a:cxn ang="0">
                  <a:pos x="connsiteX2908" y="connsiteY2908"/>
                </a:cxn>
                <a:cxn ang="0">
                  <a:pos x="connsiteX2909" y="connsiteY2909"/>
                </a:cxn>
                <a:cxn ang="0">
                  <a:pos x="connsiteX2910" y="connsiteY2910"/>
                </a:cxn>
                <a:cxn ang="0">
                  <a:pos x="connsiteX2911" y="connsiteY2911"/>
                </a:cxn>
                <a:cxn ang="0">
                  <a:pos x="connsiteX2912" y="connsiteY2912"/>
                </a:cxn>
                <a:cxn ang="0">
                  <a:pos x="connsiteX2913" y="connsiteY2913"/>
                </a:cxn>
                <a:cxn ang="0">
                  <a:pos x="connsiteX2914" y="connsiteY2914"/>
                </a:cxn>
                <a:cxn ang="0">
                  <a:pos x="connsiteX2915" y="connsiteY2915"/>
                </a:cxn>
                <a:cxn ang="0">
                  <a:pos x="connsiteX2916" y="connsiteY2916"/>
                </a:cxn>
                <a:cxn ang="0">
                  <a:pos x="connsiteX2917" y="connsiteY2917"/>
                </a:cxn>
                <a:cxn ang="0">
                  <a:pos x="connsiteX2918" y="connsiteY2918"/>
                </a:cxn>
                <a:cxn ang="0">
                  <a:pos x="connsiteX2919" y="connsiteY2919"/>
                </a:cxn>
                <a:cxn ang="0">
                  <a:pos x="connsiteX2920" y="connsiteY2920"/>
                </a:cxn>
                <a:cxn ang="0">
                  <a:pos x="connsiteX2921" y="connsiteY2921"/>
                </a:cxn>
                <a:cxn ang="0">
                  <a:pos x="connsiteX2922" y="connsiteY2922"/>
                </a:cxn>
                <a:cxn ang="0">
                  <a:pos x="connsiteX2923" y="connsiteY2923"/>
                </a:cxn>
                <a:cxn ang="0">
                  <a:pos x="connsiteX2924" y="connsiteY2924"/>
                </a:cxn>
                <a:cxn ang="0">
                  <a:pos x="connsiteX2925" y="connsiteY2925"/>
                </a:cxn>
                <a:cxn ang="0">
                  <a:pos x="connsiteX2926" y="connsiteY2926"/>
                </a:cxn>
                <a:cxn ang="0">
                  <a:pos x="connsiteX2927" y="connsiteY2927"/>
                </a:cxn>
                <a:cxn ang="0">
                  <a:pos x="connsiteX2928" y="connsiteY2928"/>
                </a:cxn>
                <a:cxn ang="0">
                  <a:pos x="connsiteX2929" y="connsiteY2929"/>
                </a:cxn>
                <a:cxn ang="0">
                  <a:pos x="connsiteX2930" y="connsiteY2930"/>
                </a:cxn>
                <a:cxn ang="0">
                  <a:pos x="connsiteX2931" y="connsiteY2931"/>
                </a:cxn>
                <a:cxn ang="0">
                  <a:pos x="connsiteX2932" y="connsiteY2932"/>
                </a:cxn>
                <a:cxn ang="0">
                  <a:pos x="connsiteX2933" y="connsiteY2933"/>
                </a:cxn>
                <a:cxn ang="0">
                  <a:pos x="connsiteX2934" y="connsiteY2934"/>
                </a:cxn>
                <a:cxn ang="0">
                  <a:pos x="connsiteX2935" y="connsiteY2935"/>
                </a:cxn>
                <a:cxn ang="0">
                  <a:pos x="connsiteX2936" y="connsiteY2936"/>
                </a:cxn>
                <a:cxn ang="0">
                  <a:pos x="connsiteX2937" y="connsiteY2937"/>
                </a:cxn>
                <a:cxn ang="0">
                  <a:pos x="connsiteX2938" y="connsiteY2938"/>
                </a:cxn>
                <a:cxn ang="0">
                  <a:pos x="connsiteX2939" y="connsiteY2939"/>
                </a:cxn>
                <a:cxn ang="0">
                  <a:pos x="connsiteX2940" y="connsiteY2940"/>
                </a:cxn>
                <a:cxn ang="0">
                  <a:pos x="connsiteX2941" y="connsiteY2941"/>
                </a:cxn>
                <a:cxn ang="0">
                  <a:pos x="connsiteX2942" y="connsiteY2942"/>
                </a:cxn>
                <a:cxn ang="0">
                  <a:pos x="connsiteX2943" y="connsiteY2943"/>
                </a:cxn>
                <a:cxn ang="0">
                  <a:pos x="connsiteX2944" y="connsiteY2944"/>
                </a:cxn>
                <a:cxn ang="0">
                  <a:pos x="connsiteX2945" y="connsiteY2945"/>
                </a:cxn>
                <a:cxn ang="0">
                  <a:pos x="connsiteX2946" y="connsiteY2946"/>
                </a:cxn>
                <a:cxn ang="0">
                  <a:pos x="connsiteX2947" y="connsiteY2947"/>
                </a:cxn>
                <a:cxn ang="0">
                  <a:pos x="connsiteX2948" y="connsiteY2948"/>
                </a:cxn>
                <a:cxn ang="0">
                  <a:pos x="connsiteX2949" y="connsiteY2949"/>
                </a:cxn>
                <a:cxn ang="0">
                  <a:pos x="connsiteX2950" y="connsiteY2950"/>
                </a:cxn>
                <a:cxn ang="0">
                  <a:pos x="connsiteX2951" y="connsiteY2951"/>
                </a:cxn>
                <a:cxn ang="0">
                  <a:pos x="connsiteX2952" y="connsiteY2952"/>
                </a:cxn>
                <a:cxn ang="0">
                  <a:pos x="connsiteX2953" y="connsiteY2953"/>
                </a:cxn>
                <a:cxn ang="0">
                  <a:pos x="connsiteX2954" y="connsiteY2954"/>
                </a:cxn>
                <a:cxn ang="0">
                  <a:pos x="connsiteX2955" y="connsiteY2955"/>
                </a:cxn>
                <a:cxn ang="0">
                  <a:pos x="connsiteX2956" y="connsiteY2956"/>
                </a:cxn>
                <a:cxn ang="0">
                  <a:pos x="connsiteX2957" y="connsiteY2957"/>
                </a:cxn>
                <a:cxn ang="0">
                  <a:pos x="connsiteX2958" y="connsiteY2958"/>
                </a:cxn>
                <a:cxn ang="0">
                  <a:pos x="connsiteX2959" y="connsiteY2959"/>
                </a:cxn>
                <a:cxn ang="0">
                  <a:pos x="connsiteX2960" y="connsiteY2960"/>
                </a:cxn>
                <a:cxn ang="0">
                  <a:pos x="connsiteX2961" y="connsiteY2961"/>
                </a:cxn>
                <a:cxn ang="0">
                  <a:pos x="connsiteX2962" y="connsiteY2962"/>
                </a:cxn>
                <a:cxn ang="0">
                  <a:pos x="connsiteX2963" y="connsiteY2963"/>
                </a:cxn>
                <a:cxn ang="0">
                  <a:pos x="connsiteX2964" y="connsiteY2964"/>
                </a:cxn>
                <a:cxn ang="0">
                  <a:pos x="connsiteX2965" y="connsiteY2965"/>
                </a:cxn>
                <a:cxn ang="0">
                  <a:pos x="connsiteX2966" y="connsiteY2966"/>
                </a:cxn>
                <a:cxn ang="0">
                  <a:pos x="connsiteX2967" y="connsiteY2967"/>
                </a:cxn>
                <a:cxn ang="0">
                  <a:pos x="connsiteX2968" y="connsiteY2968"/>
                </a:cxn>
                <a:cxn ang="0">
                  <a:pos x="connsiteX2969" y="connsiteY2969"/>
                </a:cxn>
                <a:cxn ang="0">
                  <a:pos x="connsiteX2970" y="connsiteY2970"/>
                </a:cxn>
                <a:cxn ang="0">
                  <a:pos x="connsiteX2971" y="connsiteY2971"/>
                </a:cxn>
                <a:cxn ang="0">
                  <a:pos x="connsiteX2972" y="connsiteY2972"/>
                </a:cxn>
                <a:cxn ang="0">
                  <a:pos x="connsiteX2973" y="connsiteY2973"/>
                </a:cxn>
                <a:cxn ang="0">
                  <a:pos x="connsiteX2974" y="connsiteY2974"/>
                </a:cxn>
                <a:cxn ang="0">
                  <a:pos x="connsiteX2975" y="connsiteY2975"/>
                </a:cxn>
                <a:cxn ang="0">
                  <a:pos x="connsiteX2976" y="connsiteY2976"/>
                </a:cxn>
                <a:cxn ang="0">
                  <a:pos x="connsiteX2977" y="connsiteY2977"/>
                </a:cxn>
                <a:cxn ang="0">
                  <a:pos x="connsiteX2978" y="connsiteY2978"/>
                </a:cxn>
                <a:cxn ang="0">
                  <a:pos x="connsiteX2979" y="connsiteY2979"/>
                </a:cxn>
                <a:cxn ang="0">
                  <a:pos x="connsiteX2980" y="connsiteY2980"/>
                </a:cxn>
                <a:cxn ang="0">
                  <a:pos x="connsiteX2981" y="connsiteY2981"/>
                </a:cxn>
                <a:cxn ang="0">
                  <a:pos x="connsiteX2982" y="connsiteY2982"/>
                </a:cxn>
                <a:cxn ang="0">
                  <a:pos x="connsiteX2983" y="connsiteY2983"/>
                </a:cxn>
                <a:cxn ang="0">
                  <a:pos x="connsiteX2984" y="connsiteY2984"/>
                </a:cxn>
                <a:cxn ang="0">
                  <a:pos x="connsiteX2985" y="connsiteY2985"/>
                </a:cxn>
                <a:cxn ang="0">
                  <a:pos x="connsiteX2986" y="connsiteY2986"/>
                </a:cxn>
                <a:cxn ang="0">
                  <a:pos x="connsiteX2987" y="connsiteY2987"/>
                </a:cxn>
                <a:cxn ang="0">
                  <a:pos x="connsiteX2988" y="connsiteY2988"/>
                </a:cxn>
                <a:cxn ang="0">
                  <a:pos x="connsiteX2989" y="connsiteY2989"/>
                </a:cxn>
                <a:cxn ang="0">
                  <a:pos x="connsiteX2990" y="connsiteY2990"/>
                </a:cxn>
                <a:cxn ang="0">
                  <a:pos x="connsiteX2991" y="connsiteY2991"/>
                </a:cxn>
                <a:cxn ang="0">
                  <a:pos x="connsiteX2992" y="connsiteY2992"/>
                </a:cxn>
                <a:cxn ang="0">
                  <a:pos x="connsiteX2993" y="connsiteY2993"/>
                </a:cxn>
                <a:cxn ang="0">
                  <a:pos x="connsiteX2994" y="connsiteY2994"/>
                </a:cxn>
                <a:cxn ang="0">
                  <a:pos x="connsiteX2995" y="connsiteY2995"/>
                </a:cxn>
                <a:cxn ang="0">
                  <a:pos x="connsiteX2996" y="connsiteY2996"/>
                </a:cxn>
                <a:cxn ang="0">
                  <a:pos x="connsiteX2997" y="connsiteY2997"/>
                </a:cxn>
                <a:cxn ang="0">
                  <a:pos x="connsiteX2998" y="connsiteY2998"/>
                </a:cxn>
                <a:cxn ang="0">
                  <a:pos x="connsiteX2999" y="connsiteY2999"/>
                </a:cxn>
                <a:cxn ang="0">
                  <a:pos x="connsiteX3000" y="connsiteY3000"/>
                </a:cxn>
                <a:cxn ang="0">
                  <a:pos x="connsiteX3001" y="connsiteY3001"/>
                </a:cxn>
                <a:cxn ang="0">
                  <a:pos x="connsiteX3002" y="connsiteY3002"/>
                </a:cxn>
                <a:cxn ang="0">
                  <a:pos x="connsiteX3003" y="connsiteY3003"/>
                </a:cxn>
                <a:cxn ang="0">
                  <a:pos x="connsiteX3004" y="connsiteY3004"/>
                </a:cxn>
                <a:cxn ang="0">
                  <a:pos x="connsiteX3005" y="connsiteY3005"/>
                </a:cxn>
                <a:cxn ang="0">
                  <a:pos x="connsiteX3006" y="connsiteY3006"/>
                </a:cxn>
                <a:cxn ang="0">
                  <a:pos x="connsiteX3007" y="connsiteY3007"/>
                </a:cxn>
                <a:cxn ang="0">
                  <a:pos x="connsiteX3008" y="connsiteY3008"/>
                </a:cxn>
                <a:cxn ang="0">
                  <a:pos x="connsiteX3009" y="connsiteY3009"/>
                </a:cxn>
                <a:cxn ang="0">
                  <a:pos x="connsiteX3010" y="connsiteY3010"/>
                </a:cxn>
                <a:cxn ang="0">
                  <a:pos x="connsiteX3011" y="connsiteY3011"/>
                </a:cxn>
                <a:cxn ang="0">
                  <a:pos x="connsiteX3012" y="connsiteY3012"/>
                </a:cxn>
                <a:cxn ang="0">
                  <a:pos x="connsiteX3013" y="connsiteY3013"/>
                </a:cxn>
                <a:cxn ang="0">
                  <a:pos x="connsiteX3014" y="connsiteY3014"/>
                </a:cxn>
                <a:cxn ang="0">
                  <a:pos x="connsiteX3015" y="connsiteY3015"/>
                </a:cxn>
                <a:cxn ang="0">
                  <a:pos x="connsiteX3016" y="connsiteY3016"/>
                </a:cxn>
                <a:cxn ang="0">
                  <a:pos x="connsiteX3017" y="connsiteY3017"/>
                </a:cxn>
                <a:cxn ang="0">
                  <a:pos x="connsiteX3018" y="connsiteY3018"/>
                </a:cxn>
                <a:cxn ang="0">
                  <a:pos x="connsiteX3019" y="connsiteY3019"/>
                </a:cxn>
                <a:cxn ang="0">
                  <a:pos x="connsiteX3020" y="connsiteY3020"/>
                </a:cxn>
                <a:cxn ang="0">
                  <a:pos x="connsiteX3021" y="connsiteY3021"/>
                </a:cxn>
                <a:cxn ang="0">
                  <a:pos x="connsiteX3022" y="connsiteY3022"/>
                </a:cxn>
                <a:cxn ang="0">
                  <a:pos x="connsiteX3023" y="connsiteY3023"/>
                </a:cxn>
                <a:cxn ang="0">
                  <a:pos x="connsiteX3024" y="connsiteY3024"/>
                </a:cxn>
                <a:cxn ang="0">
                  <a:pos x="connsiteX3025" y="connsiteY3025"/>
                </a:cxn>
                <a:cxn ang="0">
                  <a:pos x="connsiteX3026" y="connsiteY3026"/>
                </a:cxn>
                <a:cxn ang="0">
                  <a:pos x="connsiteX3027" y="connsiteY3027"/>
                </a:cxn>
                <a:cxn ang="0">
                  <a:pos x="connsiteX3028" y="connsiteY3028"/>
                </a:cxn>
                <a:cxn ang="0">
                  <a:pos x="connsiteX3029" y="connsiteY3029"/>
                </a:cxn>
                <a:cxn ang="0">
                  <a:pos x="connsiteX3030" y="connsiteY3030"/>
                </a:cxn>
                <a:cxn ang="0">
                  <a:pos x="connsiteX3031" y="connsiteY3031"/>
                </a:cxn>
                <a:cxn ang="0">
                  <a:pos x="connsiteX3032" y="connsiteY3032"/>
                </a:cxn>
                <a:cxn ang="0">
                  <a:pos x="connsiteX3033" y="connsiteY3033"/>
                </a:cxn>
                <a:cxn ang="0">
                  <a:pos x="connsiteX3034" y="connsiteY3034"/>
                </a:cxn>
                <a:cxn ang="0">
                  <a:pos x="connsiteX3035" y="connsiteY3035"/>
                </a:cxn>
                <a:cxn ang="0">
                  <a:pos x="connsiteX3036" y="connsiteY3036"/>
                </a:cxn>
                <a:cxn ang="0">
                  <a:pos x="connsiteX3037" y="connsiteY3037"/>
                </a:cxn>
                <a:cxn ang="0">
                  <a:pos x="connsiteX3038" y="connsiteY3038"/>
                </a:cxn>
                <a:cxn ang="0">
                  <a:pos x="connsiteX3039" y="connsiteY3039"/>
                </a:cxn>
                <a:cxn ang="0">
                  <a:pos x="connsiteX3040" y="connsiteY3040"/>
                </a:cxn>
                <a:cxn ang="0">
                  <a:pos x="connsiteX3041" y="connsiteY3041"/>
                </a:cxn>
                <a:cxn ang="0">
                  <a:pos x="connsiteX3042" y="connsiteY3042"/>
                </a:cxn>
                <a:cxn ang="0">
                  <a:pos x="connsiteX3043" y="connsiteY3043"/>
                </a:cxn>
                <a:cxn ang="0">
                  <a:pos x="connsiteX3044" y="connsiteY3044"/>
                </a:cxn>
                <a:cxn ang="0">
                  <a:pos x="connsiteX3045" y="connsiteY3045"/>
                </a:cxn>
                <a:cxn ang="0">
                  <a:pos x="connsiteX3046" y="connsiteY3046"/>
                </a:cxn>
                <a:cxn ang="0">
                  <a:pos x="connsiteX3047" y="connsiteY3047"/>
                </a:cxn>
                <a:cxn ang="0">
                  <a:pos x="connsiteX3048" y="connsiteY3048"/>
                </a:cxn>
                <a:cxn ang="0">
                  <a:pos x="connsiteX3049" y="connsiteY3049"/>
                </a:cxn>
                <a:cxn ang="0">
                  <a:pos x="connsiteX3050" y="connsiteY3050"/>
                </a:cxn>
                <a:cxn ang="0">
                  <a:pos x="connsiteX3051" y="connsiteY3051"/>
                </a:cxn>
                <a:cxn ang="0">
                  <a:pos x="connsiteX3052" y="connsiteY3052"/>
                </a:cxn>
                <a:cxn ang="0">
                  <a:pos x="connsiteX3053" y="connsiteY3053"/>
                </a:cxn>
                <a:cxn ang="0">
                  <a:pos x="connsiteX3054" y="connsiteY3054"/>
                </a:cxn>
                <a:cxn ang="0">
                  <a:pos x="connsiteX3055" y="connsiteY3055"/>
                </a:cxn>
                <a:cxn ang="0">
                  <a:pos x="connsiteX3056" y="connsiteY3056"/>
                </a:cxn>
                <a:cxn ang="0">
                  <a:pos x="connsiteX3057" y="connsiteY3057"/>
                </a:cxn>
                <a:cxn ang="0">
                  <a:pos x="connsiteX3058" y="connsiteY3058"/>
                </a:cxn>
                <a:cxn ang="0">
                  <a:pos x="connsiteX3059" y="connsiteY3059"/>
                </a:cxn>
                <a:cxn ang="0">
                  <a:pos x="connsiteX3060" y="connsiteY3060"/>
                </a:cxn>
                <a:cxn ang="0">
                  <a:pos x="connsiteX3061" y="connsiteY3061"/>
                </a:cxn>
                <a:cxn ang="0">
                  <a:pos x="connsiteX3062" y="connsiteY3062"/>
                </a:cxn>
                <a:cxn ang="0">
                  <a:pos x="connsiteX3063" y="connsiteY3063"/>
                </a:cxn>
                <a:cxn ang="0">
                  <a:pos x="connsiteX3064" y="connsiteY3064"/>
                </a:cxn>
                <a:cxn ang="0">
                  <a:pos x="connsiteX3065" y="connsiteY3065"/>
                </a:cxn>
                <a:cxn ang="0">
                  <a:pos x="connsiteX3066" y="connsiteY3066"/>
                </a:cxn>
                <a:cxn ang="0">
                  <a:pos x="connsiteX3067" y="connsiteY3067"/>
                </a:cxn>
                <a:cxn ang="0">
                  <a:pos x="connsiteX3068" y="connsiteY3068"/>
                </a:cxn>
                <a:cxn ang="0">
                  <a:pos x="connsiteX3069" y="connsiteY3069"/>
                </a:cxn>
                <a:cxn ang="0">
                  <a:pos x="connsiteX3070" y="connsiteY3070"/>
                </a:cxn>
                <a:cxn ang="0">
                  <a:pos x="connsiteX3071" y="connsiteY3071"/>
                </a:cxn>
                <a:cxn ang="0">
                  <a:pos x="connsiteX3072" y="connsiteY3072"/>
                </a:cxn>
                <a:cxn ang="0">
                  <a:pos x="connsiteX3073" y="connsiteY3073"/>
                </a:cxn>
                <a:cxn ang="0">
                  <a:pos x="connsiteX3074" y="connsiteY3074"/>
                </a:cxn>
                <a:cxn ang="0">
                  <a:pos x="connsiteX3075" y="connsiteY3075"/>
                </a:cxn>
                <a:cxn ang="0">
                  <a:pos x="connsiteX3076" y="connsiteY3076"/>
                </a:cxn>
                <a:cxn ang="0">
                  <a:pos x="connsiteX3077" y="connsiteY3077"/>
                </a:cxn>
                <a:cxn ang="0">
                  <a:pos x="connsiteX3078" y="connsiteY3078"/>
                </a:cxn>
                <a:cxn ang="0">
                  <a:pos x="connsiteX3079" y="connsiteY3079"/>
                </a:cxn>
                <a:cxn ang="0">
                  <a:pos x="connsiteX3080" y="connsiteY3080"/>
                </a:cxn>
                <a:cxn ang="0">
                  <a:pos x="connsiteX3081" y="connsiteY3081"/>
                </a:cxn>
                <a:cxn ang="0">
                  <a:pos x="connsiteX3082" y="connsiteY3082"/>
                </a:cxn>
                <a:cxn ang="0">
                  <a:pos x="connsiteX3083" y="connsiteY3083"/>
                </a:cxn>
                <a:cxn ang="0">
                  <a:pos x="connsiteX3084" y="connsiteY3084"/>
                </a:cxn>
                <a:cxn ang="0">
                  <a:pos x="connsiteX3085" y="connsiteY3085"/>
                </a:cxn>
                <a:cxn ang="0">
                  <a:pos x="connsiteX3086" y="connsiteY3086"/>
                </a:cxn>
                <a:cxn ang="0">
                  <a:pos x="connsiteX3087" y="connsiteY3087"/>
                </a:cxn>
                <a:cxn ang="0">
                  <a:pos x="connsiteX3088" y="connsiteY3088"/>
                </a:cxn>
                <a:cxn ang="0">
                  <a:pos x="connsiteX3089" y="connsiteY3089"/>
                </a:cxn>
                <a:cxn ang="0">
                  <a:pos x="connsiteX3090" y="connsiteY3090"/>
                </a:cxn>
                <a:cxn ang="0">
                  <a:pos x="connsiteX3091" y="connsiteY3091"/>
                </a:cxn>
                <a:cxn ang="0">
                  <a:pos x="connsiteX3092" y="connsiteY3092"/>
                </a:cxn>
                <a:cxn ang="0">
                  <a:pos x="connsiteX3093" y="connsiteY3093"/>
                </a:cxn>
                <a:cxn ang="0">
                  <a:pos x="connsiteX3094" y="connsiteY3094"/>
                </a:cxn>
                <a:cxn ang="0">
                  <a:pos x="connsiteX3095" y="connsiteY3095"/>
                </a:cxn>
                <a:cxn ang="0">
                  <a:pos x="connsiteX3096" y="connsiteY3096"/>
                </a:cxn>
                <a:cxn ang="0">
                  <a:pos x="connsiteX3097" y="connsiteY3097"/>
                </a:cxn>
                <a:cxn ang="0">
                  <a:pos x="connsiteX3098" y="connsiteY3098"/>
                </a:cxn>
                <a:cxn ang="0">
                  <a:pos x="connsiteX3099" y="connsiteY3099"/>
                </a:cxn>
                <a:cxn ang="0">
                  <a:pos x="connsiteX3100" y="connsiteY3100"/>
                </a:cxn>
                <a:cxn ang="0">
                  <a:pos x="connsiteX3101" y="connsiteY3101"/>
                </a:cxn>
                <a:cxn ang="0">
                  <a:pos x="connsiteX3102" y="connsiteY3102"/>
                </a:cxn>
                <a:cxn ang="0">
                  <a:pos x="connsiteX3103" y="connsiteY3103"/>
                </a:cxn>
                <a:cxn ang="0">
                  <a:pos x="connsiteX3104" y="connsiteY3104"/>
                </a:cxn>
                <a:cxn ang="0">
                  <a:pos x="connsiteX3105" y="connsiteY3105"/>
                </a:cxn>
                <a:cxn ang="0">
                  <a:pos x="connsiteX3106" y="connsiteY3106"/>
                </a:cxn>
                <a:cxn ang="0">
                  <a:pos x="connsiteX3107" y="connsiteY3107"/>
                </a:cxn>
                <a:cxn ang="0">
                  <a:pos x="connsiteX3108" y="connsiteY3108"/>
                </a:cxn>
                <a:cxn ang="0">
                  <a:pos x="connsiteX3109" y="connsiteY3109"/>
                </a:cxn>
                <a:cxn ang="0">
                  <a:pos x="connsiteX3110" y="connsiteY3110"/>
                </a:cxn>
                <a:cxn ang="0">
                  <a:pos x="connsiteX3111" y="connsiteY3111"/>
                </a:cxn>
                <a:cxn ang="0">
                  <a:pos x="connsiteX3112" y="connsiteY3112"/>
                </a:cxn>
                <a:cxn ang="0">
                  <a:pos x="connsiteX3113" y="connsiteY3113"/>
                </a:cxn>
                <a:cxn ang="0">
                  <a:pos x="connsiteX3114" y="connsiteY3114"/>
                </a:cxn>
                <a:cxn ang="0">
                  <a:pos x="connsiteX3115" y="connsiteY3115"/>
                </a:cxn>
                <a:cxn ang="0">
                  <a:pos x="connsiteX3116" y="connsiteY3116"/>
                </a:cxn>
                <a:cxn ang="0">
                  <a:pos x="connsiteX3117" y="connsiteY3117"/>
                </a:cxn>
                <a:cxn ang="0">
                  <a:pos x="connsiteX3118" y="connsiteY3118"/>
                </a:cxn>
                <a:cxn ang="0">
                  <a:pos x="connsiteX3119" y="connsiteY3119"/>
                </a:cxn>
                <a:cxn ang="0">
                  <a:pos x="connsiteX3120" y="connsiteY3120"/>
                </a:cxn>
                <a:cxn ang="0">
                  <a:pos x="connsiteX3121" y="connsiteY3121"/>
                </a:cxn>
                <a:cxn ang="0">
                  <a:pos x="connsiteX3122" y="connsiteY3122"/>
                </a:cxn>
                <a:cxn ang="0">
                  <a:pos x="connsiteX3123" y="connsiteY3123"/>
                </a:cxn>
                <a:cxn ang="0">
                  <a:pos x="connsiteX3124" y="connsiteY3124"/>
                </a:cxn>
                <a:cxn ang="0">
                  <a:pos x="connsiteX3125" y="connsiteY3125"/>
                </a:cxn>
                <a:cxn ang="0">
                  <a:pos x="connsiteX3126" y="connsiteY3126"/>
                </a:cxn>
                <a:cxn ang="0">
                  <a:pos x="connsiteX3127" y="connsiteY3127"/>
                </a:cxn>
                <a:cxn ang="0">
                  <a:pos x="connsiteX3128" y="connsiteY3128"/>
                </a:cxn>
                <a:cxn ang="0">
                  <a:pos x="connsiteX3129" y="connsiteY3129"/>
                </a:cxn>
                <a:cxn ang="0">
                  <a:pos x="connsiteX3130" y="connsiteY3130"/>
                </a:cxn>
                <a:cxn ang="0">
                  <a:pos x="connsiteX3131" y="connsiteY3131"/>
                </a:cxn>
                <a:cxn ang="0">
                  <a:pos x="connsiteX3132" y="connsiteY3132"/>
                </a:cxn>
                <a:cxn ang="0">
                  <a:pos x="connsiteX3133" y="connsiteY3133"/>
                </a:cxn>
                <a:cxn ang="0">
                  <a:pos x="connsiteX3134" y="connsiteY3134"/>
                </a:cxn>
                <a:cxn ang="0">
                  <a:pos x="connsiteX3135" y="connsiteY3135"/>
                </a:cxn>
                <a:cxn ang="0">
                  <a:pos x="connsiteX3136" y="connsiteY3136"/>
                </a:cxn>
                <a:cxn ang="0">
                  <a:pos x="connsiteX3137" y="connsiteY3137"/>
                </a:cxn>
                <a:cxn ang="0">
                  <a:pos x="connsiteX3138" y="connsiteY3138"/>
                </a:cxn>
                <a:cxn ang="0">
                  <a:pos x="connsiteX3139" y="connsiteY3139"/>
                </a:cxn>
                <a:cxn ang="0">
                  <a:pos x="connsiteX3140" y="connsiteY3140"/>
                </a:cxn>
                <a:cxn ang="0">
                  <a:pos x="connsiteX3141" y="connsiteY3141"/>
                </a:cxn>
                <a:cxn ang="0">
                  <a:pos x="connsiteX3142" y="connsiteY3142"/>
                </a:cxn>
                <a:cxn ang="0">
                  <a:pos x="connsiteX3143" y="connsiteY3143"/>
                </a:cxn>
                <a:cxn ang="0">
                  <a:pos x="connsiteX3144" y="connsiteY3144"/>
                </a:cxn>
                <a:cxn ang="0">
                  <a:pos x="connsiteX3145" y="connsiteY3145"/>
                </a:cxn>
                <a:cxn ang="0">
                  <a:pos x="connsiteX3146" y="connsiteY3146"/>
                </a:cxn>
                <a:cxn ang="0">
                  <a:pos x="connsiteX3147" y="connsiteY3147"/>
                </a:cxn>
                <a:cxn ang="0">
                  <a:pos x="connsiteX3148" y="connsiteY3148"/>
                </a:cxn>
                <a:cxn ang="0">
                  <a:pos x="connsiteX3149" y="connsiteY3149"/>
                </a:cxn>
                <a:cxn ang="0">
                  <a:pos x="connsiteX3150" y="connsiteY3150"/>
                </a:cxn>
                <a:cxn ang="0">
                  <a:pos x="connsiteX3151" y="connsiteY3151"/>
                </a:cxn>
                <a:cxn ang="0">
                  <a:pos x="connsiteX3152" y="connsiteY3152"/>
                </a:cxn>
                <a:cxn ang="0">
                  <a:pos x="connsiteX3153" y="connsiteY3153"/>
                </a:cxn>
                <a:cxn ang="0">
                  <a:pos x="connsiteX3154" y="connsiteY3154"/>
                </a:cxn>
                <a:cxn ang="0">
                  <a:pos x="connsiteX3155" y="connsiteY3155"/>
                </a:cxn>
                <a:cxn ang="0">
                  <a:pos x="connsiteX3156" y="connsiteY3156"/>
                </a:cxn>
                <a:cxn ang="0">
                  <a:pos x="connsiteX3157" y="connsiteY3157"/>
                </a:cxn>
                <a:cxn ang="0">
                  <a:pos x="connsiteX3158" y="connsiteY3158"/>
                </a:cxn>
                <a:cxn ang="0">
                  <a:pos x="connsiteX3159" y="connsiteY3159"/>
                </a:cxn>
                <a:cxn ang="0">
                  <a:pos x="connsiteX3160" y="connsiteY3160"/>
                </a:cxn>
                <a:cxn ang="0">
                  <a:pos x="connsiteX3161" y="connsiteY3161"/>
                </a:cxn>
                <a:cxn ang="0">
                  <a:pos x="connsiteX3162" y="connsiteY3162"/>
                </a:cxn>
                <a:cxn ang="0">
                  <a:pos x="connsiteX3163" y="connsiteY3163"/>
                </a:cxn>
                <a:cxn ang="0">
                  <a:pos x="connsiteX3164" y="connsiteY3164"/>
                </a:cxn>
                <a:cxn ang="0">
                  <a:pos x="connsiteX3165" y="connsiteY3165"/>
                </a:cxn>
                <a:cxn ang="0">
                  <a:pos x="connsiteX3166" y="connsiteY3166"/>
                </a:cxn>
                <a:cxn ang="0">
                  <a:pos x="connsiteX3167" y="connsiteY3167"/>
                </a:cxn>
                <a:cxn ang="0">
                  <a:pos x="connsiteX3168" y="connsiteY3168"/>
                </a:cxn>
                <a:cxn ang="0">
                  <a:pos x="connsiteX3169" y="connsiteY3169"/>
                </a:cxn>
                <a:cxn ang="0">
                  <a:pos x="connsiteX3170" y="connsiteY3170"/>
                </a:cxn>
                <a:cxn ang="0">
                  <a:pos x="connsiteX3171" y="connsiteY3171"/>
                </a:cxn>
                <a:cxn ang="0">
                  <a:pos x="connsiteX3172" y="connsiteY3172"/>
                </a:cxn>
                <a:cxn ang="0">
                  <a:pos x="connsiteX3173" y="connsiteY3173"/>
                </a:cxn>
                <a:cxn ang="0">
                  <a:pos x="connsiteX3174" y="connsiteY3174"/>
                </a:cxn>
                <a:cxn ang="0">
                  <a:pos x="connsiteX3175" y="connsiteY3175"/>
                </a:cxn>
                <a:cxn ang="0">
                  <a:pos x="connsiteX3176" y="connsiteY3176"/>
                </a:cxn>
                <a:cxn ang="0">
                  <a:pos x="connsiteX3177" y="connsiteY3177"/>
                </a:cxn>
                <a:cxn ang="0">
                  <a:pos x="connsiteX3178" y="connsiteY3178"/>
                </a:cxn>
                <a:cxn ang="0">
                  <a:pos x="connsiteX3179" y="connsiteY3179"/>
                </a:cxn>
                <a:cxn ang="0">
                  <a:pos x="connsiteX3180" y="connsiteY3180"/>
                </a:cxn>
                <a:cxn ang="0">
                  <a:pos x="connsiteX3181" y="connsiteY3181"/>
                </a:cxn>
                <a:cxn ang="0">
                  <a:pos x="connsiteX3182" y="connsiteY3182"/>
                </a:cxn>
                <a:cxn ang="0">
                  <a:pos x="connsiteX3183" y="connsiteY3183"/>
                </a:cxn>
                <a:cxn ang="0">
                  <a:pos x="connsiteX3184" y="connsiteY3184"/>
                </a:cxn>
                <a:cxn ang="0">
                  <a:pos x="connsiteX3185" y="connsiteY3185"/>
                </a:cxn>
                <a:cxn ang="0">
                  <a:pos x="connsiteX3186" y="connsiteY3186"/>
                </a:cxn>
                <a:cxn ang="0">
                  <a:pos x="connsiteX3187" y="connsiteY3187"/>
                </a:cxn>
                <a:cxn ang="0">
                  <a:pos x="connsiteX3188" y="connsiteY3188"/>
                </a:cxn>
                <a:cxn ang="0">
                  <a:pos x="connsiteX3189" y="connsiteY3189"/>
                </a:cxn>
                <a:cxn ang="0">
                  <a:pos x="connsiteX3190" y="connsiteY3190"/>
                </a:cxn>
                <a:cxn ang="0">
                  <a:pos x="connsiteX3191" y="connsiteY3191"/>
                </a:cxn>
                <a:cxn ang="0">
                  <a:pos x="connsiteX3192" y="connsiteY3192"/>
                </a:cxn>
                <a:cxn ang="0">
                  <a:pos x="connsiteX3193" y="connsiteY3193"/>
                </a:cxn>
                <a:cxn ang="0">
                  <a:pos x="connsiteX3194" y="connsiteY3194"/>
                </a:cxn>
                <a:cxn ang="0">
                  <a:pos x="connsiteX3195" y="connsiteY3195"/>
                </a:cxn>
                <a:cxn ang="0">
                  <a:pos x="connsiteX3196" y="connsiteY3196"/>
                </a:cxn>
                <a:cxn ang="0">
                  <a:pos x="connsiteX3197" y="connsiteY3197"/>
                </a:cxn>
                <a:cxn ang="0">
                  <a:pos x="connsiteX3198" y="connsiteY3198"/>
                </a:cxn>
                <a:cxn ang="0">
                  <a:pos x="connsiteX3199" y="connsiteY3199"/>
                </a:cxn>
                <a:cxn ang="0">
                  <a:pos x="connsiteX3200" y="connsiteY3200"/>
                </a:cxn>
                <a:cxn ang="0">
                  <a:pos x="connsiteX3201" y="connsiteY3201"/>
                </a:cxn>
                <a:cxn ang="0">
                  <a:pos x="connsiteX3202" y="connsiteY3202"/>
                </a:cxn>
                <a:cxn ang="0">
                  <a:pos x="connsiteX3203" y="connsiteY3203"/>
                </a:cxn>
                <a:cxn ang="0">
                  <a:pos x="connsiteX3204" y="connsiteY3204"/>
                </a:cxn>
                <a:cxn ang="0">
                  <a:pos x="connsiteX3205" y="connsiteY3205"/>
                </a:cxn>
                <a:cxn ang="0">
                  <a:pos x="connsiteX3206" y="connsiteY3206"/>
                </a:cxn>
                <a:cxn ang="0">
                  <a:pos x="connsiteX3207" y="connsiteY3207"/>
                </a:cxn>
                <a:cxn ang="0">
                  <a:pos x="connsiteX3208" y="connsiteY3208"/>
                </a:cxn>
                <a:cxn ang="0">
                  <a:pos x="connsiteX3209" y="connsiteY3209"/>
                </a:cxn>
                <a:cxn ang="0">
                  <a:pos x="connsiteX3210" y="connsiteY3210"/>
                </a:cxn>
                <a:cxn ang="0">
                  <a:pos x="connsiteX3211" y="connsiteY3211"/>
                </a:cxn>
                <a:cxn ang="0">
                  <a:pos x="connsiteX3212" y="connsiteY3212"/>
                </a:cxn>
                <a:cxn ang="0">
                  <a:pos x="connsiteX3213" y="connsiteY3213"/>
                </a:cxn>
                <a:cxn ang="0">
                  <a:pos x="connsiteX3214" y="connsiteY3214"/>
                </a:cxn>
                <a:cxn ang="0">
                  <a:pos x="connsiteX3215" y="connsiteY3215"/>
                </a:cxn>
                <a:cxn ang="0">
                  <a:pos x="connsiteX3216" y="connsiteY3216"/>
                </a:cxn>
                <a:cxn ang="0">
                  <a:pos x="connsiteX3217" y="connsiteY3217"/>
                </a:cxn>
                <a:cxn ang="0">
                  <a:pos x="connsiteX3218" y="connsiteY3218"/>
                </a:cxn>
                <a:cxn ang="0">
                  <a:pos x="connsiteX3219" y="connsiteY3219"/>
                </a:cxn>
                <a:cxn ang="0">
                  <a:pos x="connsiteX3220" y="connsiteY3220"/>
                </a:cxn>
                <a:cxn ang="0">
                  <a:pos x="connsiteX3221" y="connsiteY3221"/>
                </a:cxn>
                <a:cxn ang="0">
                  <a:pos x="connsiteX3222" y="connsiteY3222"/>
                </a:cxn>
                <a:cxn ang="0">
                  <a:pos x="connsiteX3223" y="connsiteY3223"/>
                </a:cxn>
                <a:cxn ang="0">
                  <a:pos x="connsiteX3224" y="connsiteY3224"/>
                </a:cxn>
                <a:cxn ang="0">
                  <a:pos x="connsiteX3225" y="connsiteY3225"/>
                </a:cxn>
                <a:cxn ang="0">
                  <a:pos x="connsiteX3226" y="connsiteY3226"/>
                </a:cxn>
                <a:cxn ang="0">
                  <a:pos x="connsiteX3227" y="connsiteY3227"/>
                </a:cxn>
                <a:cxn ang="0">
                  <a:pos x="connsiteX3228" y="connsiteY3228"/>
                </a:cxn>
                <a:cxn ang="0">
                  <a:pos x="connsiteX3229" y="connsiteY3229"/>
                </a:cxn>
                <a:cxn ang="0">
                  <a:pos x="connsiteX3230" y="connsiteY3230"/>
                </a:cxn>
                <a:cxn ang="0">
                  <a:pos x="connsiteX3231" y="connsiteY3231"/>
                </a:cxn>
                <a:cxn ang="0">
                  <a:pos x="connsiteX3232" y="connsiteY3232"/>
                </a:cxn>
                <a:cxn ang="0">
                  <a:pos x="connsiteX3233" y="connsiteY3233"/>
                </a:cxn>
                <a:cxn ang="0">
                  <a:pos x="connsiteX3234" y="connsiteY3234"/>
                </a:cxn>
                <a:cxn ang="0">
                  <a:pos x="connsiteX3235" y="connsiteY3235"/>
                </a:cxn>
                <a:cxn ang="0">
                  <a:pos x="connsiteX3236" y="connsiteY3236"/>
                </a:cxn>
                <a:cxn ang="0">
                  <a:pos x="connsiteX3237" y="connsiteY3237"/>
                </a:cxn>
                <a:cxn ang="0">
                  <a:pos x="connsiteX3238" y="connsiteY3238"/>
                </a:cxn>
                <a:cxn ang="0">
                  <a:pos x="connsiteX3239" y="connsiteY3239"/>
                </a:cxn>
                <a:cxn ang="0">
                  <a:pos x="connsiteX3240" y="connsiteY3240"/>
                </a:cxn>
                <a:cxn ang="0">
                  <a:pos x="connsiteX3241" y="connsiteY3241"/>
                </a:cxn>
                <a:cxn ang="0">
                  <a:pos x="connsiteX3242" y="connsiteY3242"/>
                </a:cxn>
                <a:cxn ang="0">
                  <a:pos x="connsiteX3243" y="connsiteY3243"/>
                </a:cxn>
                <a:cxn ang="0">
                  <a:pos x="connsiteX3244" y="connsiteY3244"/>
                </a:cxn>
                <a:cxn ang="0">
                  <a:pos x="connsiteX3245" y="connsiteY3245"/>
                </a:cxn>
                <a:cxn ang="0">
                  <a:pos x="connsiteX3246" y="connsiteY3246"/>
                </a:cxn>
                <a:cxn ang="0">
                  <a:pos x="connsiteX3247" y="connsiteY3247"/>
                </a:cxn>
                <a:cxn ang="0">
                  <a:pos x="connsiteX3248" y="connsiteY3248"/>
                </a:cxn>
                <a:cxn ang="0">
                  <a:pos x="connsiteX3249" y="connsiteY3249"/>
                </a:cxn>
                <a:cxn ang="0">
                  <a:pos x="connsiteX3250" y="connsiteY3250"/>
                </a:cxn>
                <a:cxn ang="0">
                  <a:pos x="connsiteX3251" y="connsiteY3251"/>
                </a:cxn>
                <a:cxn ang="0">
                  <a:pos x="connsiteX3252" y="connsiteY3252"/>
                </a:cxn>
                <a:cxn ang="0">
                  <a:pos x="connsiteX3253" y="connsiteY3253"/>
                </a:cxn>
                <a:cxn ang="0">
                  <a:pos x="connsiteX3254" y="connsiteY3254"/>
                </a:cxn>
                <a:cxn ang="0">
                  <a:pos x="connsiteX3255" y="connsiteY3255"/>
                </a:cxn>
                <a:cxn ang="0">
                  <a:pos x="connsiteX3256" y="connsiteY3256"/>
                </a:cxn>
                <a:cxn ang="0">
                  <a:pos x="connsiteX3257" y="connsiteY3257"/>
                </a:cxn>
                <a:cxn ang="0">
                  <a:pos x="connsiteX3258" y="connsiteY3258"/>
                </a:cxn>
                <a:cxn ang="0">
                  <a:pos x="connsiteX3259" y="connsiteY3259"/>
                </a:cxn>
                <a:cxn ang="0">
                  <a:pos x="connsiteX3260" y="connsiteY3260"/>
                </a:cxn>
                <a:cxn ang="0">
                  <a:pos x="connsiteX3261" y="connsiteY3261"/>
                </a:cxn>
                <a:cxn ang="0">
                  <a:pos x="connsiteX3262" y="connsiteY3262"/>
                </a:cxn>
                <a:cxn ang="0">
                  <a:pos x="connsiteX3263" y="connsiteY3263"/>
                </a:cxn>
                <a:cxn ang="0">
                  <a:pos x="connsiteX3264" y="connsiteY3264"/>
                </a:cxn>
                <a:cxn ang="0">
                  <a:pos x="connsiteX3265" y="connsiteY3265"/>
                </a:cxn>
                <a:cxn ang="0">
                  <a:pos x="connsiteX3266" y="connsiteY3266"/>
                </a:cxn>
                <a:cxn ang="0">
                  <a:pos x="connsiteX3267" y="connsiteY3267"/>
                </a:cxn>
                <a:cxn ang="0">
                  <a:pos x="connsiteX3268" y="connsiteY3268"/>
                </a:cxn>
                <a:cxn ang="0">
                  <a:pos x="connsiteX3269" y="connsiteY3269"/>
                </a:cxn>
                <a:cxn ang="0">
                  <a:pos x="connsiteX3270" y="connsiteY3270"/>
                </a:cxn>
                <a:cxn ang="0">
                  <a:pos x="connsiteX3271" y="connsiteY3271"/>
                </a:cxn>
                <a:cxn ang="0">
                  <a:pos x="connsiteX3272" y="connsiteY3272"/>
                </a:cxn>
                <a:cxn ang="0">
                  <a:pos x="connsiteX3273" y="connsiteY3273"/>
                </a:cxn>
                <a:cxn ang="0">
                  <a:pos x="connsiteX3274" y="connsiteY3274"/>
                </a:cxn>
                <a:cxn ang="0">
                  <a:pos x="connsiteX3275" y="connsiteY3275"/>
                </a:cxn>
                <a:cxn ang="0">
                  <a:pos x="connsiteX3276" y="connsiteY3276"/>
                </a:cxn>
                <a:cxn ang="0">
                  <a:pos x="connsiteX3277" y="connsiteY3277"/>
                </a:cxn>
                <a:cxn ang="0">
                  <a:pos x="connsiteX3278" y="connsiteY3278"/>
                </a:cxn>
                <a:cxn ang="0">
                  <a:pos x="connsiteX3279" y="connsiteY3279"/>
                </a:cxn>
                <a:cxn ang="0">
                  <a:pos x="connsiteX3280" y="connsiteY3280"/>
                </a:cxn>
                <a:cxn ang="0">
                  <a:pos x="connsiteX3281" y="connsiteY3281"/>
                </a:cxn>
                <a:cxn ang="0">
                  <a:pos x="connsiteX3282" y="connsiteY3282"/>
                </a:cxn>
                <a:cxn ang="0">
                  <a:pos x="connsiteX3283" y="connsiteY3283"/>
                </a:cxn>
                <a:cxn ang="0">
                  <a:pos x="connsiteX3284" y="connsiteY3284"/>
                </a:cxn>
                <a:cxn ang="0">
                  <a:pos x="connsiteX3285" y="connsiteY3285"/>
                </a:cxn>
                <a:cxn ang="0">
                  <a:pos x="connsiteX3286" y="connsiteY3286"/>
                </a:cxn>
                <a:cxn ang="0">
                  <a:pos x="connsiteX3287" y="connsiteY3287"/>
                </a:cxn>
                <a:cxn ang="0">
                  <a:pos x="connsiteX3288" y="connsiteY3288"/>
                </a:cxn>
                <a:cxn ang="0">
                  <a:pos x="connsiteX3289" y="connsiteY3289"/>
                </a:cxn>
                <a:cxn ang="0">
                  <a:pos x="connsiteX3290" y="connsiteY3290"/>
                </a:cxn>
                <a:cxn ang="0">
                  <a:pos x="connsiteX3291" y="connsiteY3291"/>
                </a:cxn>
                <a:cxn ang="0">
                  <a:pos x="connsiteX3292" y="connsiteY3292"/>
                </a:cxn>
                <a:cxn ang="0">
                  <a:pos x="connsiteX3293" y="connsiteY3293"/>
                </a:cxn>
                <a:cxn ang="0">
                  <a:pos x="connsiteX3294" y="connsiteY3294"/>
                </a:cxn>
                <a:cxn ang="0">
                  <a:pos x="connsiteX3295" y="connsiteY3295"/>
                </a:cxn>
                <a:cxn ang="0">
                  <a:pos x="connsiteX3296" y="connsiteY3296"/>
                </a:cxn>
                <a:cxn ang="0">
                  <a:pos x="connsiteX3297" y="connsiteY3297"/>
                </a:cxn>
                <a:cxn ang="0">
                  <a:pos x="connsiteX3298" y="connsiteY3298"/>
                </a:cxn>
                <a:cxn ang="0">
                  <a:pos x="connsiteX3299" y="connsiteY3299"/>
                </a:cxn>
                <a:cxn ang="0">
                  <a:pos x="connsiteX3300" y="connsiteY3300"/>
                </a:cxn>
                <a:cxn ang="0">
                  <a:pos x="connsiteX3301" y="connsiteY3301"/>
                </a:cxn>
                <a:cxn ang="0">
                  <a:pos x="connsiteX3302" y="connsiteY3302"/>
                </a:cxn>
                <a:cxn ang="0">
                  <a:pos x="connsiteX3303" y="connsiteY3303"/>
                </a:cxn>
                <a:cxn ang="0">
                  <a:pos x="connsiteX3304" y="connsiteY3304"/>
                </a:cxn>
                <a:cxn ang="0">
                  <a:pos x="connsiteX3305" y="connsiteY3305"/>
                </a:cxn>
                <a:cxn ang="0">
                  <a:pos x="connsiteX3306" y="connsiteY3306"/>
                </a:cxn>
                <a:cxn ang="0">
                  <a:pos x="connsiteX3307" y="connsiteY3307"/>
                </a:cxn>
                <a:cxn ang="0">
                  <a:pos x="connsiteX3308" y="connsiteY3308"/>
                </a:cxn>
                <a:cxn ang="0">
                  <a:pos x="connsiteX3309" y="connsiteY3309"/>
                </a:cxn>
                <a:cxn ang="0">
                  <a:pos x="connsiteX3310" y="connsiteY3310"/>
                </a:cxn>
                <a:cxn ang="0">
                  <a:pos x="connsiteX3311" y="connsiteY3311"/>
                </a:cxn>
                <a:cxn ang="0">
                  <a:pos x="connsiteX3312" y="connsiteY3312"/>
                </a:cxn>
                <a:cxn ang="0">
                  <a:pos x="connsiteX3313" y="connsiteY3313"/>
                </a:cxn>
                <a:cxn ang="0">
                  <a:pos x="connsiteX3314" y="connsiteY3314"/>
                </a:cxn>
                <a:cxn ang="0">
                  <a:pos x="connsiteX3315" y="connsiteY3315"/>
                </a:cxn>
                <a:cxn ang="0">
                  <a:pos x="connsiteX3316" y="connsiteY3316"/>
                </a:cxn>
                <a:cxn ang="0">
                  <a:pos x="connsiteX3317" y="connsiteY3317"/>
                </a:cxn>
                <a:cxn ang="0">
                  <a:pos x="connsiteX3318" y="connsiteY3318"/>
                </a:cxn>
                <a:cxn ang="0">
                  <a:pos x="connsiteX3319" y="connsiteY3319"/>
                </a:cxn>
                <a:cxn ang="0">
                  <a:pos x="connsiteX3320" y="connsiteY3320"/>
                </a:cxn>
                <a:cxn ang="0">
                  <a:pos x="connsiteX3321" y="connsiteY3321"/>
                </a:cxn>
                <a:cxn ang="0">
                  <a:pos x="connsiteX3322" y="connsiteY3322"/>
                </a:cxn>
                <a:cxn ang="0">
                  <a:pos x="connsiteX3323" y="connsiteY3323"/>
                </a:cxn>
                <a:cxn ang="0">
                  <a:pos x="connsiteX3324" y="connsiteY3324"/>
                </a:cxn>
                <a:cxn ang="0">
                  <a:pos x="connsiteX3325" y="connsiteY3325"/>
                </a:cxn>
                <a:cxn ang="0">
                  <a:pos x="connsiteX3326" y="connsiteY3326"/>
                </a:cxn>
                <a:cxn ang="0">
                  <a:pos x="connsiteX3327" y="connsiteY3327"/>
                </a:cxn>
                <a:cxn ang="0">
                  <a:pos x="connsiteX3328" y="connsiteY3328"/>
                </a:cxn>
                <a:cxn ang="0">
                  <a:pos x="connsiteX3329" y="connsiteY3329"/>
                </a:cxn>
                <a:cxn ang="0">
                  <a:pos x="connsiteX3330" y="connsiteY3330"/>
                </a:cxn>
                <a:cxn ang="0">
                  <a:pos x="connsiteX3331" y="connsiteY3331"/>
                </a:cxn>
                <a:cxn ang="0">
                  <a:pos x="connsiteX3332" y="connsiteY3332"/>
                </a:cxn>
                <a:cxn ang="0">
                  <a:pos x="connsiteX3333" y="connsiteY3333"/>
                </a:cxn>
                <a:cxn ang="0">
                  <a:pos x="connsiteX3334" y="connsiteY3334"/>
                </a:cxn>
                <a:cxn ang="0">
                  <a:pos x="connsiteX3335" y="connsiteY3335"/>
                </a:cxn>
                <a:cxn ang="0">
                  <a:pos x="connsiteX3336" y="connsiteY3336"/>
                </a:cxn>
                <a:cxn ang="0">
                  <a:pos x="connsiteX3337" y="connsiteY3337"/>
                </a:cxn>
                <a:cxn ang="0">
                  <a:pos x="connsiteX3338" y="connsiteY3338"/>
                </a:cxn>
                <a:cxn ang="0">
                  <a:pos x="connsiteX3339" y="connsiteY3339"/>
                </a:cxn>
                <a:cxn ang="0">
                  <a:pos x="connsiteX3340" y="connsiteY3340"/>
                </a:cxn>
                <a:cxn ang="0">
                  <a:pos x="connsiteX3341" y="connsiteY3341"/>
                </a:cxn>
                <a:cxn ang="0">
                  <a:pos x="connsiteX3342" y="connsiteY3342"/>
                </a:cxn>
                <a:cxn ang="0">
                  <a:pos x="connsiteX3343" y="connsiteY3343"/>
                </a:cxn>
                <a:cxn ang="0">
                  <a:pos x="connsiteX3344" y="connsiteY3344"/>
                </a:cxn>
                <a:cxn ang="0">
                  <a:pos x="connsiteX3345" y="connsiteY3345"/>
                </a:cxn>
                <a:cxn ang="0">
                  <a:pos x="connsiteX3346" y="connsiteY3346"/>
                </a:cxn>
                <a:cxn ang="0">
                  <a:pos x="connsiteX3347" y="connsiteY3347"/>
                </a:cxn>
                <a:cxn ang="0">
                  <a:pos x="connsiteX3348" y="connsiteY3348"/>
                </a:cxn>
                <a:cxn ang="0">
                  <a:pos x="connsiteX3349" y="connsiteY3349"/>
                </a:cxn>
                <a:cxn ang="0">
                  <a:pos x="connsiteX3350" y="connsiteY3350"/>
                </a:cxn>
                <a:cxn ang="0">
                  <a:pos x="connsiteX3351" y="connsiteY3351"/>
                </a:cxn>
                <a:cxn ang="0">
                  <a:pos x="connsiteX3352" y="connsiteY3352"/>
                </a:cxn>
                <a:cxn ang="0">
                  <a:pos x="connsiteX3353" y="connsiteY3353"/>
                </a:cxn>
                <a:cxn ang="0">
                  <a:pos x="connsiteX3354" y="connsiteY3354"/>
                </a:cxn>
                <a:cxn ang="0">
                  <a:pos x="connsiteX3355" y="connsiteY3355"/>
                </a:cxn>
                <a:cxn ang="0">
                  <a:pos x="connsiteX3356" y="connsiteY3356"/>
                </a:cxn>
                <a:cxn ang="0">
                  <a:pos x="connsiteX3357" y="connsiteY3357"/>
                </a:cxn>
                <a:cxn ang="0">
                  <a:pos x="connsiteX3358" y="connsiteY3358"/>
                </a:cxn>
                <a:cxn ang="0">
                  <a:pos x="connsiteX3359" y="connsiteY3359"/>
                </a:cxn>
                <a:cxn ang="0">
                  <a:pos x="connsiteX3360" y="connsiteY3360"/>
                </a:cxn>
                <a:cxn ang="0">
                  <a:pos x="connsiteX3361" y="connsiteY3361"/>
                </a:cxn>
                <a:cxn ang="0">
                  <a:pos x="connsiteX3362" y="connsiteY3362"/>
                </a:cxn>
                <a:cxn ang="0">
                  <a:pos x="connsiteX3363" y="connsiteY3363"/>
                </a:cxn>
                <a:cxn ang="0">
                  <a:pos x="connsiteX3364" y="connsiteY3364"/>
                </a:cxn>
                <a:cxn ang="0">
                  <a:pos x="connsiteX3365" y="connsiteY3365"/>
                </a:cxn>
                <a:cxn ang="0">
                  <a:pos x="connsiteX3366" y="connsiteY3366"/>
                </a:cxn>
                <a:cxn ang="0">
                  <a:pos x="connsiteX3367" y="connsiteY3367"/>
                </a:cxn>
                <a:cxn ang="0">
                  <a:pos x="connsiteX3368" y="connsiteY3368"/>
                </a:cxn>
                <a:cxn ang="0">
                  <a:pos x="connsiteX3369" y="connsiteY3369"/>
                </a:cxn>
                <a:cxn ang="0">
                  <a:pos x="connsiteX3370" y="connsiteY3370"/>
                </a:cxn>
                <a:cxn ang="0">
                  <a:pos x="connsiteX3371" y="connsiteY3371"/>
                </a:cxn>
                <a:cxn ang="0">
                  <a:pos x="connsiteX3372" y="connsiteY3372"/>
                </a:cxn>
                <a:cxn ang="0">
                  <a:pos x="connsiteX3373" y="connsiteY3373"/>
                </a:cxn>
                <a:cxn ang="0">
                  <a:pos x="connsiteX3374" y="connsiteY3374"/>
                </a:cxn>
                <a:cxn ang="0">
                  <a:pos x="connsiteX3375" y="connsiteY3375"/>
                </a:cxn>
                <a:cxn ang="0">
                  <a:pos x="connsiteX3376" y="connsiteY3376"/>
                </a:cxn>
                <a:cxn ang="0">
                  <a:pos x="connsiteX3377" y="connsiteY3377"/>
                </a:cxn>
                <a:cxn ang="0">
                  <a:pos x="connsiteX3378" y="connsiteY3378"/>
                </a:cxn>
                <a:cxn ang="0">
                  <a:pos x="connsiteX3379" y="connsiteY3379"/>
                </a:cxn>
                <a:cxn ang="0">
                  <a:pos x="connsiteX3380" y="connsiteY3380"/>
                </a:cxn>
                <a:cxn ang="0">
                  <a:pos x="connsiteX3381" y="connsiteY3381"/>
                </a:cxn>
                <a:cxn ang="0">
                  <a:pos x="connsiteX3382" y="connsiteY3382"/>
                </a:cxn>
                <a:cxn ang="0">
                  <a:pos x="connsiteX3383" y="connsiteY3383"/>
                </a:cxn>
                <a:cxn ang="0">
                  <a:pos x="connsiteX3384" y="connsiteY3384"/>
                </a:cxn>
                <a:cxn ang="0">
                  <a:pos x="connsiteX3385" y="connsiteY3385"/>
                </a:cxn>
                <a:cxn ang="0">
                  <a:pos x="connsiteX3386" y="connsiteY3386"/>
                </a:cxn>
                <a:cxn ang="0">
                  <a:pos x="connsiteX3387" y="connsiteY3387"/>
                </a:cxn>
                <a:cxn ang="0">
                  <a:pos x="connsiteX3388" y="connsiteY3388"/>
                </a:cxn>
                <a:cxn ang="0">
                  <a:pos x="connsiteX3389" y="connsiteY3389"/>
                </a:cxn>
                <a:cxn ang="0">
                  <a:pos x="connsiteX3390" y="connsiteY3390"/>
                </a:cxn>
                <a:cxn ang="0">
                  <a:pos x="connsiteX3391" y="connsiteY3391"/>
                </a:cxn>
                <a:cxn ang="0">
                  <a:pos x="connsiteX3392" y="connsiteY3392"/>
                </a:cxn>
                <a:cxn ang="0">
                  <a:pos x="connsiteX3393" y="connsiteY3393"/>
                </a:cxn>
                <a:cxn ang="0">
                  <a:pos x="connsiteX3394" y="connsiteY3394"/>
                </a:cxn>
                <a:cxn ang="0">
                  <a:pos x="connsiteX3395" y="connsiteY3395"/>
                </a:cxn>
                <a:cxn ang="0">
                  <a:pos x="connsiteX3396" y="connsiteY3396"/>
                </a:cxn>
                <a:cxn ang="0">
                  <a:pos x="connsiteX3397" y="connsiteY3397"/>
                </a:cxn>
                <a:cxn ang="0">
                  <a:pos x="connsiteX3398" y="connsiteY3398"/>
                </a:cxn>
                <a:cxn ang="0">
                  <a:pos x="connsiteX3399" y="connsiteY3399"/>
                </a:cxn>
                <a:cxn ang="0">
                  <a:pos x="connsiteX3400" y="connsiteY3400"/>
                </a:cxn>
                <a:cxn ang="0">
                  <a:pos x="connsiteX3401" y="connsiteY3401"/>
                </a:cxn>
                <a:cxn ang="0">
                  <a:pos x="connsiteX3402" y="connsiteY3402"/>
                </a:cxn>
                <a:cxn ang="0">
                  <a:pos x="connsiteX3403" y="connsiteY3403"/>
                </a:cxn>
                <a:cxn ang="0">
                  <a:pos x="connsiteX3404" y="connsiteY3404"/>
                </a:cxn>
                <a:cxn ang="0">
                  <a:pos x="connsiteX3405" y="connsiteY3405"/>
                </a:cxn>
                <a:cxn ang="0">
                  <a:pos x="connsiteX3406" y="connsiteY3406"/>
                </a:cxn>
                <a:cxn ang="0">
                  <a:pos x="connsiteX3407" y="connsiteY3407"/>
                </a:cxn>
                <a:cxn ang="0">
                  <a:pos x="connsiteX3408" y="connsiteY3408"/>
                </a:cxn>
                <a:cxn ang="0">
                  <a:pos x="connsiteX3409" y="connsiteY3409"/>
                </a:cxn>
                <a:cxn ang="0">
                  <a:pos x="connsiteX3410" y="connsiteY3410"/>
                </a:cxn>
                <a:cxn ang="0">
                  <a:pos x="connsiteX3411" y="connsiteY3411"/>
                </a:cxn>
                <a:cxn ang="0">
                  <a:pos x="connsiteX3412" y="connsiteY3412"/>
                </a:cxn>
                <a:cxn ang="0">
                  <a:pos x="connsiteX3413" y="connsiteY3413"/>
                </a:cxn>
                <a:cxn ang="0">
                  <a:pos x="connsiteX3414" y="connsiteY3414"/>
                </a:cxn>
                <a:cxn ang="0">
                  <a:pos x="connsiteX3415" y="connsiteY3415"/>
                </a:cxn>
                <a:cxn ang="0">
                  <a:pos x="connsiteX3416" y="connsiteY3416"/>
                </a:cxn>
                <a:cxn ang="0">
                  <a:pos x="connsiteX3417" y="connsiteY3417"/>
                </a:cxn>
                <a:cxn ang="0">
                  <a:pos x="connsiteX3418" y="connsiteY3418"/>
                </a:cxn>
                <a:cxn ang="0">
                  <a:pos x="connsiteX3419" y="connsiteY3419"/>
                </a:cxn>
                <a:cxn ang="0">
                  <a:pos x="connsiteX3420" y="connsiteY3420"/>
                </a:cxn>
                <a:cxn ang="0">
                  <a:pos x="connsiteX3421" y="connsiteY3421"/>
                </a:cxn>
                <a:cxn ang="0">
                  <a:pos x="connsiteX3422" y="connsiteY3422"/>
                </a:cxn>
                <a:cxn ang="0">
                  <a:pos x="connsiteX3423" y="connsiteY3423"/>
                </a:cxn>
                <a:cxn ang="0">
                  <a:pos x="connsiteX3424" y="connsiteY3424"/>
                </a:cxn>
                <a:cxn ang="0">
                  <a:pos x="connsiteX3425" y="connsiteY3425"/>
                </a:cxn>
                <a:cxn ang="0">
                  <a:pos x="connsiteX3426" y="connsiteY3426"/>
                </a:cxn>
                <a:cxn ang="0">
                  <a:pos x="connsiteX3427" y="connsiteY3427"/>
                </a:cxn>
                <a:cxn ang="0">
                  <a:pos x="connsiteX3428" y="connsiteY3428"/>
                </a:cxn>
                <a:cxn ang="0">
                  <a:pos x="connsiteX3429" y="connsiteY3429"/>
                </a:cxn>
                <a:cxn ang="0">
                  <a:pos x="connsiteX3430" y="connsiteY3430"/>
                </a:cxn>
                <a:cxn ang="0">
                  <a:pos x="connsiteX3431" y="connsiteY3431"/>
                </a:cxn>
                <a:cxn ang="0">
                  <a:pos x="connsiteX3432" y="connsiteY3432"/>
                </a:cxn>
                <a:cxn ang="0">
                  <a:pos x="connsiteX3433" y="connsiteY3433"/>
                </a:cxn>
                <a:cxn ang="0">
                  <a:pos x="connsiteX3434" y="connsiteY3434"/>
                </a:cxn>
                <a:cxn ang="0">
                  <a:pos x="connsiteX3435" y="connsiteY3435"/>
                </a:cxn>
                <a:cxn ang="0">
                  <a:pos x="connsiteX3436" y="connsiteY3436"/>
                </a:cxn>
                <a:cxn ang="0">
                  <a:pos x="connsiteX3437" y="connsiteY3437"/>
                </a:cxn>
                <a:cxn ang="0">
                  <a:pos x="connsiteX3438" y="connsiteY3438"/>
                </a:cxn>
                <a:cxn ang="0">
                  <a:pos x="connsiteX3439" y="connsiteY3439"/>
                </a:cxn>
                <a:cxn ang="0">
                  <a:pos x="connsiteX3440" y="connsiteY3440"/>
                </a:cxn>
                <a:cxn ang="0">
                  <a:pos x="connsiteX3441" y="connsiteY3441"/>
                </a:cxn>
                <a:cxn ang="0">
                  <a:pos x="connsiteX3442" y="connsiteY3442"/>
                </a:cxn>
                <a:cxn ang="0">
                  <a:pos x="connsiteX3443" y="connsiteY3443"/>
                </a:cxn>
                <a:cxn ang="0">
                  <a:pos x="connsiteX3444" y="connsiteY3444"/>
                </a:cxn>
                <a:cxn ang="0">
                  <a:pos x="connsiteX3445" y="connsiteY3445"/>
                </a:cxn>
                <a:cxn ang="0">
                  <a:pos x="connsiteX3446" y="connsiteY3446"/>
                </a:cxn>
                <a:cxn ang="0">
                  <a:pos x="connsiteX3447" y="connsiteY3447"/>
                </a:cxn>
                <a:cxn ang="0">
                  <a:pos x="connsiteX3448" y="connsiteY3448"/>
                </a:cxn>
                <a:cxn ang="0">
                  <a:pos x="connsiteX3449" y="connsiteY3449"/>
                </a:cxn>
                <a:cxn ang="0">
                  <a:pos x="connsiteX3450" y="connsiteY3450"/>
                </a:cxn>
                <a:cxn ang="0">
                  <a:pos x="connsiteX3451" y="connsiteY3451"/>
                </a:cxn>
                <a:cxn ang="0">
                  <a:pos x="connsiteX3452" y="connsiteY3452"/>
                </a:cxn>
                <a:cxn ang="0">
                  <a:pos x="connsiteX3453" y="connsiteY3453"/>
                </a:cxn>
                <a:cxn ang="0">
                  <a:pos x="connsiteX3454" y="connsiteY3454"/>
                </a:cxn>
                <a:cxn ang="0">
                  <a:pos x="connsiteX3455" y="connsiteY3455"/>
                </a:cxn>
                <a:cxn ang="0">
                  <a:pos x="connsiteX3456" y="connsiteY3456"/>
                </a:cxn>
                <a:cxn ang="0">
                  <a:pos x="connsiteX3457" y="connsiteY3457"/>
                </a:cxn>
                <a:cxn ang="0">
                  <a:pos x="connsiteX3458" y="connsiteY3458"/>
                </a:cxn>
                <a:cxn ang="0">
                  <a:pos x="connsiteX3459" y="connsiteY3459"/>
                </a:cxn>
                <a:cxn ang="0">
                  <a:pos x="connsiteX3460" y="connsiteY3460"/>
                </a:cxn>
                <a:cxn ang="0">
                  <a:pos x="connsiteX3461" y="connsiteY3461"/>
                </a:cxn>
                <a:cxn ang="0">
                  <a:pos x="connsiteX3462" y="connsiteY3462"/>
                </a:cxn>
                <a:cxn ang="0">
                  <a:pos x="connsiteX3463" y="connsiteY3463"/>
                </a:cxn>
                <a:cxn ang="0">
                  <a:pos x="connsiteX3464" y="connsiteY3464"/>
                </a:cxn>
                <a:cxn ang="0">
                  <a:pos x="connsiteX3465" y="connsiteY3465"/>
                </a:cxn>
                <a:cxn ang="0">
                  <a:pos x="connsiteX3466" y="connsiteY3466"/>
                </a:cxn>
                <a:cxn ang="0">
                  <a:pos x="connsiteX3467" y="connsiteY3467"/>
                </a:cxn>
                <a:cxn ang="0">
                  <a:pos x="connsiteX3468" y="connsiteY3468"/>
                </a:cxn>
                <a:cxn ang="0">
                  <a:pos x="connsiteX3469" y="connsiteY3469"/>
                </a:cxn>
                <a:cxn ang="0">
                  <a:pos x="connsiteX3470" y="connsiteY3470"/>
                </a:cxn>
                <a:cxn ang="0">
                  <a:pos x="connsiteX3471" y="connsiteY3471"/>
                </a:cxn>
                <a:cxn ang="0">
                  <a:pos x="connsiteX3472" y="connsiteY3472"/>
                </a:cxn>
                <a:cxn ang="0">
                  <a:pos x="connsiteX3473" y="connsiteY3473"/>
                </a:cxn>
                <a:cxn ang="0">
                  <a:pos x="connsiteX3474" y="connsiteY3474"/>
                </a:cxn>
                <a:cxn ang="0">
                  <a:pos x="connsiteX3475" y="connsiteY3475"/>
                </a:cxn>
                <a:cxn ang="0">
                  <a:pos x="connsiteX3476" y="connsiteY3476"/>
                </a:cxn>
                <a:cxn ang="0">
                  <a:pos x="connsiteX3477" y="connsiteY3477"/>
                </a:cxn>
                <a:cxn ang="0">
                  <a:pos x="connsiteX3478" y="connsiteY3478"/>
                </a:cxn>
                <a:cxn ang="0">
                  <a:pos x="connsiteX3479" y="connsiteY3479"/>
                </a:cxn>
                <a:cxn ang="0">
                  <a:pos x="connsiteX3480" y="connsiteY3480"/>
                </a:cxn>
                <a:cxn ang="0">
                  <a:pos x="connsiteX3481" y="connsiteY3481"/>
                </a:cxn>
                <a:cxn ang="0">
                  <a:pos x="connsiteX3482" y="connsiteY3482"/>
                </a:cxn>
                <a:cxn ang="0">
                  <a:pos x="connsiteX3483" y="connsiteY3483"/>
                </a:cxn>
                <a:cxn ang="0">
                  <a:pos x="connsiteX3484" y="connsiteY3484"/>
                </a:cxn>
                <a:cxn ang="0">
                  <a:pos x="connsiteX3485" y="connsiteY3485"/>
                </a:cxn>
                <a:cxn ang="0">
                  <a:pos x="connsiteX3486" y="connsiteY3486"/>
                </a:cxn>
                <a:cxn ang="0">
                  <a:pos x="connsiteX3487" y="connsiteY3487"/>
                </a:cxn>
                <a:cxn ang="0">
                  <a:pos x="connsiteX3488" y="connsiteY3488"/>
                </a:cxn>
                <a:cxn ang="0">
                  <a:pos x="connsiteX3489" y="connsiteY3489"/>
                </a:cxn>
                <a:cxn ang="0">
                  <a:pos x="connsiteX3490" y="connsiteY3490"/>
                </a:cxn>
                <a:cxn ang="0">
                  <a:pos x="connsiteX3491" y="connsiteY3491"/>
                </a:cxn>
                <a:cxn ang="0">
                  <a:pos x="connsiteX3492" y="connsiteY3492"/>
                </a:cxn>
                <a:cxn ang="0">
                  <a:pos x="connsiteX3493" y="connsiteY3493"/>
                </a:cxn>
                <a:cxn ang="0">
                  <a:pos x="connsiteX3494" y="connsiteY3494"/>
                </a:cxn>
                <a:cxn ang="0">
                  <a:pos x="connsiteX3495" y="connsiteY3495"/>
                </a:cxn>
                <a:cxn ang="0">
                  <a:pos x="connsiteX3496" y="connsiteY3496"/>
                </a:cxn>
                <a:cxn ang="0">
                  <a:pos x="connsiteX3497" y="connsiteY3497"/>
                </a:cxn>
                <a:cxn ang="0">
                  <a:pos x="connsiteX3498" y="connsiteY3498"/>
                </a:cxn>
                <a:cxn ang="0">
                  <a:pos x="connsiteX3499" y="connsiteY3499"/>
                </a:cxn>
                <a:cxn ang="0">
                  <a:pos x="connsiteX3500" y="connsiteY3500"/>
                </a:cxn>
                <a:cxn ang="0">
                  <a:pos x="connsiteX3501" y="connsiteY3501"/>
                </a:cxn>
                <a:cxn ang="0">
                  <a:pos x="connsiteX3502" y="connsiteY3502"/>
                </a:cxn>
                <a:cxn ang="0">
                  <a:pos x="connsiteX3503" y="connsiteY3503"/>
                </a:cxn>
                <a:cxn ang="0">
                  <a:pos x="connsiteX3504" y="connsiteY3504"/>
                </a:cxn>
                <a:cxn ang="0">
                  <a:pos x="connsiteX3505" y="connsiteY3505"/>
                </a:cxn>
                <a:cxn ang="0">
                  <a:pos x="connsiteX3506" y="connsiteY3506"/>
                </a:cxn>
                <a:cxn ang="0">
                  <a:pos x="connsiteX3507" y="connsiteY3507"/>
                </a:cxn>
                <a:cxn ang="0">
                  <a:pos x="connsiteX3508" y="connsiteY3508"/>
                </a:cxn>
                <a:cxn ang="0">
                  <a:pos x="connsiteX3509" y="connsiteY3509"/>
                </a:cxn>
                <a:cxn ang="0">
                  <a:pos x="connsiteX3510" y="connsiteY3510"/>
                </a:cxn>
                <a:cxn ang="0">
                  <a:pos x="connsiteX3511" y="connsiteY3511"/>
                </a:cxn>
                <a:cxn ang="0">
                  <a:pos x="connsiteX3512" y="connsiteY3512"/>
                </a:cxn>
                <a:cxn ang="0">
                  <a:pos x="connsiteX3513" y="connsiteY3513"/>
                </a:cxn>
                <a:cxn ang="0">
                  <a:pos x="connsiteX3514" y="connsiteY3514"/>
                </a:cxn>
                <a:cxn ang="0">
                  <a:pos x="connsiteX3515" y="connsiteY3515"/>
                </a:cxn>
                <a:cxn ang="0">
                  <a:pos x="connsiteX3516" y="connsiteY3516"/>
                </a:cxn>
                <a:cxn ang="0">
                  <a:pos x="connsiteX3517" y="connsiteY3517"/>
                </a:cxn>
                <a:cxn ang="0">
                  <a:pos x="connsiteX3518" y="connsiteY3518"/>
                </a:cxn>
                <a:cxn ang="0">
                  <a:pos x="connsiteX3519" y="connsiteY3519"/>
                </a:cxn>
                <a:cxn ang="0">
                  <a:pos x="connsiteX3520" y="connsiteY3520"/>
                </a:cxn>
                <a:cxn ang="0">
                  <a:pos x="connsiteX3521" y="connsiteY3521"/>
                </a:cxn>
                <a:cxn ang="0">
                  <a:pos x="connsiteX3522" y="connsiteY3522"/>
                </a:cxn>
                <a:cxn ang="0">
                  <a:pos x="connsiteX3523" y="connsiteY3523"/>
                </a:cxn>
                <a:cxn ang="0">
                  <a:pos x="connsiteX3524" y="connsiteY3524"/>
                </a:cxn>
                <a:cxn ang="0">
                  <a:pos x="connsiteX3525" y="connsiteY3525"/>
                </a:cxn>
                <a:cxn ang="0">
                  <a:pos x="connsiteX3526" y="connsiteY3526"/>
                </a:cxn>
                <a:cxn ang="0">
                  <a:pos x="connsiteX3527" y="connsiteY3527"/>
                </a:cxn>
                <a:cxn ang="0">
                  <a:pos x="connsiteX3528" y="connsiteY3528"/>
                </a:cxn>
                <a:cxn ang="0">
                  <a:pos x="connsiteX3529" y="connsiteY3529"/>
                </a:cxn>
                <a:cxn ang="0">
                  <a:pos x="connsiteX3530" y="connsiteY3530"/>
                </a:cxn>
                <a:cxn ang="0">
                  <a:pos x="connsiteX3531" y="connsiteY3531"/>
                </a:cxn>
                <a:cxn ang="0">
                  <a:pos x="connsiteX3532" y="connsiteY3532"/>
                </a:cxn>
                <a:cxn ang="0">
                  <a:pos x="connsiteX3533" y="connsiteY3533"/>
                </a:cxn>
                <a:cxn ang="0">
                  <a:pos x="connsiteX3534" y="connsiteY3534"/>
                </a:cxn>
                <a:cxn ang="0">
                  <a:pos x="connsiteX3535" y="connsiteY3535"/>
                </a:cxn>
                <a:cxn ang="0">
                  <a:pos x="connsiteX3536" y="connsiteY3536"/>
                </a:cxn>
                <a:cxn ang="0">
                  <a:pos x="connsiteX3537" y="connsiteY3537"/>
                </a:cxn>
                <a:cxn ang="0">
                  <a:pos x="connsiteX3538" y="connsiteY3538"/>
                </a:cxn>
                <a:cxn ang="0">
                  <a:pos x="connsiteX3539" y="connsiteY3539"/>
                </a:cxn>
                <a:cxn ang="0">
                  <a:pos x="connsiteX3540" y="connsiteY3540"/>
                </a:cxn>
                <a:cxn ang="0">
                  <a:pos x="connsiteX3541" y="connsiteY3541"/>
                </a:cxn>
                <a:cxn ang="0">
                  <a:pos x="connsiteX3542" y="connsiteY3542"/>
                </a:cxn>
                <a:cxn ang="0">
                  <a:pos x="connsiteX3543" y="connsiteY3543"/>
                </a:cxn>
                <a:cxn ang="0">
                  <a:pos x="connsiteX3544" y="connsiteY3544"/>
                </a:cxn>
                <a:cxn ang="0">
                  <a:pos x="connsiteX3545" y="connsiteY3545"/>
                </a:cxn>
                <a:cxn ang="0">
                  <a:pos x="connsiteX3546" y="connsiteY3546"/>
                </a:cxn>
                <a:cxn ang="0">
                  <a:pos x="connsiteX3547" y="connsiteY3547"/>
                </a:cxn>
                <a:cxn ang="0">
                  <a:pos x="connsiteX3548" y="connsiteY3548"/>
                </a:cxn>
                <a:cxn ang="0">
                  <a:pos x="connsiteX3549" y="connsiteY3549"/>
                </a:cxn>
                <a:cxn ang="0">
                  <a:pos x="connsiteX3550" y="connsiteY3550"/>
                </a:cxn>
                <a:cxn ang="0">
                  <a:pos x="connsiteX3551" y="connsiteY3551"/>
                </a:cxn>
                <a:cxn ang="0">
                  <a:pos x="connsiteX3552" y="connsiteY3552"/>
                </a:cxn>
                <a:cxn ang="0">
                  <a:pos x="connsiteX3553" y="connsiteY3553"/>
                </a:cxn>
                <a:cxn ang="0">
                  <a:pos x="connsiteX3554" y="connsiteY3554"/>
                </a:cxn>
                <a:cxn ang="0">
                  <a:pos x="connsiteX3555" y="connsiteY3555"/>
                </a:cxn>
                <a:cxn ang="0">
                  <a:pos x="connsiteX3556" y="connsiteY3556"/>
                </a:cxn>
                <a:cxn ang="0">
                  <a:pos x="connsiteX3557" y="connsiteY3557"/>
                </a:cxn>
                <a:cxn ang="0">
                  <a:pos x="connsiteX3558" y="connsiteY3558"/>
                </a:cxn>
                <a:cxn ang="0">
                  <a:pos x="connsiteX3559" y="connsiteY3559"/>
                </a:cxn>
                <a:cxn ang="0">
                  <a:pos x="connsiteX3560" y="connsiteY3560"/>
                </a:cxn>
                <a:cxn ang="0">
                  <a:pos x="connsiteX3561" y="connsiteY3561"/>
                </a:cxn>
                <a:cxn ang="0">
                  <a:pos x="connsiteX3562" y="connsiteY3562"/>
                </a:cxn>
                <a:cxn ang="0">
                  <a:pos x="connsiteX3563" y="connsiteY3563"/>
                </a:cxn>
                <a:cxn ang="0">
                  <a:pos x="connsiteX3564" y="connsiteY3564"/>
                </a:cxn>
                <a:cxn ang="0">
                  <a:pos x="connsiteX3565" y="connsiteY3565"/>
                </a:cxn>
                <a:cxn ang="0">
                  <a:pos x="connsiteX3566" y="connsiteY3566"/>
                </a:cxn>
                <a:cxn ang="0">
                  <a:pos x="connsiteX3567" y="connsiteY3567"/>
                </a:cxn>
                <a:cxn ang="0">
                  <a:pos x="connsiteX3568" y="connsiteY3568"/>
                </a:cxn>
                <a:cxn ang="0">
                  <a:pos x="connsiteX3569" y="connsiteY3569"/>
                </a:cxn>
                <a:cxn ang="0">
                  <a:pos x="connsiteX3570" y="connsiteY3570"/>
                </a:cxn>
                <a:cxn ang="0">
                  <a:pos x="connsiteX3571" y="connsiteY3571"/>
                </a:cxn>
                <a:cxn ang="0">
                  <a:pos x="connsiteX3572" y="connsiteY3572"/>
                </a:cxn>
                <a:cxn ang="0">
                  <a:pos x="connsiteX3573" y="connsiteY3573"/>
                </a:cxn>
                <a:cxn ang="0">
                  <a:pos x="connsiteX3574" y="connsiteY3574"/>
                </a:cxn>
                <a:cxn ang="0">
                  <a:pos x="connsiteX3575" y="connsiteY3575"/>
                </a:cxn>
                <a:cxn ang="0">
                  <a:pos x="connsiteX3576" y="connsiteY3576"/>
                </a:cxn>
                <a:cxn ang="0">
                  <a:pos x="connsiteX3577" y="connsiteY3577"/>
                </a:cxn>
                <a:cxn ang="0">
                  <a:pos x="connsiteX3578" y="connsiteY3578"/>
                </a:cxn>
                <a:cxn ang="0">
                  <a:pos x="connsiteX3579" y="connsiteY3579"/>
                </a:cxn>
                <a:cxn ang="0">
                  <a:pos x="connsiteX3580" y="connsiteY3580"/>
                </a:cxn>
                <a:cxn ang="0">
                  <a:pos x="connsiteX3581" y="connsiteY3581"/>
                </a:cxn>
                <a:cxn ang="0">
                  <a:pos x="connsiteX3582" y="connsiteY3582"/>
                </a:cxn>
                <a:cxn ang="0">
                  <a:pos x="connsiteX3583" y="connsiteY3583"/>
                </a:cxn>
                <a:cxn ang="0">
                  <a:pos x="connsiteX3584" y="connsiteY3584"/>
                </a:cxn>
                <a:cxn ang="0">
                  <a:pos x="connsiteX3585" y="connsiteY3585"/>
                </a:cxn>
                <a:cxn ang="0">
                  <a:pos x="connsiteX3586" y="connsiteY3586"/>
                </a:cxn>
                <a:cxn ang="0">
                  <a:pos x="connsiteX3587" y="connsiteY3587"/>
                </a:cxn>
                <a:cxn ang="0">
                  <a:pos x="connsiteX3588" y="connsiteY3588"/>
                </a:cxn>
                <a:cxn ang="0">
                  <a:pos x="connsiteX3589" y="connsiteY3589"/>
                </a:cxn>
                <a:cxn ang="0">
                  <a:pos x="connsiteX3590" y="connsiteY3590"/>
                </a:cxn>
                <a:cxn ang="0">
                  <a:pos x="connsiteX3591" y="connsiteY3591"/>
                </a:cxn>
                <a:cxn ang="0">
                  <a:pos x="connsiteX3592" y="connsiteY3592"/>
                </a:cxn>
                <a:cxn ang="0">
                  <a:pos x="connsiteX3593" y="connsiteY3593"/>
                </a:cxn>
                <a:cxn ang="0">
                  <a:pos x="connsiteX3594" y="connsiteY3594"/>
                </a:cxn>
                <a:cxn ang="0">
                  <a:pos x="connsiteX3595" y="connsiteY3595"/>
                </a:cxn>
                <a:cxn ang="0">
                  <a:pos x="connsiteX3596" y="connsiteY3596"/>
                </a:cxn>
                <a:cxn ang="0">
                  <a:pos x="connsiteX3597" y="connsiteY3597"/>
                </a:cxn>
                <a:cxn ang="0">
                  <a:pos x="connsiteX3598" y="connsiteY3598"/>
                </a:cxn>
                <a:cxn ang="0">
                  <a:pos x="connsiteX3599" y="connsiteY3599"/>
                </a:cxn>
                <a:cxn ang="0">
                  <a:pos x="connsiteX3600" y="connsiteY3600"/>
                </a:cxn>
                <a:cxn ang="0">
                  <a:pos x="connsiteX3601" y="connsiteY3601"/>
                </a:cxn>
                <a:cxn ang="0">
                  <a:pos x="connsiteX3602" y="connsiteY3602"/>
                </a:cxn>
                <a:cxn ang="0">
                  <a:pos x="connsiteX3603" y="connsiteY3603"/>
                </a:cxn>
                <a:cxn ang="0">
                  <a:pos x="connsiteX3604" y="connsiteY3604"/>
                </a:cxn>
                <a:cxn ang="0">
                  <a:pos x="connsiteX3605" y="connsiteY3605"/>
                </a:cxn>
                <a:cxn ang="0">
                  <a:pos x="connsiteX3606" y="connsiteY3606"/>
                </a:cxn>
                <a:cxn ang="0">
                  <a:pos x="connsiteX3607" y="connsiteY3607"/>
                </a:cxn>
                <a:cxn ang="0">
                  <a:pos x="connsiteX3608" y="connsiteY3608"/>
                </a:cxn>
                <a:cxn ang="0">
                  <a:pos x="connsiteX3609" y="connsiteY3609"/>
                </a:cxn>
                <a:cxn ang="0">
                  <a:pos x="connsiteX3610" y="connsiteY3610"/>
                </a:cxn>
                <a:cxn ang="0">
                  <a:pos x="connsiteX3611" y="connsiteY3611"/>
                </a:cxn>
                <a:cxn ang="0">
                  <a:pos x="connsiteX3612" y="connsiteY3612"/>
                </a:cxn>
                <a:cxn ang="0">
                  <a:pos x="connsiteX3613" y="connsiteY3613"/>
                </a:cxn>
                <a:cxn ang="0">
                  <a:pos x="connsiteX3614" y="connsiteY3614"/>
                </a:cxn>
                <a:cxn ang="0">
                  <a:pos x="connsiteX3615" y="connsiteY3615"/>
                </a:cxn>
                <a:cxn ang="0">
                  <a:pos x="connsiteX3616" y="connsiteY3616"/>
                </a:cxn>
                <a:cxn ang="0">
                  <a:pos x="connsiteX3617" y="connsiteY3617"/>
                </a:cxn>
                <a:cxn ang="0">
                  <a:pos x="connsiteX3618" y="connsiteY3618"/>
                </a:cxn>
                <a:cxn ang="0">
                  <a:pos x="connsiteX3619" y="connsiteY3619"/>
                </a:cxn>
                <a:cxn ang="0">
                  <a:pos x="connsiteX3620" y="connsiteY3620"/>
                </a:cxn>
                <a:cxn ang="0">
                  <a:pos x="connsiteX3621" y="connsiteY3621"/>
                </a:cxn>
                <a:cxn ang="0">
                  <a:pos x="connsiteX3622" y="connsiteY3622"/>
                </a:cxn>
                <a:cxn ang="0">
                  <a:pos x="connsiteX3623" y="connsiteY3623"/>
                </a:cxn>
                <a:cxn ang="0">
                  <a:pos x="connsiteX3624" y="connsiteY3624"/>
                </a:cxn>
                <a:cxn ang="0">
                  <a:pos x="connsiteX3625" y="connsiteY3625"/>
                </a:cxn>
                <a:cxn ang="0">
                  <a:pos x="connsiteX3626" y="connsiteY3626"/>
                </a:cxn>
                <a:cxn ang="0">
                  <a:pos x="connsiteX3627" y="connsiteY3627"/>
                </a:cxn>
                <a:cxn ang="0">
                  <a:pos x="connsiteX3628" y="connsiteY3628"/>
                </a:cxn>
                <a:cxn ang="0">
                  <a:pos x="connsiteX3629" y="connsiteY3629"/>
                </a:cxn>
                <a:cxn ang="0">
                  <a:pos x="connsiteX3630" y="connsiteY3630"/>
                </a:cxn>
                <a:cxn ang="0">
                  <a:pos x="connsiteX3631" y="connsiteY3631"/>
                </a:cxn>
                <a:cxn ang="0">
                  <a:pos x="connsiteX3632" y="connsiteY3632"/>
                </a:cxn>
                <a:cxn ang="0">
                  <a:pos x="connsiteX3633" y="connsiteY3633"/>
                </a:cxn>
                <a:cxn ang="0">
                  <a:pos x="connsiteX3634" y="connsiteY3634"/>
                </a:cxn>
                <a:cxn ang="0">
                  <a:pos x="connsiteX3635" y="connsiteY3635"/>
                </a:cxn>
                <a:cxn ang="0">
                  <a:pos x="connsiteX3636" y="connsiteY3636"/>
                </a:cxn>
                <a:cxn ang="0">
                  <a:pos x="connsiteX3637" y="connsiteY3637"/>
                </a:cxn>
                <a:cxn ang="0">
                  <a:pos x="connsiteX3638" y="connsiteY3638"/>
                </a:cxn>
                <a:cxn ang="0">
                  <a:pos x="connsiteX3639" y="connsiteY3639"/>
                </a:cxn>
                <a:cxn ang="0">
                  <a:pos x="connsiteX3640" y="connsiteY3640"/>
                </a:cxn>
                <a:cxn ang="0">
                  <a:pos x="connsiteX3641" y="connsiteY3641"/>
                </a:cxn>
                <a:cxn ang="0">
                  <a:pos x="connsiteX3642" y="connsiteY3642"/>
                </a:cxn>
                <a:cxn ang="0">
                  <a:pos x="connsiteX3643" y="connsiteY3643"/>
                </a:cxn>
                <a:cxn ang="0">
                  <a:pos x="connsiteX3644" y="connsiteY3644"/>
                </a:cxn>
                <a:cxn ang="0">
                  <a:pos x="connsiteX3645" y="connsiteY3645"/>
                </a:cxn>
                <a:cxn ang="0">
                  <a:pos x="connsiteX3646" y="connsiteY3646"/>
                </a:cxn>
                <a:cxn ang="0">
                  <a:pos x="connsiteX3647" y="connsiteY3647"/>
                </a:cxn>
                <a:cxn ang="0">
                  <a:pos x="connsiteX3648" y="connsiteY3648"/>
                </a:cxn>
                <a:cxn ang="0">
                  <a:pos x="connsiteX3649" y="connsiteY3649"/>
                </a:cxn>
                <a:cxn ang="0">
                  <a:pos x="connsiteX3650" y="connsiteY3650"/>
                </a:cxn>
                <a:cxn ang="0">
                  <a:pos x="connsiteX3651" y="connsiteY3651"/>
                </a:cxn>
                <a:cxn ang="0">
                  <a:pos x="connsiteX3652" y="connsiteY3652"/>
                </a:cxn>
                <a:cxn ang="0">
                  <a:pos x="connsiteX3653" y="connsiteY3653"/>
                </a:cxn>
                <a:cxn ang="0">
                  <a:pos x="connsiteX3654" y="connsiteY3654"/>
                </a:cxn>
                <a:cxn ang="0">
                  <a:pos x="connsiteX3655" y="connsiteY3655"/>
                </a:cxn>
                <a:cxn ang="0">
                  <a:pos x="connsiteX3656" y="connsiteY3656"/>
                </a:cxn>
                <a:cxn ang="0">
                  <a:pos x="connsiteX3657" y="connsiteY3657"/>
                </a:cxn>
                <a:cxn ang="0">
                  <a:pos x="connsiteX3658" y="connsiteY3658"/>
                </a:cxn>
                <a:cxn ang="0">
                  <a:pos x="connsiteX3659" y="connsiteY3659"/>
                </a:cxn>
                <a:cxn ang="0">
                  <a:pos x="connsiteX3660" y="connsiteY3660"/>
                </a:cxn>
                <a:cxn ang="0">
                  <a:pos x="connsiteX3661" y="connsiteY3661"/>
                </a:cxn>
                <a:cxn ang="0">
                  <a:pos x="connsiteX3662" y="connsiteY3662"/>
                </a:cxn>
                <a:cxn ang="0">
                  <a:pos x="connsiteX3663" y="connsiteY3663"/>
                </a:cxn>
                <a:cxn ang="0">
                  <a:pos x="connsiteX3664" y="connsiteY3664"/>
                </a:cxn>
                <a:cxn ang="0">
                  <a:pos x="connsiteX3665" y="connsiteY3665"/>
                </a:cxn>
                <a:cxn ang="0">
                  <a:pos x="connsiteX3666" y="connsiteY3666"/>
                </a:cxn>
                <a:cxn ang="0">
                  <a:pos x="connsiteX3667" y="connsiteY3667"/>
                </a:cxn>
                <a:cxn ang="0">
                  <a:pos x="connsiteX3668" y="connsiteY3668"/>
                </a:cxn>
                <a:cxn ang="0">
                  <a:pos x="connsiteX3669" y="connsiteY3669"/>
                </a:cxn>
                <a:cxn ang="0">
                  <a:pos x="connsiteX3670" y="connsiteY3670"/>
                </a:cxn>
                <a:cxn ang="0">
                  <a:pos x="connsiteX3671" y="connsiteY3671"/>
                </a:cxn>
                <a:cxn ang="0">
                  <a:pos x="connsiteX3672" y="connsiteY3672"/>
                </a:cxn>
                <a:cxn ang="0">
                  <a:pos x="connsiteX3673" y="connsiteY3673"/>
                </a:cxn>
                <a:cxn ang="0">
                  <a:pos x="connsiteX3674" y="connsiteY3674"/>
                </a:cxn>
                <a:cxn ang="0">
                  <a:pos x="connsiteX3675" y="connsiteY3675"/>
                </a:cxn>
                <a:cxn ang="0">
                  <a:pos x="connsiteX3676" y="connsiteY3676"/>
                </a:cxn>
                <a:cxn ang="0">
                  <a:pos x="connsiteX3677" y="connsiteY3677"/>
                </a:cxn>
                <a:cxn ang="0">
                  <a:pos x="connsiteX3678" y="connsiteY3678"/>
                </a:cxn>
                <a:cxn ang="0">
                  <a:pos x="connsiteX3679" y="connsiteY3679"/>
                </a:cxn>
                <a:cxn ang="0">
                  <a:pos x="connsiteX3680" y="connsiteY3680"/>
                </a:cxn>
                <a:cxn ang="0">
                  <a:pos x="connsiteX3681" y="connsiteY3681"/>
                </a:cxn>
                <a:cxn ang="0">
                  <a:pos x="connsiteX3682" y="connsiteY3682"/>
                </a:cxn>
                <a:cxn ang="0">
                  <a:pos x="connsiteX3683" y="connsiteY3683"/>
                </a:cxn>
                <a:cxn ang="0">
                  <a:pos x="connsiteX3684" y="connsiteY3684"/>
                </a:cxn>
                <a:cxn ang="0">
                  <a:pos x="connsiteX3685" y="connsiteY3685"/>
                </a:cxn>
                <a:cxn ang="0">
                  <a:pos x="connsiteX3686" y="connsiteY3686"/>
                </a:cxn>
                <a:cxn ang="0">
                  <a:pos x="connsiteX3687" y="connsiteY3687"/>
                </a:cxn>
                <a:cxn ang="0">
                  <a:pos x="connsiteX3688" y="connsiteY3688"/>
                </a:cxn>
                <a:cxn ang="0">
                  <a:pos x="connsiteX3689" y="connsiteY3689"/>
                </a:cxn>
                <a:cxn ang="0">
                  <a:pos x="connsiteX3690" y="connsiteY3690"/>
                </a:cxn>
                <a:cxn ang="0">
                  <a:pos x="connsiteX3691" y="connsiteY3691"/>
                </a:cxn>
                <a:cxn ang="0">
                  <a:pos x="connsiteX3692" y="connsiteY3692"/>
                </a:cxn>
                <a:cxn ang="0">
                  <a:pos x="connsiteX3693" y="connsiteY3693"/>
                </a:cxn>
                <a:cxn ang="0">
                  <a:pos x="connsiteX3694" y="connsiteY3694"/>
                </a:cxn>
                <a:cxn ang="0">
                  <a:pos x="connsiteX3695" y="connsiteY3695"/>
                </a:cxn>
                <a:cxn ang="0">
                  <a:pos x="connsiteX3696" y="connsiteY3696"/>
                </a:cxn>
                <a:cxn ang="0">
                  <a:pos x="connsiteX3697" y="connsiteY3697"/>
                </a:cxn>
                <a:cxn ang="0">
                  <a:pos x="connsiteX3698" y="connsiteY3698"/>
                </a:cxn>
                <a:cxn ang="0">
                  <a:pos x="connsiteX3699" y="connsiteY3699"/>
                </a:cxn>
                <a:cxn ang="0">
                  <a:pos x="connsiteX3700" y="connsiteY3700"/>
                </a:cxn>
                <a:cxn ang="0">
                  <a:pos x="connsiteX3701" y="connsiteY3701"/>
                </a:cxn>
                <a:cxn ang="0">
                  <a:pos x="connsiteX3702" y="connsiteY3702"/>
                </a:cxn>
                <a:cxn ang="0">
                  <a:pos x="connsiteX3703" y="connsiteY3703"/>
                </a:cxn>
                <a:cxn ang="0">
                  <a:pos x="connsiteX3704" y="connsiteY3704"/>
                </a:cxn>
                <a:cxn ang="0">
                  <a:pos x="connsiteX3705" y="connsiteY3705"/>
                </a:cxn>
                <a:cxn ang="0">
                  <a:pos x="connsiteX3706" y="connsiteY3706"/>
                </a:cxn>
                <a:cxn ang="0">
                  <a:pos x="connsiteX3707" y="connsiteY3707"/>
                </a:cxn>
                <a:cxn ang="0">
                  <a:pos x="connsiteX3708" y="connsiteY3708"/>
                </a:cxn>
                <a:cxn ang="0">
                  <a:pos x="connsiteX3709" y="connsiteY3709"/>
                </a:cxn>
                <a:cxn ang="0">
                  <a:pos x="connsiteX3710" y="connsiteY3710"/>
                </a:cxn>
                <a:cxn ang="0">
                  <a:pos x="connsiteX3711" y="connsiteY3711"/>
                </a:cxn>
                <a:cxn ang="0">
                  <a:pos x="connsiteX3712" y="connsiteY3712"/>
                </a:cxn>
                <a:cxn ang="0">
                  <a:pos x="connsiteX3713" y="connsiteY3713"/>
                </a:cxn>
                <a:cxn ang="0">
                  <a:pos x="connsiteX3714" y="connsiteY3714"/>
                </a:cxn>
                <a:cxn ang="0">
                  <a:pos x="connsiteX3715" y="connsiteY3715"/>
                </a:cxn>
                <a:cxn ang="0">
                  <a:pos x="connsiteX3716" y="connsiteY3716"/>
                </a:cxn>
                <a:cxn ang="0">
                  <a:pos x="connsiteX3717" y="connsiteY3717"/>
                </a:cxn>
                <a:cxn ang="0">
                  <a:pos x="connsiteX3718" y="connsiteY3718"/>
                </a:cxn>
                <a:cxn ang="0">
                  <a:pos x="connsiteX3719" y="connsiteY3719"/>
                </a:cxn>
                <a:cxn ang="0">
                  <a:pos x="connsiteX3720" y="connsiteY3720"/>
                </a:cxn>
                <a:cxn ang="0">
                  <a:pos x="connsiteX3721" y="connsiteY3721"/>
                </a:cxn>
                <a:cxn ang="0">
                  <a:pos x="connsiteX3722" y="connsiteY3722"/>
                </a:cxn>
                <a:cxn ang="0">
                  <a:pos x="connsiteX3723" y="connsiteY3723"/>
                </a:cxn>
                <a:cxn ang="0">
                  <a:pos x="connsiteX3724" y="connsiteY3724"/>
                </a:cxn>
                <a:cxn ang="0">
                  <a:pos x="connsiteX3725" y="connsiteY3725"/>
                </a:cxn>
                <a:cxn ang="0">
                  <a:pos x="connsiteX3726" y="connsiteY3726"/>
                </a:cxn>
                <a:cxn ang="0">
                  <a:pos x="connsiteX3727" y="connsiteY3727"/>
                </a:cxn>
                <a:cxn ang="0">
                  <a:pos x="connsiteX3728" y="connsiteY3728"/>
                </a:cxn>
                <a:cxn ang="0">
                  <a:pos x="connsiteX3729" y="connsiteY3729"/>
                </a:cxn>
                <a:cxn ang="0">
                  <a:pos x="connsiteX3730" y="connsiteY3730"/>
                </a:cxn>
                <a:cxn ang="0">
                  <a:pos x="connsiteX3731" y="connsiteY3731"/>
                </a:cxn>
                <a:cxn ang="0">
                  <a:pos x="connsiteX3732" y="connsiteY3732"/>
                </a:cxn>
                <a:cxn ang="0">
                  <a:pos x="connsiteX3733" y="connsiteY3733"/>
                </a:cxn>
                <a:cxn ang="0">
                  <a:pos x="connsiteX3734" y="connsiteY3734"/>
                </a:cxn>
                <a:cxn ang="0">
                  <a:pos x="connsiteX3735" y="connsiteY3735"/>
                </a:cxn>
                <a:cxn ang="0">
                  <a:pos x="connsiteX3736" y="connsiteY3736"/>
                </a:cxn>
                <a:cxn ang="0">
                  <a:pos x="connsiteX3737" y="connsiteY3737"/>
                </a:cxn>
                <a:cxn ang="0">
                  <a:pos x="connsiteX3738" y="connsiteY3738"/>
                </a:cxn>
                <a:cxn ang="0">
                  <a:pos x="connsiteX3739" y="connsiteY3739"/>
                </a:cxn>
                <a:cxn ang="0">
                  <a:pos x="connsiteX3740" y="connsiteY3740"/>
                </a:cxn>
                <a:cxn ang="0">
                  <a:pos x="connsiteX3741" y="connsiteY3741"/>
                </a:cxn>
                <a:cxn ang="0">
                  <a:pos x="connsiteX3742" y="connsiteY3742"/>
                </a:cxn>
                <a:cxn ang="0">
                  <a:pos x="connsiteX3743" y="connsiteY3743"/>
                </a:cxn>
                <a:cxn ang="0">
                  <a:pos x="connsiteX3744" y="connsiteY3744"/>
                </a:cxn>
                <a:cxn ang="0">
                  <a:pos x="connsiteX3745" y="connsiteY3745"/>
                </a:cxn>
                <a:cxn ang="0">
                  <a:pos x="connsiteX3746" y="connsiteY3746"/>
                </a:cxn>
                <a:cxn ang="0">
                  <a:pos x="connsiteX3747" y="connsiteY3747"/>
                </a:cxn>
                <a:cxn ang="0">
                  <a:pos x="connsiteX3748" y="connsiteY3748"/>
                </a:cxn>
                <a:cxn ang="0">
                  <a:pos x="connsiteX3749" y="connsiteY3749"/>
                </a:cxn>
                <a:cxn ang="0">
                  <a:pos x="connsiteX3750" y="connsiteY3750"/>
                </a:cxn>
                <a:cxn ang="0">
                  <a:pos x="connsiteX3751" y="connsiteY3751"/>
                </a:cxn>
                <a:cxn ang="0">
                  <a:pos x="connsiteX3752" y="connsiteY3752"/>
                </a:cxn>
                <a:cxn ang="0">
                  <a:pos x="connsiteX3753" y="connsiteY3753"/>
                </a:cxn>
                <a:cxn ang="0">
                  <a:pos x="connsiteX3754" y="connsiteY3754"/>
                </a:cxn>
                <a:cxn ang="0">
                  <a:pos x="connsiteX3755" y="connsiteY3755"/>
                </a:cxn>
                <a:cxn ang="0">
                  <a:pos x="connsiteX3756" y="connsiteY3756"/>
                </a:cxn>
                <a:cxn ang="0">
                  <a:pos x="connsiteX3757" y="connsiteY3757"/>
                </a:cxn>
                <a:cxn ang="0">
                  <a:pos x="connsiteX3758" y="connsiteY3758"/>
                </a:cxn>
                <a:cxn ang="0">
                  <a:pos x="connsiteX3759" y="connsiteY3759"/>
                </a:cxn>
                <a:cxn ang="0">
                  <a:pos x="connsiteX3760" y="connsiteY3760"/>
                </a:cxn>
                <a:cxn ang="0">
                  <a:pos x="connsiteX3761" y="connsiteY3761"/>
                </a:cxn>
                <a:cxn ang="0">
                  <a:pos x="connsiteX3762" y="connsiteY3762"/>
                </a:cxn>
                <a:cxn ang="0">
                  <a:pos x="connsiteX3763" y="connsiteY3763"/>
                </a:cxn>
                <a:cxn ang="0">
                  <a:pos x="connsiteX3764" y="connsiteY3764"/>
                </a:cxn>
                <a:cxn ang="0">
                  <a:pos x="connsiteX3765" y="connsiteY3765"/>
                </a:cxn>
                <a:cxn ang="0">
                  <a:pos x="connsiteX3766" y="connsiteY3766"/>
                </a:cxn>
                <a:cxn ang="0">
                  <a:pos x="connsiteX3767" y="connsiteY3767"/>
                </a:cxn>
                <a:cxn ang="0">
                  <a:pos x="connsiteX3768" y="connsiteY3768"/>
                </a:cxn>
                <a:cxn ang="0">
                  <a:pos x="connsiteX3769" y="connsiteY3769"/>
                </a:cxn>
                <a:cxn ang="0">
                  <a:pos x="connsiteX3770" y="connsiteY3770"/>
                </a:cxn>
                <a:cxn ang="0">
                  <a:pos x="connsiteX3771" y="connsiteY3771"/>
                </a:cxn>
                <a:cxn ang="0">
                  <a:pos x="connsiteX3772" y="connsiteY3772"/>
                </a:cxn>
                <a:cxn ang="0">
                  <a:pos x="connsiteX3773" y="connsiteY3773"/>
                </a:cxn>
                <a:cxn ang="0">
                  <a:pos x="connsiteX3774" y="connsiteY3774"/>
                </a:cxn>
                <a:cxn ang="0">
                  <a:pos x="connsiteX3775" y="connsiteY3775"/>
                </a:cxn>
                <a:cxn ang="0">
                  <a:pos x="connsiteX3776" y="connsiteY3776"/>
                </a:cxn>
                <a:cxn ang="0">
                  <a:pos x="connsiteX3777" y="connsiteY3777"/>
                </a:cxn>
                <a:cxn ang="0">
                  <a:pos x="connsiteX3778" y="connsiteY3778"/>
                </a:cxn>
                <a:cxn ang="0">
                  <a:pos x="connsiteX3779" y="connsiteY3779"/>
                </a:cxn>
                <a:cxn ang="0">
                  <a:pos x="connsiteX3780" y="connsiteY3780"/>
                </a:cxn>
                <a:cxn ang="0">
                  <a:pos x="connsiteX3781" y="connsiteY3781"/>
                </a:cxn>
                <a:cxn ang="0">
                  <a:pos x="connsiteX3782" y="connsiteY3782"/>
                </a:cxn>
                <a:cxn ang="0">
                  <a:pos x="connsiteX3783" y="connsiteY3783"/>
                </a:cxn>
                <a:cxn ang="0">
                  <a:pos x="connsiteX3784" y="connsiteY3784"/>
                </a:cxn>
                <a:cxn ang="0">
                  <a:pos x="connsiteX3785" y="connsiteY3785"/>
                </a:cxn>
                <a:cxn ang="0">
                  <a:pos x="connsiteX3786" y="connsiteY3786"/>
                </a:cxn>
                <a:cxn ang="0">
                  <a:pos x="connsiteX3787" y="connsiteY3787"/>
                </a:cxn>
                <a:cxn ang="0">
                  <a:pos x="connsiteX3788" y="connsiteY3788"/>
                </a:cxn>
                <a:cxn ang="0">
                  <a:pos x="connsiteX3789" y="connsiteY3789"/>
                </a:cxn>
                <a:cxn ang="0">
                  <a:pos x="connsiteX3790" y="connsiteY3790"/>
                </a:cxn>
                <a:cxn ang="0">
                  <a:pos x="connsiteX3791" y="connsiteY3791"/>
                </a:cxn>
                <a:cxn ang="0">
                  <a:pos x="connsiteX3792" y="connsiteY3792"/>
                </a:cxn>
                <a:cxn ang="0">
                  <a:pos x="connsiteX3793" y="connsiteY3793"/>
                </a:cxn>
                <a:cxn ang="0">
                  <a:pos x="connsiteX3794" y="connsiteY3794"/>
                </a:cxn>
                <a:cxn ang="0">
                  <a:pos x="connsiteX3795" y="connsiteY3795"/>
                </a:cxn>
                <a:cxn ang="0">
                  <a:pos x="connsiteX3796" y="connsiteY3796"/>
                </a:cxn>
                <a:cxn ang="0">
                  <a:pos x="connsiteX3797" y="connsiteY3797"/>
                </a:cxn>
                <a:cxn ang="0">
                  <a:pos x="connsiteX3798" y="connsiteY3798"/>
                </a:cxn>
                <a:cxn ang="0">
                  <a:pos x="connsiteX3799" y="connsiteY3799"/>
                </a:cxn>
                <a:cxn ang="0">
                  <a:pos x="connsiteX3800" y="connsiteY3800"/>
                </a:cxn>
                <a:cxn ang="0">
                  <a:pos x="connsiteX3801" y="connsiteY3801"/>
                </a:cxn>
                <a:cxn ang="0">
                  <a:pos x="connsiteX3802" y="connsiteY3802"/>
                </a:cxn>
                <a:cxn ang="0">
                  <a:pos x="connsiteX3803" y="connsiteY3803"/>
                </a:cxn>
                <a:cxn ang="0">
                  <a:pos x="connsiteX3804" y="connsiteY3804"/>
                </a:cxn>
                <a:cxn ang="0">
                  <a:pos x="connsiteX3805" y="connsiteY3805"/>
                </a:cxn>
                <a:cxn ang="0">
                  <a:pos x="connsiteX3806" y="connsiteY3806"/>
                </a:cxn>
                <a:cxn ang="0">
                  <a:pos x="connsiteX3807" y="connsiteY3807"/>
                </a:cxn>
                <a:cxn ang="0">
                  <a:pos x="connsiteX3808" y="connsiteY3808"/>
                </a:cxn>
                <a:cxn ang="0">
                  <a:pos x="connsiteX3809" y="connsiteY3809"/>
                </a:cxn>
                <a:cxn ang="0">
                  <a:pos x="connsiteX3810" y="connsiteY3810"/>
                </a:cxn>
                <a:cxn ang="0">
                  <a:pos x="connsiteX3811" y="connsiteY3811"/>
                </a:cxn>
                <a:cxn ang="0">
                  <a:pos x="connsiteX3812" y="connsiteY3812"/>
                </a:cxn>
                <a:cxn ang="0">
                  <a:pos x="connsiteX3813" y="connsiteY3813"/>
                </a:cxn>
                <a:cxn ang="0">
                  <a:pos x="connsiteX3814" y="connsiteY3814"/>
                </a:cxn>
                <a:cxn ang="0">
                  <a:pos x="connsiteX3815" y="connsiteY3815"/>
                </a:cxn>
                <a:cxn ang="0">
                  <a:pos x="connsiteX3816" y="connsiteY3816"/>
                </a:cxn>
                <a:cxn ang="0">
                  <a:pos x="connsiteX3817" y="connsiteY3817"/>
                </a:cxn>
                <a:cxn ang="0">
                  <a:pos x="connsiteX3818" y="connsiteY3818"/>
                </a:cxn>
                <a:cxn ang="0">
                  <a:pos x="connsiteX3819" y="connsiteY3819"/>
                </a:cxn>
                <a:cxn ang="0">
                  <a:pos x="connsiteX3820" y="connsiteY3820"/>
                </a:cxn>
                <a:cxn ang="0">
                  <a:pos x="connsiteX3821" y="connsiteY3821"/>
                </a:cxn>
                <a:cxn ang="0">
                  <a:pos x="connsiteX3822" y="connsiteY3822"/>
                </a:cxn>
                <a:cxn ang="0">
                  <a:pos x="connsiteX3823" y="connsiteY3823"/>
                </a:cxn>
                <a:cxn ang="0">
                  <a:pos x="connsiteX3824" y="connsiteY3824"/>
                </a:cxn>
                <a:cxn ang="0">
                  <a:pos x="connsiteX3825" y="connsiteY3825"/>
                </a:cxn>
                <a:cxn ang="0">
                  <a:pos x="connsiteX3826" y="connsiteY3826"/>
                </a:cxn>
                <a:cxn ang="0">
                  <a:pos x="connsiteX3827" y="connsiteY3827"/>
                </a:cxn>
                <a:cxn ang="0">
                  <a:pos x="connsiteX3828" y="connsiteY3828"/>
                </a:cxn>
                <a:cxn ang="0">
                  <a:pos x="connsiteX3829" y="connsiteY3829"/>
                </a:cxn>
                <a:cxn ang="0">
                  <a:pos x="connsiteX3830" y="connsiteY3830"/>
                </a:cxn>
                <a:cxn ang="0">
                  <a:pos x="connsiteX3831" y="connsiteY3831"/>
                </a:cxn>
                <a:cxn ang="0">
                  <a:pos x="connsiteX3832" y="connsiteY3832"/>
                </a:cxn>
                <a:cxn ang="0">
                  <a:pos x="connsiteX3833" y="connsiteY3833"/>
                </a:cxn>
                <a:cxn ang="0">
                  <a:pos x="connsiteX3834" y="connsiteY3834"/>
                </a:cxn>
                <a:cxn ang="0">
                  <a:pos x="connsiteX3835" y="connsiteY3835"/>
                </a:cxn>
                <a:cxn ang="0">
                  <a:pos x="connsiteX3836" y="connsiteY3836"/>
                </a:cxn>
                <a:cxn ang="0">
                  <a:pos x="connsiteX3837" y="connsiteY3837"/>
                </a:cxn>
                <a:cxn ang="0">
                  <a:pos x="connsiteX3838" y="connsiteY3838"/>
                </a:cxn>
                <a:cxn ang="0">
                  <a:pos x="connsiteX3839" y="connsiteY3839"/>
                </a:cxn>
                <a:cxn ang="0">
                  <a:pos x="connsiteX3840" y="connsiteY3840"/>
                </a:cxn>
                <a:cxn ang="0">
                  <a:pos x="connsiteX3841" y="connsiteY3841"/>
                </a:cxn>
                <a:cxn ang="0">
                  <a:pos x="connsiteX3842" y="connsiteY3842"/>
                </a:cxn>
                <a:cxn ang="0">
                  <a:pos x="connsiteX3843" y="connsiteY3843"/>
                </a:cxn>
                <a:cxn ang="0">
                  <a:pos x="connsiteX3844" y="connsiteY3844"/>
                </a:cxn>
                <a:cxn ang="0">
                  <a:pos x="connsiteX3845" y="connsiteY3845"/>
                </a:cxn>
                <a:cxn ang="0">
                  <a:pos x="connsiteX3846" y="connsiteY3846"/>
                </a:cxn>
                <a:cxn ang="0">
                  <a:pos x="connsiteX3847" y="connsiteY3847"/>
                </a:cxn>
                <a:cxn ang="0">
                  <a:pos x="connsiteX3848" y="connsiteY3848"/>
                </a:cxn>
                <a:cxn ang="0">
                  <a:pos x="connsiteX3849" y="connsiteY3849"/>
                </a:cxn>
                <a:cxn ang="0">
                  <a:pos x="connsiteX3850" y="connsiteY3850"/>
                </a:cxn>
                <a:cxn ang="0">
                  <a:pos x="connsiteX3851" y="connsiteY3851"/>
                </a:cxn>
                <a:cxn ang="0">
                  <a:pos x="connsiteX3852" y="connsiteY3852"/>
                </a:cxn>
                <a:cxn ang="0">
                  <a:pos x="connsiteX3853" y="connsiteY3853"/>
                </a:cxn>
                <a:cxn ang="0">
                  <a:pos x="connsiteX3854" y="connsiteY3854"/>
                </a:cxn>
                <a:cxn ang="0">
                  <a:pos x="connsiteX3855" y="connsiteY3855"/>
                </a:cxn>
                <a:cxn ang="0">
                  <a:pos x="connsiteX3856" y="connsiteY3856"/>
                </a:cxn>
                <a:cxn ang="0">
                  <a:pos x="connsiteX3857" y="connsiteY3857"/>
                </a:cxn>
                <a:cxn ang="0">
                  <a:pos x="connsiteX3858" y="connsiteY3858"/>
                </a:cxn>
                <a:cxn ang="0">
                  <a:pos x="connsiteX3859" y="connsiteY3859"/>
                </a:cxn>
                <a:cxn ang="0">
                  <a:pos x="connsiteX3860" y="connsiteY3860"/>
                </a:cxn>
                <a:cxn ang="0">
                  <a:pos x="connsiteX3861" y="connsiteY3861"/>
                </a:cxn>
                <a:cxn ang="0">
                  <a:pos x="connsiteX3862" y="connsiteY3862"/>
                </a:cxn>
                <a:cxn ang="0">
                  <a:pos x="connsiteX3863" y="connsiteY3863"/>
                </a:cxn>
                <a:cxn ang="0">
                  <a:pos x="connsiteX3864" y="connsiteY3864"/>
                </a:cxn>
                <a:cxn ang="0">
                  <a:pos x="connsiteX3865" y="connsiteY3865"/>
                </a:cxn>
                <a:cxn ang="0">
                  <a:pos x="connsiteX3866" y="connsiteY3866"/>
                </a:cxn>
                <a:cxn ang="0">
                  <a:pos x="connsiteX3867" y="connsiteY3867"/>
                </a:cxn>
                <a:cxn ang="0">
                  <a:pos x="connsiteX3868" y="connsiteY3868"/>
                </a:cxn>
                <a:cxn ang="0">
                  <a:pos x="connsiteX3869" y="connsiteY3869"/>
                </a:cxn>
                <a:cxn ang="0">
                  <a:pos x="connsiteX3870" y="connsiteY3870"/>
                </a:cxn>
                <a:cxn ang="0">
                  <a:pos x="connsiteX3871" y="connsiteY3871"/>
                </a:cxn>
                <a:cxn ang="0">
                  <a:pos x="connsiteX3872" y="connsiteY3872"/>
                </a:cxn>
                <a:cxn ang="0">
                  <a:pos x="connsiteX3873" y="connsiteY3873"/>
                </a:cxn>
                <a:cxn ang="0">
                  <a:pos x="connsiteX3874" y="connsiteY3874"/>
                </a:cxn>
                <a:cxn ang="0">
                  <a:pos x="connsiteX3875" y="connsiteY3875"/>
                </a:cxn>
                <a:cxn ang="0">
                  <a:pos x="connsiteX3876" y="connsiteY3876"/>
                </a:cxn>
                <a:cxn ang="0">
                  <a:pos x="connsiteX3877" y="connsiteY3877"/>
                </a:cxn>
                <a:cxn ang="0">
                  <a:pos x="connsiteX3878" y="connsiteY3878"/>
                </a:cxn>
                <a:cxn ang="0">
                  <a:pos x="connsiteX3879" y="connsiteY3879"/>
                </a:cxn>
                <a:cxn ang="0">
                  <a:pos x="connsiteX3880" y="connsiteY3880"/>
                </a:cxn>
                <a:cxn ang="0">
                  <a:pos x="connsiteX3881" y="connsiteY3881"/>
                </a:cxn>
                <a:cxn ang="0">
                  <a:pos x="connsiteX3882" y="connsiteY3882"/>
                </a:cxn>
                <a:cxn ang="0">
                  <a:pos x="connsiteX3883" y="connsiteY3883"/>
                </a:cxn>
                <a:cxn ang="0">
                  <a:pos x="connsiteX3884" y="connsiteY3884"/>
                </a:cxn>
                <a:cxn ang="0">
                  <a:pos x="connsiteX3885" y="connsiteY3885"/>
                </a:cxn>
                <a:cxn ang="0">
                  <a:pos x="connsiteX3886" y="connsiteY3886"/>
                </a:cxn>
                <a:cxn ang="0">
                  <a:pos x="connsiteX3887" y="connsiteY3887"/>
                </a:cxn>
                <a:cxn ang="0">
                  <a:pos x="connsiteX3888" y="connsiteY3888"/>
                </a:cxn>
                <a:cxn ang="0">
                  <a:pos x="connsiteX3889" y="connsiteY3889"/>
                </a:cxn>
                <a:cxn ang="0">
                  <a:pos x="connsiteX3890" y="connsiteY3890"/>
                </a:cxn>
                <a:cxn ang="0">
                  <a:pos x="connsiteX3891" y="connsiteY3891"/>
                </a:cxn>
                <a:cxn ang="0">
                  <a:pos x="connsiteX3892" y="connsiteY3892"/>
                </a:cxn>
                <a:cxn ang="0">
                  <a:pos x="connsiteX3893" y="connsiteY3893"/>
                </a:cxn>
                <a:cxn ang="0">
                  <a:pos x="connsiteX3894" y="connsiteY3894"/>
                </a:cxn>
                <a:cxn ang="0">
                  <a:pos x="connsiteX3895" y="connsiteY3895"/>
                </a:cxn>
                <a:cxn ang="0">
                  <a:pos x="connsiteX3896" y="connsiteY3896"/>
                </a:cxn>
                <a:cxn ang="0">
                  <a:pos x="connsiteX3897" y="connsiteY3897"/>
                </a:cxn>
                <a:cxn ang="0">
                  <a:pos x="connsiteX3898" y="connsiteY3898"/>
                </a:cxn>
                <a:cxn ang="0">
                  <a:pos x="connsiteX3899" y="connsiteY3899"/>
                </a:cxn>
                <a:cxn ang="0">
                  <a:pos x="connsiteX3900" y="connsiteY3900"/>
                </a:cxn>
                <a:cxn ang="0">
                  <a:pos x="connsiteX3901" y="connsiteY3901"/>
                </a:cxn>
                <a:cxn ang="0">
                  <a:pos x="connsiteX3902" y="connsiteY3902"/>
                </a:cxn>
                <a:cxn ang="0">
                  <a:pos x="connsiteX3903" y="connsiteY3903"/>
                </a:cxn>
                <a:cxn ang="0">
                  <a:pos x="connsiteX3904" y="connsiteY3904"/>
                </a:cxn>
                <a:cxn ang="0">
                  <a:pos x="connsiteX3905" y="connsiteY3905"/>
                </a:cxn>
                <a:cxn ang="0">
                  <a:pos x="connsiteX3906" y="connsiteY3906"/>
                </a:cxn>
                <a:cxn ang="0">
                  <a:pos x="connsiteX3907" y="connsiteY3907"/>
                </a:cxn>
                <a:cxn ang="0">
                  <a:pos x="connsiteX3908" y="connsiteY3908"/>
                </a:cxn>
                <a:cxn ang="0">
                  <a:pos x="connsiteX3909" y="connsiteY3909"/>
                </a:cxn>
                <a:cxn ang="0">
                  <a:pos x="connsiteX3910" y="connsiteY3910"/>
                </a:cxn>
                <a:cxn ang="0">
                  <a:pos x="connsiteX3911" y="connsiteY3911"/>
                </a:cxn>
                <a:cxn ang="0">
                  <a:pos x="connsiteX3912" y="connsiteY3912"/>
                </a:cxn>
                <a:cxn ang="0">
                  <a:pos x="connsiteX3913" y="connsiteY3913"/>
                </a:cxn>
                <a:cxn ang="0">
                  <a:pos x="connsiteX3914" y="connsiteY3914"/>
                </a:cxn>
                <a:cxn ang="0">
                  <a:pos x="connsiteX3915" y="connsiteY3915"/>
                </a:cxn>
                <a:cxn ang="0">
                  <a:pos x="connsiteX3916" y="connsiteY3916"/>
                </a:cxn>
                <a:cxn ang="0">
                  <a:pos x="connsiteX3917" y="connsiteY3917"/>
                </a:cxn>
                <a:cxn ang="0">
                  <a:pos x="connsiteX3918" y="connsiteY3918"/>
                </a:cxn>
                <a:cxn ang="0">
                  <a:pos x="connsiteX3919" y="connsiteY3919"/>
                </a:cxn>
                <a:cxn ang="0">
                  <a:pos x="connsiteX3920" y="connsiteY3920"/>
                </a:cxn>
                <a:cxn ang="0">
                  <a:pos x="connsiteX3921" y="connsiteY3921"/>
                </a:cxn>
                <a:cxn ang="0">
                  <a:pos x="connsiteX3922" y="connsiteY3922"/>
                </a:cxn>
                <a:cxn ang="0">
                  <a:pos x="connsiteX3923" y="connsiteY3923"/>
                </a:cxn>
                <a:cxn ang="0">
                  <a:pos x="connsiteX3924" y="connsiteY3924"/>
                </a:cxn>
                <a:cxn ang="0">
                  <a:pos x="connsiteX3925" y="connsiteY3925"/>
                </a:cxn>
                <a:cxn ang="0">
                  <a:pos x="connsiteX3926" y="connsiteY3926"/>
                </a:cxn>
                <a:cxn ang="0">
                  <a:pos x="connsiteX3927" y="connsiteY3927"/>
                </a:cxn>
                <a:cxn ang="0">
                  <a:pos x="connsiteX3928" y="connsiteY3928"/>
                </a:cxn>
                <a:cxn ang="0">
                  <a:pos x="connsiteX3929" y="connsiteY3929"/>
                </a:cxn>
                <a:cxn ang="0">
                  <a:pos x="connsiteX3930" y="connsiteY3930"/>
                </a:cxn>
                <a:cxn ang="0">
                  <a:pos x="connsiteX3931" y="connsiteY3931"/>
                </a:cxn>
                <a:cxn ang="0">
                  <a:pos x="connsiteX3932" y="connsiteY3932"/>
                </a:cxn>
                <a:cxn ang="0">
                  <a:pos x="connsiteX3933" y="connsiteY3933"/>
                </a:cxn>
                <a:cxn ang="0">
                  <a:pos x="connsiteX3934" y="connsiteY3934"/>
                </a:cxn>
                <a:cxn ang="0">
                  <a:pos x="connsiteX3935" y="connsiteY3935"/>
                </a:cxn>
                <a:cxn ang="0">
                  <a:pos x="connsiteX3936" y="connsiteY3936"/>
                </a:cxn>
                <a:cxn ang="0">
                  <a:pos x="connsiteX3937" y="connsiteY3937"/>
                </a:cxn>
                <a:cxn ang="0">
                  <a:pos x="connsiteX3938" y="connsiteY3938"/>
                </a:cxn>
                <a:cxn ang="0">
                  <a:pos x="connsiteX3939" y="connsiteY3939"/>
                </a:cxn>
                <a:cxn ang="0">
                  <a:pos x="connsiteX3940" y="connsiteY3940"/>
                </a:cxn>
                <a:cxn ang="0">
                  <a:pos x="connsiteX3941" y="connsiteY3941"/>
                </a:cxn>
                <a:cxn ang="0">
                  <a:pos x="connsiteX3942" y="connsiteY3942"/>
                </a:cxn>
                <a:cxn ang="0">
                  <a:pos x="connsiteX3943" y="connsiteY3943"/>
                </a:cxn>
                <a:cxn ang="0">
                  <a:pos x="connsiteX3944" y="connsiteY3944"/>
                </a:cxn>
                <a:cxn ang="0">
                  <a:pos x="connsiteX3945" y="connsiteY3945"/>
                </a:cxn>
                <a:cxn ang="0">
                  <a:pos x="connsiteX3946" y="connsiteY3946"/>
                </a:cxn>
                <a:cxn ang="0">
                  <a:pos x="connsiteX3947" y="connsiteY3947"/>
                </a:cxn>
                <a:cxn ang="0">
                  <a:pos x="connsiteX3948" y="connsiteY3948"/>
                </a:cxn>
                <a:cxn ang="0">
                  <a:pos x="connsiteX3949" y="connsiteY3949"/>
                </a:cxn>
                <a:cxn ang="0">
                  <a:pos x="connsiteX3950" y="connsiteY3950"/>
                </a:cxn>
                <a:cxn ang="0">
                  <a:pos x="connsiteX3951" y="connsiteY3951"/>
                </a:cxn>
                <a:cxn ang="0">
                  <a:pos x="connsiteX3952" y="connsiteY3952"/>
                </a:cxn>
                <a:cxn ang="0">
                  <a:pos x="connsiteX3953" y="connsiteY3953"/>
                </a:cxn>
                <a:cxn ang="0">
                  <a:pos x="connsiteX3954" y="connsiteY3954"/>
                </a:cxn>
                <a:cxn ang="0">
                  <a:pos x="connsiteX3955" y="connsiteY3955"/>
                </a:cxn>
                <a:cxn ang="0">
                  <a:pos x="connsiteX3956" y="connsiteY3956"/>
                </a:cxn>
                <a:cxn ang="0">
                  <a:pos x="connsiteX3957" y="connsiteY3957"/>
                </a:cxn>
                <a:cxn ang="0">
                  <a:pos x="connsiteX3958" y="connsiteY3958"/>
                </a:cxn>
                <a:cxn ang="0">
                  <a:pos x="connsiteX3959" y="connsiteY3959"/>
                </a:cxn>
                <a:cxn ang="0">
                  <a:pos x="connsiteX3960" y="connsiteY3960"/>
                </a:cxn>
                <a:cxn ang="0">
                  <a:pos x="connsiteX3961" y="connsiteY3961"/>
                </a:cxn>
                <a:cxn ang="0">
                  <a:pos x="connsiteX3962" y="connsiteY3962"/>
                </a:cxn>
                <a:cxn ang="0">
                  <a:pos x="connsiteX3963" y="connsiteY3963"/>
                </a:cxn>
                <a:cxn ang="0">
                  <a:pos x="connsiteX3964" y="connsiteY3964"/>
                </a:cxn>
                <a:cxn ang="0">
                  <a:pos x="connsiteX3965" y="connsiteY3965"/>
                </a:cxn>
                <a:cxn ang="0">
                  <a:pos x="connsiteX3966" y="connsiteY3966"/>
                </a:cxn>
                <a:cxn ang="0">
                  <a:pos x="connsiteX3967" y="connsiteY3967"/>
                </a:cxn>
                <a:cxn ang="0">
                  <a:pos x="connsiteX3968" y="connsiteY3968"/>
                </a:cxn>
                <a:cxn ang="0">
                  <a:pos x="connsiteX3969" y="connsiteY3969"/>
                </a:cxn>
                <a:cxn ang="0">
                  <a:pos x="connsiteX3970" y="connsiteY3970"/>
                </a:cxn>
                <a:cxn ang="0">
                  <a:pos x="connsiteX3971" y="connsiteY3971"/>
                </a:cxn>
                <a:cxn ang="0">
                  <a:pos x="connsiteX3972" y="connsiteY3972"/>
                </a:cxn>
                <a:cxn ang="0">
                  <a:pos x="connsiteX3973" y="connsiteY3973"/>
                </a:cxn>
                <a:cxn ang="0">
                  <a:pos x="connsiteX3974" y="connsiteY3974"/>
                </a:cxn>
                <a:cxn ang="0">
                  <a:pos x="connsiteX3975" y="connsiteY3975"/>
                </a:cxn>
                <a:cxn ang="0">
                  <a:pos x="connsiteX3976" y="connsiteY3976"/>
                </a:cxn>
                <a:cxn ang="0">
                  <a:pos x="connsiteX3977" y="connsiteY3977"/>
                </a:cxn>
                <a:cxn ang="0">
                  <a:pos x="connsiteX3978" y="connsiteY3978"/>
                </a:cxn>
                <a:cxn ang="0">
                  <a:pos x="connsiteX3979" y="connsiteY3979"/>
                </a:cxn>
                <a:cxn ang="0">
                  <a:pos x="connsiteX3980" y="connsiteY3980"/>
                </a:cxn>
                <a:cxn ang="0">
                  <a:pos x="connsiteX3981" y="connsiteY3981"/>
                </a:cxn>
                <a:cxn ang="0">
                  <a:pos x="connsiteX3982" y="connsiteY3982"/>
                </a:cxn>
                <a:cxn ang="0">
                  <a:pos x="connsiteX3983" y="connsiteY3983"/>
                </a:cxn>
                <a:cxn ang="0">
                  <a:pos x="connsiteX3984" y="connsiteY3984"/>
                </a:cxn>
                <a:cxn ang="0">
                  <a:pos x="connsiteX3985" y="connsiteY3985"/>
                </a:cxn>
                <a:cxn ang="0">
                  <a:pos x="connsiteX3986" y="connsiteY3986"/>
                </a:cxn>
                <a:cxn ang="0">
                  <a:pos x="connsiteX3987" y="connsiteY3987"/>
                </a:cxn>
                <a:cxn ang="0">
                  <a:pos x="connsiteX3988" y="connsiteY3988"/>
                </a:cxn>
                <a:cxn ang="0">
                  <a:pos x="connsiteX3989" y="connsiteY3989"/>
                </a:cxn>
                <a:cxn ang="0">
                  <a:pos x="connsiteX3990" y="connsiteY3990"/>
                </a:cxn>
                <a:cxn ang="0">
                  <a:pos x="connsiteX3991" y="connsiteY3991"/>
                </a:cxn>
                <a:cxn ang="0">
                  <a:pos x="connsiteX3992" y="connsiteY3992"/>
                </a:cxn>
                <a:cxn ang="0">
                  <a:pos x="connsiteX3993" y="connsiteY3993"/>
                </a:cxn>
                <a:cxn ang="0">
                  <a:pos x="connsiteX3994" y="connsiteY3994"/>
                </a:cxn>
                <a:cxn ang="0">
                  <a:pos x="connsiteX3995" y="connsiteY3995"/>
                </a:cxn>
                <a:cxn ang="0">
                  <a:pos x="connsiteX3996" y="connsiteY3996"/>
                </a:cxn>
                <a:cxn ang="0">
                  <a:pos x="connsiteX3997" y="connsiteY3997"/>
                </a:cxn>
                <a:cxn ang="0">
                  <a:pos x="connsiteX3998" y="connsiteY3998"/>
                </a:cxn>
                <a:cxn ang="0">
                  <a:pos x="connsiteX3999" y="connsiteY3999"/>
                </a:cxn>
                <a:cxn ang="0">
                  <a:pos x="connsiteX4000" y="connsiteY4000"/>
                </a:cxn>
                <a:cxn ang="0">
                  <a:pos x="connsiteX4001" y="connsiteY4001"/>
                </a:cxn>
                <a:cxn ang="0">
                  <a:pos x="connsiteX4002" y="connsiteY4002"/>
                </a:cxn>
                <a:cxn ang="0">
                  <a:pos x="connsiteX4003" y="connsiteY4003"/>
                </a:cxn>
                <a:cxn ang="0">
                  <a:pos x="connsiteX4004" y="connsiteY4004"/>
                </a:cxn>
                <a:cxn ang="0">
                  <a:pos x="connsiteX4005" y="connsiteY4005"/>
                </a:cxn>
                <a:cxn ang="0">
                  <a:pos x="connsiteX4006" y="connsiteY4006"/>
                </a:cxn>
                <a:cxn ang="0">
                  <a:pos x="connsiteX4007" y="connsiteY4007"/>
                </a:cxn>
                <a:cxn ang="0">
                  <a:pos x="connsiteX4008" y="connsiteY4008"/>
                </a:cxn>
                <a:cxn ang="0">
                  <a:pos x="connsiteX4009" y="connsiteY4009"/>
                </a:cxn>
                <a:cxn ang="0">
                  <a:pos x="connsiteX4010" y="connsiteY4010"/>
                </a:cxn>
                <a:cxn ang="0">
                  <a:pos x="connsiteX4011" y="connsiteY4011"/>
                </a:cxn>
                <a:cxn ang="0">
                  <a:pos x="connsiteX4012" y="connsiteY4012"/>
                </a:cxn>
                <a:cxn ang="0">
                  <a:pos x="connsiteX4013" y="connsiteY4013"/>
                </a:cxn>
                <a:cxn ang="0">
                  <a:pos x="connsiteX4014" y="connsiteY4014"/>
                </a:cxn>
                <a:cxn ang="0">
                  <a:pos x="connsiteX4015" y="connsiteY4015"/>
                </a:cxn>
                <a:cxn ang="0">
                  <a:pos x="connsiteX4016" y="connsiteY4016"/>
                </a:cxn>
                <a:cxn ang="0">
                  <a:pos x="connsiteX4017" y="connsiteY4017"/>
                </a:cxn>
                <a:cxn ang="0">
                  <a:pos x="connsiteX4018" y="connsiteY4018"/>
                </a:cxn>
                <a:cxn ang="0">
                  <a:pos x="connsiteX4019" y="connsiteY4019"/>
                </a:cxn>
                <a:cxn ang="0">
                  <a:pos x="connsiteX4020" y="connsiteY4020"/>
                </a:cxn>
                <a:cxn ang="0">
                  <a:pos x="connsiteX4021" y="connsiteY4021"/>
                </a:cxn>
                <a:cxn ang="0">
                  <a:pos x="connsiteX4022" y="connsiteY4022"/>
                </a:cxn>
                <a:cxn ang="0">
                  <a:pos x="connsiteX4023" y="connsiteY4023"/>
                </a:cxn>
                <a:cxn ang="0">
                  <a:pos x="connsiteX4024" y="connsiteY4024"/>
                </a:cxn>
                <a:cxn ang="0">
                  <a:pos x="connsiteX4025" y="connsiteY4025"/>
                </a:cxn>
                <a:cxn ang="0">
                  <a:pos x="connsiteX4026" y="connsiteY4026"/>
                </a:cxn>
                <a:cxn ang="0">
                  <a:pos x="connsiteX4027" y="connsiteY4027"/>
                </a:cxn>
                <a:cxn ang="0">
                  <a:pos x="connsiteX4028" y="connsiteY4028"/>
                </a:cxn>
                <a:cxn ang="0">
                  <a:pos x="connsiteX4029" y="connsiteY4029"/>
                </a:cxn>
                <a:cxn ang="0">
                  <a:pos x="connsiteX4030" y="connsiteY4030"/>
                </a:cxn>
                <a:cxn ang="0">
                  <a:pos x="connsiteX4031" y="connsiteY4031"/>
                </a:cxn>
                <a:cxn ang="0">
                  <a:pos x="connsiteX4032" y="connsiteY4032"/>
                </a:cxn>
                <a:cxn ang="0">
                  <a:pos x="connsiteX4033" y="connsiteY4033"/>
                </a:cxn>
                <a:cxn ang="0">
                  <a:pos x="connsiteX4034" y="connsiteY4034"/>
                </a:cxn>
                <a:cxn ang="0">
                  <a:pos x="connsiteX4035" y="connsiteY4035"/>
                </a:cxn>
                <a:cxn ang="0">
                  <a:pos x="connsiteX4036" y="connsiteY4036"/>
                </a:cxn>
                <a:cxn ang="0">
                  <a:pos x="connsiteX4037" y="connsiteY4037"/>
                </a:cxn>
                <a:cxn ang="0">
                  <a:pos x="connsiteX4038" y="connsiteY4038"/>
                </a:cxn>
                <a:cxn ang="0">
                  <a:pos x="connsiteX4039" y="connsiteY4039"/>
                </a:cxn>
                <a:cxn ang="0">
                  <a:pos x="connsiteX4040" y="connsiteY4040"/>
                </a:cxn>
                <a:cxn ang="0">
                  <a:pos x="connsiteX4041" y="connsiteY4041"/>
                </a:cxn>
                <a:cxn ang="0">
                  <a:pos x="connsiteX4042" y="connsiteY4042"/>
                </a:cxn>
                <a:cxn ang="0">
                  <a:pos x="connsiteX4043" y="connsiteY4043"/>
                </a:cxn>
                <a:cxn ang="0">
                  <a:pos x="connsiteX4044" y="connsiteY4044"/>
                </a:cxn>
                <a:cxn ang="0">
                  <a:pos x="connsiteX4045" y="connsiteY4045"/>
                </a:cxn>
                <a:cxn ang="0">
                  <a:pos x="connsiteX4046" y="connsiteY4046"/>
                </a:cxn>
                <a:cxn ang="0">
                  <a:pos x="connsiteX4047" y="connsiteY4047"/>
                </a:cxn>
                <a:cxn ang="0">
                  <a:pos x="connsiteX4048" y="connsiteY4048"/>
                </a:cxn>
                <a:cxn ang="0">
                  <a:pos x="connsiteX4049" y="connsiteY4049"/>
                </a:cxn>
                <a:cxn ang="0">
                  <a:pos x="connsiteX4050" y="connsiteY4050"/>
                </a:cxn>
                <a:cxn ang="0">
                  <a:pos x="connsiteX4051" y="connsiteY4051"/>
                </a:cxn>
                <a:cxn ang="0">
                  <a:pos x="connsiteX4052" y="connsiteY4052"/>
                </a:cxn>
                <a:cxn ang="0">
                  <a:pos x="connsiteX4053" y="connsiteY4053"/>
                </a:cxn>
                <a:cxn ang="0">
                  <a:pos x="connsiteX4054" y="connsiteY4054"/>
                </a:cxn>
                <a:cxn ang="0">
                  <a:pos x="connsiteX4055" y="connsiteY4055"/>
                </a:cxn>
                <a:cxn ang="0">
                  <a:pos x="connsiteX4056" y="connsiteY4056"/>
                </a:cxn>
                <a:cxn ang="0">
                  <a:pos x="connsiteX4057" y="connsiteY4057"/>
                </a:cxn>
                <a:cxn ang="0">
                  <a:pos x="connsiteX4058" y="connsiteY4058"/>
                </a:cxn>
                <a:cxn ang="0">
                  <a:pos x="connsiteX4059" y="connsiteY4059"/>
                </a:cxn>
                <a:cxn ang="0">
                  <a:pos x="connsiteX4060" y="connsiteY4060"/>
                </a:cxn>
                <a:cxn ang="0">
                  <a:pos x="connsiteX4061" y="connsiteY4061"/>
                </a:cxn>
                <a:cxn ang="0">
                  <a:pos x="connsiteX4062" y="connsiteY4062"/>
                </a:cxn>
                <a:cxn ang="0">
                  <a:pos x="connsiteX4063" y="connsiteY4063"/>
                </a:cxn>
                <a:cxn ang="0">
                  <a:pos x="connsiteX4064" y="connsiteY4064"/>
                </a:cxn>
                <a:cxn ang="0">
                  <a:pos x="connsiteX4065" y="connsiteY4065"/>
                </a:cxn>
                <a:cxn ang="0">
                  <a:pos x="connsiteX4066" y="connsiteY4066"/>
                </a:cxn>
                <a:cxn ang="0">
                  <a:pos x="connsiteX4067" y="connsiteY4067"/>
                </a:cxn>
                <a:cxn ang="0">
                  <a:pos x="connsiteX4068" y="connsiteY4068"/>
                </a:cxn>
                <a:cxn ang="0">
                  <a:pos x="connsiteX4069" y="connsiteY4069"/>
                </a:cxn>
                <a:cxn ang="0">
                  <a:pos x="connsiteX4070" y="connsiteY4070"/>
                </a:cxn>
                <a:cxn ang="0">
                  <a:pos x="connsiteX4071" y="connsiteY4071"/>
                </a:cxn>
                <a:cxn ang="0">
                  <a:pos x="connsiteX4072" y="connsiteY4072"/>
                </a:cxn>
                <a:cxn ang="0">
                  <a:pos x="connsiteX4073" y="connsiteY4073"/>
                </a:cxn>
                <a:cxn ang="0">
                  <a:pos x="connsiteX4074" y="connsiteY4074"/>
                </a:cxn>
                <a:cxn ang="0">
                  <a:pos x="connsiteX4075" y="connsiteY4075"/>
                </a:cxn>
                <a:cxn ang="0">
                  <a:pos x="connsiteX4076" y="connsiteY4076"/>
                </a:cxn>
                <a:cxn ang="0">
                  <a:pos x="connsiteX4077" y="connsiteY4077"/>
                </a:cxn>
                <a:cxn ang="0">
                  <a:pos x="connsiteX4078" y="connsiteY4078"/>
                </a:cxn>
                <a:cxn ang="0">
                  <a:pos x="connsiteX4079" y="connsiteY4079"/>
                </a:cxn>
                <a:cxn ang="0">
                  <a:pos x="connsiteX4080" y="connsiteY4080"/>
                </a:cxn>
                <a:cxn ang="0">
                  <a:pos x="connsiteX4081" y="connsiteY4081"/>
                </a:cxn>
                <a:cxn ang="0">
                  <a:pos x="connsiteX4082" y="connsiteY4082"/>
                </a:cxn>
                <a:cxn ang="0">
                  <a:pos x="connsiteX4083" y="connsiteY4083"/>
                </a:cxn>
                <a:cxn ang="0">
                  <a:pos x="connsiteX4084" y="connsiteY4084"/>
                </a:cxn>
                <a:cxn ang="0">
                  <a:pos x="connsiteX4085" y="connsiteY4085"/>
                </a:cxn>
                <a:cxn ang="0">
                  <a:pos x="connsiteX4086" y="connsiteY4086"/>
                </a:cxn>
                <a:cxn ang="0">
                  <a:pos x="connsiteX4087" y="connsiteY4087"/>
                </a:cxn>
                <a:cxn ang="0">
                  <a:pos x="connsiteX4088" y="connsiteY4088"/>
                </a:cxn>
                <a:cxn ang="0">
                  <a:pos x="connsiteX4089" y="connsiteY4089"/>
                </a:cxn>
                <a:cxn ang="0">
                  <a:pos x="connsiteX4090" y="connsiteY4090"/>
                </a:cxn>
                <a:cxn ang="0">
                  <a:pos x="connsiteX4091" y="connsiteY4091"/>
                </a:cxn>
                <a:cxn ang="0">
                  <a:pos x="connsiteX4092" y="connsiteY4092"/>
                </a:cxn>
                <a:cxn ang="0">
                  <a:pos x="connsiteX4093" y="connsiteY4093"/>
                </a:cxn>
                <a:cxn ang="0">
                  <a:pos x="connsiteX4094" y="connsiteY4094"/>
                </a:cxn>
                <a:cxn ang="0">
                  <a:pos x="connsiteX4095" y="connsiteY4095"/>
                </a:cxn>
                <a:cxn ang="0">
                  <a:pos x="connsiteX4096" y="connsiteY4096"/>
                </a:cxn>
                <a:cxn ang="0">
                  <a:pos x="connsiteX4097" y="connsiteY4097"/>
                </a:cxn>
                <a:cxn ang="0">
                  <a:pos x="connsiteX4098" y="connsiteY4098"/>
                </a:cxn>
                <a:cxn ang="0">
                  <a:pos x="connsiteX4099" y="connsiteY4099"/>
                </a:cxn>
                <a:cxn ang="0">
                  <a:pos x="connsiteX4100" y="connsiteY4100"/>
                </a:cxn>
                <a:cxn ang="0">
                  <a:pos x="connsiteX4101" y="connsiteY4101"/>
                </a:cxn>
                <a:cxn ang="0">
                  <a:pos x="connsiteX4102" y="connsiteY4102"/>
                </a:cxn>
                <a:cxn ang="0">
                  <a:pos x="connsiteX4103" y="connsiteY4103"/>
                </a:cxn>
                <a:cxn ang="0">
                  <a:pos x="connsiteX4104" y="connsiteY4104"/>
                </a:cxn>
                <a:cxn ang="0">
                  <a:pos x="connsiteX4105" y="connsiteY4105"/>
                </a:cxn>
                <a:cxn ang="0">
                  <a:pos x="connsiteX4106" y="connsiteY4106"/>
                </a:cxn>
                <a:cxn ang="0">
                  <a:pos x="connsiteX4107" y="connsiteY4107"/>
                </a:cxn>
                <a:cxn ang="0">
                  <a:pos x="connsiteX4108" y="connsiteY4108"/>
                </a:cxn>
                <a:cxn ang="0">
                  <a:pos x="connsiteX4109" y="connsiteY4109"/>
                </a:cxn>
                <a:cxn ang="0">
                  <a:pos x="connsiteX4110" y="connsiteY4110"/>
                </a:cxn>
                <a:cxn ang="0">
                  <a:pos x="connsiteX4111" y="connsiteY4111"/>
                </a:cxn>
                <a:cxn ang="0">
                  <a:pos x="connsiteX4112" y="connsiteY4112"/>
                </a:cxn>
                <a:cxn ang="0">
                  <a:pos x="connsiteX4113" y="connsiteY4113"/>
                </a:cxn>
                <a:cxn ang="0">
                  <a:pos x="connsiteX4114" y="connsiteY4114"/>
                </a:cxn>
                <a:cxn ang="0">
                  <a:pos x="connsiteX4115" y="connsiteY4115"/>
                </a:cxn>
                <a:cxn ang="0">
                  <a:pos x="connsiteX4116" y="connsiteY4116"/>
                </a:cxn>
                <a:cxn ang="0">
                  <a:pos x="connsiteX4117" y="connsiteY4117"/>
                </a:cxn>
                <a:cxn ang="0">
                  <a:pos x="connsiteX4118" y="connsiteY4118"/>
                </a:cxn>
                <a:cxn ang="0">
                  <a:pos x="connsiteX4119" y="connsiteY4119"/>
                </a:cxn>
                <a:cxn ang="0">
                  <a:pos x="connsiteX4120" y="connsiteY4120"/>
                </a:cxn>
                <a:cxn ang="0">
                  <a:pos x="connsiteX4121" y="connsiteY4121"/>
                </a:cxn>
                <a:cxn ang="0">
                  <a:pos x="connsiteX4122" y="connsiteY4122"/>
                </a:cxn>
                <a:cxn ang="0">
                  <a:pos x="connsiteX4123" y="connsiteY4123"/>
                </a:cxn>
                <a:cxn ang="0">
                  <a:pos x="connsiteX4124" y="connsiteY4124"/>
                </a:cxn>
                <a:cxn ang="0">
                  <a:pos x="connsiteX4125" y="connsiteY4125"/>
                </a:cxn>
                <a:cxn ang="0">
                  <a:pos x="connsiteX4126" y="connsiteY4126"/>
                </a:cxn>
                <a:cxn ang="0">
                  <a:pos x="connsiteX4127" y="connsiteY4127"/>
                </a:cxn>
                <a:cxn ang="0">
                  <a:pos x="connsiteX4128" y="connsiteY4128"/>
                </a:cxn>
                <a:cxn ang="0">
                  <a:pos x="connsiteX4129" y="connsiteY4129"/>
                </a:cxn>
                <a:cxn ang="0">
                  <a:pos x="connsiteX4130" y="connsiteY4130"/>
                </a:cxn>
                <a:cxn ang="0">
                  <a:pos x="connsiteX4131" y="connsiteY4131"/>
                </a:cxn>
                <a:cxn ang="0">
                  <a:pos x="connsiteX4132" y="connsiteY4132"/>
                </a:cxn>
                <a:cxn ang="0">
                  <a:pos x="connsiteX4133" y="connsiteY4133"/>
                </a:cxn>
                <a:cxn ang="0">
                  <a:pos x="connsiteX4134" y="connsiteY4134"/>
                </a:cxn>
                <a:cxn ang="0">
                  <a:pos x="connsiteX4135" y="connsiteY4135"/>
                </a:cxn>
                <a:cxn ang="0">
                  <a:pos x="connsiteX4136" y="connsiteY4136"/>
                </a:cxn>
                <a:cxn ang="0">
                  <a:pos x="connsiteX4137" y="connsiteY4137"/>
                </a:cxn>
                <a:cxn ang="0">
                  <a:pos x="connsiteX4138" y="connsiteY4138"/>
                </a:cxn>
                <a:cxn ang="0">
                  <a:pos x="connsiteX4139" y="connsiteY4139"/>
                </a:cxn>
                <a:cxn ang="0">
                  <a:pos x="connsiteX4140" y="connsiteY4140"/>
                </a:cxn>
                <a:cxn ang="0">
                  <a:pos x="connsiteX4141" y="connsiteY4141"/>
                </a:cxn>
                <a:cxn ang="0">
                  <a:pos x="connsiteX4142" y="connsiteY4142"/>
                </a:cxn>
                <a:cxn ang="0">
                  <a:pos x="connsiteX4143" y="connsiteY4143"/>
                </a:cxn>
                <a:cxn ang="0">
                  <a:pos x="connsiteX4144" y="connsiteY4144"/>
                </a:cxn>
                <a:cxn ang="0">
                  <a:pos x="connsiteX4145" y="connsiteY4145"/>
                </a:cxn>
                <a:cxn ang="0">
                  <a:pos x="connsiteX4146" y="connsiteY4146"/>
                </a:cxn>
                <a:cxn ang="0">
                  <a:pos x="connsiteX4147" y="connsiteY4147"/>
                </a:cxn>
                <a:cxn ang="0">
                  <a:pos x="connsiteX4148" y="connsiteY4148"/>
                </a:cxn>
                <a:cxn ang="0">
                  <a:pos x="connsiteX4149" y="connsiteY4149"/>
                </a:cxn>
                <a:cxn ang="0">
                  <a:pos x="connsiteX4150" y="connsiteY4150"/>
                </a:cxn>
                <a:cxn ang="0">
                  <a:pos x="connsiteX4151" y="connsiteY4151"/>
                </a:cxn>
                <a:cxn ang="0">
                  <a:pos x="connsiteX4152" y="connsiteY4152"/>
                </a:cxn>
                <a:cxn ang="0">
                  <a:pos x="connsiteX4153" y="connsiteY4153"/>
                </a:cxn>
                <a:cxn ang="0">
                  <a:pos x="connsiteX4154" y="connsiteY4154"/>
                </a:cxn>
                <a:cxn ang="0">
                  <a:pos x="connsiteX4155" y="connsiteY4155"/>
                </a:cxn>
                <a:cxn ang="0">
                  <a:pos x="connsiteX4156" y="connsiteY4156"/>
                </a:cxn>
                <a:cxn ang="0">
                  <a:pos x="connsiteX4157" y="connsiteY4157"/>
                </a:cxn>
                <a:cxn ang="0">
                  <a:pos x="connsiteX4158" y="connsiteY4158"/>
                </a:cxn>
                <a:cxn ang="0">
                  <a:pos x="connsiteX4159" y="connsiteY4159"/>
                </a:cxn>
                <a:cxn ang="0">
                  <a:pos x="connsiteX4160" y="connsiteY4160"/>
                </a:cxn>
                <a:cxn ang="0">
                  <a:pos x="connsiteX4161" y="connsiteY4161"/>
                </a:cxn>
                <a:cxn ang="0">
                  <a:pos x="connsiteX4162" y="connsiteY4162"/>
                </a:cxn>
                <a:cxn ang="0">
                  <a:pos x="connsiteX4163" y="connsiteY4163"/>
                </a:cxn>
                <a:cxn ang="0">
                  <a:pos x="connsiteX4164" y="connsiteY4164"/>
                </a:cxn>
                <a:cxn ang="0">
                  <a:pos x="connsiteX4165" y="connsiteY4165"/>
                </a:cxn>
                <a:cxn ang="0">
                  <a:pos x="connsiteX4166" y="connsiteY4166"/>
                </a:cxn>
                <a:cxn ang="0">
                  <a:pos x="connsiteX4167" y="connsiteY4167"/>
                </a:cxn>
                <a:cxn ang="0">
                  <a:pos x="connsiteX4168" y="connsiteY4168"/>
                </a:cxn>
                <a:cxn ang="0">
                  <a:pos x="connsiteX4169" y="connsiteY4169"/>
                </a:cxn>
                <a:cxn ang="0">
                  <a:pos x="connsiteX4170" y="connsiteY4170"/>
                </a:cxn>
                <a:cxn ang="0">
                  <a:pos x="connsiteX4171" y="connsiteY4171"/>
                </a:cxn>
                <a:cxn ang="0">
                  <a:pos x="connsiteX4172" y="connsiteY4172"/>
                </a:cxn>
                <a:cxn ang="0">
                  <a:pos x="connsiteX4173" y="connsiteY4173"/>
                </a:cxn>
                <a:cxn ang="0">
                  <a:pos x="connsiteX4174" y="connsiteY4174"/>
                </a:cxn>
                <a:cxn ang="0">
                  <a:pos x="connsiteX4175" y="connsiteY4175"/>
                </a:cxn>
                <a:cxn ang="0">
                  <a:pos x="connsiteX4176" y="connsiteY4176"/>
                </a:cxn>
                <a:cxn ang="0">
                  <a:pos x="connsiteX4177" y="connsiteY4177"/>
                </a:cxn>
                <a:cxn ang="0">
                  <a:pos x="connsiteX4178" y="connsiteY4178"/>
                </a:cxn>
                <a:cxn ang="0">
                  <a:pos x="connsiteX4179" y="connsiteY4179"/>
                </a:cxn>
                <a:cxn ang="0">
                  <a:pos x="connsiteX4180" y="connsiteY4180"/>
                </a:cxn>
                <a:cxn ang="0">
                  <a:pos x="connsiteX4181" y="connsiteY4181"/>
                </a:cxn>
                <a:cxn ang="0">
                  <a:pos x="connsiteX4182" y="connsiteY4182"/>
                </a:cxn>
                <a:cxn ang="0">
                  <a:pos x="connsiteX4183" y="connsiteY4183"/>
                </a:cxn>
                <a:cxn ang="0">
                  <a:pos x="connsiteX4184" y="connsiteY4184"/>
                </a:cxn>
                <a:cxn ang="0">
                  <a:pos x="connsiteX4185" y="connsiteY4185"/>
                </a:cxn>
                <a:cxn ang="0">
                  <a:pos x="connsiteX4186" y="connsiteY4186"/>
                </a:cxn>
                <a:cxn ang="0">
                  <a:pos x="connsiteX4187" y="connsiteY4187"/>
                </a:cxn>
                <a:cxn ang="0">
                  <a:pos x="connsiteX4188" y="connsiteY4188"/>
                </a:cxn>
                <a:cxn ang="0">
                  <a:pos x="connsiteX4189" y="connsiteY4189"/>
                </a:cxn>
                <a:cxn ang="0">
                  <a:pos x="connsiteX4190" y="connsiteY4190"/>
                </a:cxn>
                <a:cxn ang="0">
                  <a:pos x="connsiteX4191" y="connsiteY4191"/>
                </a:cxn>
                <a:cxn ang="0">
                  <a:pos x="connsiteX4192" y="connsiteY4192"/>
                </a:cxn>
                <a:cxn ang="0">
                  <a:pos x="connsiteX4193" y="connsiteY4193"/>
                </a:cxn>
                <a:cxn ang="0">
                  <a:pos x="connsiteX4194" y="connsiteY4194"/>
                </a:cxn>
                <a:cxn ang="0">
                  <a:pos x="connsiteX4195" y="connsiteY4195"/>
                </a:cxn>
                <a:cxn ang="0">
                  <a:pos x="connsiteX4196" y="connsiteY4196"/>
                </a:cxn>
                <a:cxn ang="0">
                  <a:pos x="connsiteX4197" y="connsiteY4197"/>
                </a:cxn>
                <a:cxn ang="0">
                  <a:pos x="connsiteX4198" y="connsiteY4198"/>
                </a:cxn>
                <a:cxn ang="0">
                  <a:pos x="connsiteX4199" y="connsiteY4199"/>
                </a:cxn>
                <a:cxn ang="0">
                  <a:pos x="connsiteX4200" y="connsiteY4200"/>
                </a:cxn>
                <a:cxn ang="0">
                  <a:pos x="connsiteX4201" y="connsiteY4201"/>
                </a:cxn>
                <a:cxn ang="0">
                  <a:pos x="connsiteX4202" y="connsiteY4202"/>
                </a:cxn>
                <a:cxn ang="0">
                  <a:pos x="connsiteX4203" y="connsiteY4203"/>
                </a:cxn>
                <a:cxn ang="0">
                  <a:pos x="connsiteX4204" y="connsiteY4204"/>
                </a:cxn>
                <a:cxn ang="0">
                  <a:pos x="connsiteX4205" y="connsiteY4205"/>
                </a:cxn>
                <a:cxn ang="0">
                  <a:pos x="connsiteX4206" y="connsiteY4206"/>
                </a:cxn>
                <a:cxn ang="0">
                  <a:pos x="connsiteX4207" y="connsiteY4207"/>
                </a:cxn>
                <a:cxn ang="0">
                  <a:pos x="connsiteX4208" y="connsiteY4208"/>
                </a:cxn>
                <a:cxn ang="0">
                  <a:pos x="connsiteX4209" y="connsiteY4209"/>
                </a:cxn>
                <a:cxn ang="0">
                  <a:pos x="connsiteX4210" y="connsiteY4210"/>
                </a:cxn>
                <a:cxn ang="0">
                  <a:pos x="connsiteX4211" y="connsiteY4211"/>
                </a:cxn>
                <a:cxn ang="0">
                  <a:pos x="connsiteX4212" y="connsiteY4212"/>
                </a:cxn>
                <a:cxn ang="0">
                  <a:pos x="connsiteX4213" y="connsiteY4213"/>
                </a:cxn>
                <a:cxn ang="0">
                  <a:pos x="connsiteX4214" y="connsiteY4214"/>
                </a:cxn>
                <a:cxn ang="0">
                  <a:pos x="connsiteX4215" y="connsiteY4215"/>
                </a:cxn>
                <a:cxn ang="0">
                  <a:pos x="connsiteX4216" y="connsiteY4216"/>
                </a:cxn>
                <a:cxn ang="0">
                  <a:pos x="connsiteX4217" y="connsiteY4217"/>
                </a:cxn>
                <a:cxn ang="0">
                  <a:pos x="connsiteX4218" y="connsiteY4218"/>
                </a:cxn>
                <a:cxn ang="0">
                  <a:pos x="connsiteX4219" y="connsiteY4219"/>
                </a:cxn>
                <a:cxn ang="0">
                  <a:pos x="connsiteX4220" y="connsiteY4220"/>
                </a:cxn>
                <a:cxn ang="0">
                  <a:pos x="connsiteX4221" y="connsiteY4221"/>
                </a:cxn>
                <a:cxn ang="0">
                  <a:pos x="connsiteX4222" y="connsiteY4222"/>
                </a:cxn>
                <a:cxn ang="0">
                  <a:pos x="connsiteX4223" y="connsiteY4223"/>
                </a:cxn>
                <a:cxn ang="0">
                  <a:pos x="connsiteX4224" y="connsiteY4224"/>
                </a:cxn>
                <a:cxn ang="0">
                  <a:pos x="connsiteX4225" y="connsiteY4225"/>
                </a:cxn>
                <a:cxn ang="0">
                  <a:pos x="connsiteX4226" y="connsiteY4226"/>
                </a:cxn>
                <a:cxn ang="0">
                  <a:pos x="connsiteX4227" y="connsiteY4227"/>
                </a:cxn>
                <a:cxn ang="0">
                  <a:pos x="connsiteX4228" y="connsiteY4228"/>
                </a:cxn>
                <a:cxn ang="0">
                  <a:pos x="connsiteX4229" y="connsiteY4229"/>
                </a:cxn>
                <a:cxn ang="0">
                  <a:pos x="connsiteX4230" y="connsiteY4230"/>
                </a:cxn>
                <a:cxn ang="0">
                  <a:pos x="connsiteX4231" y="connsiteY4231"/>
                </a:cxn>
                <a:cxn ang="0">
                  <a:pos x="connsiteX4232" y="connsiteY4232"/>
                </a:cxn>
                <a:cxn ang="0">
                  <a:pos x="connsiteX4233" y="connsiteY4233"/>
                </a:cxn>
                <a:cxn ang="0">
                  <a:pos x="connsiteX4234" y="connsiteY4234"/>
                </a:cxn>
                <a:cxn ang="0">
                  <a:pos x="connsiteX4235" y="connsiteY4235"/>
                </a:cxn>
                <a:cxn ang="0">
                  <a:pos x="connsiteX4236" y="connsiteY4236"/>
                </a:cxn>
                <a:cxn ang="0">
                  <a:pos x="connsiteX4237" y="connsiteY4237"/>
                </a:cxn>
                <a:cxn ang="0">
                  <a:pos x="connsiteX4238" y="connsiteY4238"/>
                </a:cxn>
                <a:cxn ang="0">
                  <a:pos x="connsiteX4239" y="connsiteY4239"/>
                </a:cxn>
                <a:cxn ang="0">
                  <a:pos x="connsiteX4240" y="connsiteY4240"/>
                </a:cxn>
                <a:cxn ang="0">
                  <a:pos x="connsiteX4241" y="connsiteY4241"/>
                </a:cxn>
                <a:cxn ang="0">
                  <a:pos x="connsiteX4242" y="connsiteY4242"/>
                </a:cxn>
                <a:cxn ang="0">
                  <a:pos x="connsiteX4243" y="connsiteY4243"/>
                </a:cxn>
                <a:cxn ang="0">
                  <a:pos x="connsiteX4244" y="connsiteY4244"/>
                </a:cxn>
                <a:cxn ang="0">
                  <a:pos x="connsiteX4245" y="connsiteY4245"/>
                </a:cxn>
                <a:cxn ang="0">
                  <a:pos x="connsiteX4246" y="connsiteY4246"/>
                </a:cxn>
                <a:cxn ang="0">
                  <a:pos x="connsiteX4247" y="connsiteY4247"/>
                </a:cxn>
                <a:cxn ang="0">
                  <a:pos x="connsiteX4248" y="connsiteY4248"/>
                </a:cxn>
                <a:cxn ang="0">
                  <a:pos x="connsiteX4249" y="connsiteY4249"/>
                </a:cxn>
                <a:cxn ang="0">
                  <a:pos x="connsiteX4250" y="connsiteY4250"/>
                </a:cxn>
                <a:cxn ang="0">
                  <a:pos x="connsiteX4251" y="connsiteY4251"/>
                </a:cxn>
                <a:cxn ang="0">
                  <a:pos x="connsiteX4252" y="connsiteY4252"/>
                </a:cxn>
                <a:cxn ang="0">
                  <a:pos x="connsiteX4253" y="connsiteY4253"/>
                </a:cxn>
                <a:cxn ang="0">
                  <a:pos x="connsiteX4254" y="connsiteY4254"/>
                </a:cxn>
                <a:cxn ang="0">
                  <a:pos x="connsiteX4255" y="connsiteY4255"/>
                </a:cxn>
                <a:cxn ang="0">
                  <a:pos x="connsiteX4256" y="connsiteY4256"/>
                </a:cxn>
                <a:cxn ang="0">
                  <a:pos x="connsiteX4257" y="connsiteY4257"/>
                </a:cxn>
                <a:cxn ang="0">
                  <a:pos x="connsiteX4258" y="connsiteY4258"/>
                </a:cxn>
                <a:cxn ang="0">
                  <a:pos x="connsiteX4259" y="connsiteY4259"/>
                </a:cxn>
                <a:cxn ang="0">
                  <a:pos x="connsiteX4260" y="connsiteY4260"/>
                </a:cxn>
                <a:cxn ang="0">
                  <a:pos x="connsiteX4261" y="connsiteY4261"/>
                </a:cxn>
                <a:cxn ang="0">
                  <a:pos x="connsiteX4262" y="connsiteY4262"/>
                </a:cxn>
                <a:cxn ang="0">
                  <a:pos x="connsiteX4263" y="connsiteY4263"/>
                </a:cxn>
                <a:cxn ang="0">
                  <a:pos x="connsiteX4264" y="connsiteY4264"/>
                </a:cxn>
                <a:cxn ang="0">
                  <a:pos x="connsiteX4265" y="connsiteY4265"/>
                </a:cxn>
                <a:cxn ang="0">
                  <a:pos x="connsiteX4266" y="connsiteY4266"/>
                </a:cxn>
                <a:cxn ang="0">
                  <a:pos x="connsiteX4267" y="connsiteY4267"/>
                </a:cxn>
                <a:cxn ang="0">
                  <a:pos x="connsiteX4268" y="connsiteY4268"/>
                </a:cxn>
                <a:cxn ang="0">
                  <a:pos x="connsiteX4269" y="connsiteY4269"/>
                </a:cxn>
                <a:cxn ang="0">
                  <a:pos x="connsiteX4270" y="connsiteY4270"/>
                </a:cxn>
                <a:cxn ang="0">
                  <a:pos x="connsiteX4271" y="connsiteY4271"/>
                </a:cxn>
                <a:cxn ang="0">
                  <a:pos x="connsiteX4272" y="connsiteY4272"/>
                </a:cxn>
                <a:cxn ang="0">
                  <a:pos x="connsiteX4273" y="connsiteY4273"/>
                </a:cxn>
                <a:cxn ang="0">
                  <a:pos x="connsiteX4274" y="connsiteY4274"/>
                </a:cxn>
                <a:cxn ang="0">
                  <a:pos x="connsiteX4275" y="connsiteY4275"/>
                </a:cxn>
                <a:cxn ang="0">
                  <a:pos x="connsiteX4276" y="connsiteY4276"/>
                </a:cxn>
                <a:cxn ang="0">
                  <a:pos x="connsiteX4277" y="connsiteY4277"/>
                </a:cxn>
                <a:cxn ang="0">
                  <a:pos x="connsiteX4278" y="connsiteY4278"/>
                </a:cxn>
                <a:cxn ang="0">
                  <a:pos x="connsiteX4279" y="connsiteY4279"/>
                </a:cxn>
                <a:cxn ang="0">
                  <a:pos x="connsiteX4280" y="connsiteY4280"/>
                </a:cxn>
                <a:cxn ang="0">
                  <a:pos x="connsiteX4281" y="connsiteY4281"/>
                </a:cxn>
                <a:cxn ang="0">
                  <a:pos x="connsiteX4282" y="connsiteY4282"/>
                </a:cxn>
                <a:cxn ang="0">
                  <a:pos x="connsiteX4283" y="connsiteY4283"/>
                </a:cxn>
                <a:cxn ang="0">
                  <a:pos x="connsiteX4284" y="connsiteY4284"/>
                </a:cxn>
                <a:cxn ang="0">
                  <a:pos x="connsiteX4285" y="connsiteY4285"/>
                </a:cxn>
                <a:cxn ang="0">
                  <a:pos x="connsiteX4286" y="connsiteY4286"/>
                </a:cxn>
                <a:cxn ang="0">
                  <a:pos x="connsiteX4287" y="connsiteY4287"/>
                </a:cxn>
                <a:cxn ang="0">
                  <a:pos x="connsiteX4288" y="connsiteY4288"/>
                </a:cxn>
                <a:cxn ang="0">
                  <a:pos x="connsiteX4289" y="connsiteY4289"/>
                </a:cxn>
                <a:cxn ang="0">
                  <a:pos x="connsiteX4290" y="connsiteY4290"/>
                </a:cxn>
                <a:cxn ang="0">
                  <a:pos x="connsiteX4291" y="connsiteY4291"/>
                </a:cxn>
                <a:cxn ang="0">
                  <a:pos x="connsiteX4292" y="connsiteY4292"/>
                </a:cxn>
                <a:cxn ang="0">
                  <a:pos x="connsiteX4293" y="connsiteY4293"/>
                </a:cxn>
                <a:cxn ang="0">
                  <a:pos x="connsiteX4294" y="connsiteY4294"/>
                </a:cxn>
                <a:cxn ang="0">
                  <a:pos x="connsiteX4295" y="connsiteY4295"/>
                </a:cxn>
                <a:cxn ang="0">
                  <a:pos x="connsiteX4296" y="connsiteY4296"/>
                </a:cxn>
                <a:cxn ang="0">
                  <a:pos x="connsiteX4297" y="connsiteY4297"/>
                </a:cxn>
                <a:cxn ang="0">
                  <a:pos x="connsiteX4298" y="connsiteY4298"/>
                </a:cxn>
                <a:cxn ang="0">
                  <a:pos x="connsiteX4299" y="connsiteY4299"/>
                </a:cxn>
                <a:cxn ang="0">
                  <a:pos x="connsiteX4300" y="connsiteY4300"/>
                </a:cxn>
                <a:cxn ang="0">
                  <a:pos x="connsiteX4301" y="connsiteY4301"/>
                </a:cxn>
                <a:cxn ang="0">
                  <a:pos x="connsiteX4302" y="connsiteY4302"/>
                </a:cxn>
                <a:cxn ang="0">
                  <a:pos x="connsiteX4303" y="connsiteY4303"/>
                </a:cxn>
                <a:cxn ang="0">
                  <a:pos x="connsiteX4304" y="connsiteY4304"/>
                </a:cxn>
                <a:cxn ang="0">
                  <a:pos x="connsiteX4305" y="connsiteY4305"/>
                </a:cxn>
                <a:cxn ang="0">
                  <a:pos x="connsiteX4306" y="connsiteY4306"/>
                </a:cxn>
                <a:cxn ang="0">
                  <a:pos x="connsiteX4307" y="connsiteY4307"/>
                </a:cxn>
                <a:cxn ang="0">
                  <a:pos x="connsiteX4308" y="connsiteY4308"/>
                </a:cxn>
                <a:cxn ang="0">
                  <a:pos x="connsiteX4309" y="connsiteY4309"/>
                </a:cxn>
                <a:cxn ang="0">
                  <a:pos x="connsiteX4310" y="connsiteY4310"/>
                </a:cxn>
                <a:cxn ang="0">
                  <a:pos x="connsiteX4311" y="connsiteY4311"/>
                </a:cxn>
                <a:cxn ang="0">
                  <a:pos x="connsiteX4312" y="connsiteY4312"/>
                </a:cxn>
                <a:cxn ang="0">
                  <a:pos x="connsiteX4313" y="connsiteY4313"/>
                </a:cxn>
                <a:cxn ang="0">
                  <a:pos x="connsiteX4314" y="connsiteY4314"/>
                </a:cxn>
                <a:cxn ang="0">
                  <a:pos x="connsiteX4315" y="connsiteY4315"/>
                </a:cxn>
                <a:cxn ang="0">
                  <a:pos x="connsiteX4316" y="connsiteY4316"/>
                </a:cxn>
                <a:cxn ang="0">
                  <a:pos x="connsiteX4317" y="connsiteY4317"/>
                </a:cxn>
                <a:cxn ang="0">
                  <a:pos x="connsiteX4318" y="connsiteY4318"/>
                </a:cxn>
                <a:cxn ang="0">
                  <a:pos x="connsiteX4319" y="connsiteY4319"/>
                </a:cxn>
                <a:cxn ang="0">
                  <a:pos x="connsiteX4320" y="connsiteY4320"/>
                </a:cxn>
                <a:cxn ang="0">
                  <a:pos x="connsiteX4321" y="connsiteY4321"/>
                </a:cxn>
                <a:cxn ang="0">
                  <a:pos x="connsiteX4322" y="connsiteY4322"/>
                </a:cxn>
                <a:cxn ang="0">
                  <a:pos x="connsiteX4323" y="connsiteY4323"/>
                </a:cxn>
                <a:cxn ang="0">
                  <a:pos x="connsiteX4324" y="connsiteY4324"/>
                </a:cxn>
                <a:cxn ang="0">
                  <a:pos x="connsiteX4325" y="connsiteY4325"/>
                </a:cxn>
                <a:cxn ang="0">
                  <a:pos x="connsiteX4326" y="connsiteY4326"/>
                </a:cxn>
                <a:cxn ang="0">
                  <a:pos x="connsiteX4327" y="connsiteY4327"/>
                </a:cxn>
                <a:cxn ang="0">
                  <a:pos x="connsiteX4328" y="connsiteY4328"/>
                </a:cxn>
                <a:cxn ang="0">
                  <a:pos x="connsiteX4329" y="connsiteY4329"/>
                </a:cxn>
                <a:cxn ang="0">
                  <a:pos x="connsiteX4330" y="connsiteY4330"/>
                </a:cxn>
                <a:cxn ang="0">
                  <a:pos x="connsiteX4331" y="connsiteY4331"/>
                </a:cxn>
              </a:cxnLst>
              <a:rect l="l" t="t" r="r" b="b"/>
              <a:pathLst>
                <a:path w="2044700" h="800786">
                  <a:moveTo>
                    <a:pt x="923925" y="572186"/>
                  </a:moveTo>
                  <a:cubicBezTo>
                    <a:pt x="925512" y="573774"/>
                    <a:pt x="925512" y="573774"/>
                    <a:pt x="927100" y="573774"/>
                  </a:cubicBezTo>
                  <a:cubicBezTo>
                    <a:pt x="928687" y="575361"/>
                    <a:pt x="936625" y="576949"/>
                    <a:pt x="939800" y="576949"/>
                  </a:cubicBezTo>
                  <a:cubicBezTo>
                    <a:pt x="942975" y="578536"/>
                    <a:pt x="941387" y="580124"/>
                    <a:pt x="941387" y="583299"/>
                  </a:cubicBezTo>
                  <a:cubicBezTo>
                    <a:pt x="939800" y="584886"/>
                    <a:pt x="939800" y="583299"/>
                    <a:pt x="935037" y="583299"/>
                  </a:cubicBezTo>
                  <a:cubicBezTo>
                    <a:pt x="931862" y="583299"/>
                    <a:pt x="928687" y="583299"/>
                    <a:pt x="923925" y="583299"/>
                  </a:cubicBezTo>
                  <a:cubicBezTo>
                    <a:pt x="919162" y="583299"/>
                    <a:pt x="920750" y="580124"/>
                    <a:pt x="919162" y="576949"/>
                  </a:cubicBezTo>
                  <a:cubicBezTo>
                    <a:pt x="917575" y="575361"/>
                    <a:pt x="917575" y="573774"/>
                    <a:pt x="919162" y="573774"/>
                  </a:cubicBezTo>
                  <a:cubicBezTo>
                    <a:pt x="920750" y="572186"/>
                    <a:pt x="920750" y="572186"/>
                    <a:pt x="923925" y="572186"/>
                  </a:cubicBezTo>
                  <a:close/>
                  <a:moveTo>
                    <a:pt x="705446" y="567225"/>
                  </a:moveTo>
                  <a:cubicBezTo>
                    <a:pt x="706438" y="568217"/>
                    <a:pt x="707232" y="569804"/>
                    <a:pt x="708025" y="570598"/>
                  </a:cubicBezTo>
                  <a:cubicBezTo>
                    <a:pt x="708025" y="572186"/>
                    <a:pt x="709613" y="575361"/>
                    <a:pt x="706438" y="578536"/>
                  </a:cubicBezTo>
                  <a:cubicBezTo>
                    <a:pt x="704850" y="580124"/>
                    <a:pt x="704850" y="581711"/>
                    <a:pt x="701675" y="581711"/>
                  </a:cubicBezTo>
                  <a:cubicBezTo>
                    <a:pt x="696912" y="581711"/>
                    <a:pt x="698500" y="581711"/>
                    <a:pt x="696912" y="578536"/>
                  </a:cubicBezTo>
                  <a:cubicBezTo>
                    <a:pt x="695325" y="573773"/>
                    <a:pt x="698500" y="570598"/>
                    <a:pt x="701675" y="567423"/>
                  </a:cubicBezTo>
                  <a:cubicBezTo>
                    <a:pt x="703263" y="565836"/>
                    <a:pt x="704453" y="566232"/>
                    <a:pt x="705446" y="567225"/>
                  </a:cubicBezTo>
                  <a:close/>
                  <a:moveTo>
                    <a:pt x="898429" y="567027"/>
                  </a:moveTo>
                  <a:cubicBezTo>
                    <a:pt x="902557" y="567424"/>
                    <a:pt x="906272" y="568217"/>
                    <a:pt x="906272" y="569011"/>
                  </a:cubicBezTo>
                  <a:cubicBezTo>
                    <a:pt x="906272" y="569011"/>
                    <a:pt x="909574" y="572186"/>
                    <a:pt x="909574" y="575361"/>
                  </a:cubicBezTo>
                  <a:cubicBezTo>
                    <a:pt x="911225" y="578536"/>
                    <a:pt x="909574" y="584886"/>
                    <a:pt x="907923" y="588061"/>
                  </a:cubicBezTo>
                  <a:cubicBezTo>
                    <a:pt x="906272" y="589649"/>
                    <a:pt x="899668" y="595999"/>
                    <a:pt x="896366" y="597586"/>
                  </a:cubicBezTo>
                  <a:cubicBezTo>
                    <a:pt x="893064" y="597586"/>
                    <a:pt x="884809" y="595999"/>
                    <a:pt x="876554" y="594411"/>
                  </a:cubicBezTo>
                  <a:cubicBezTo>
                    <a:pt x="869950" y="592824"/>
                    <a:pt x="873252" y="594411"/>
                    <a:pt x="871601" y="586474"/>
                  </a:cubicBezTo>
                  <a:cubicBezTo>
                    <a:pt x="869950" y="578536"/>
                    <a:pt x="874903" y="576949"/>
                    <a:pt x="876554" y="572186"/>
                  </a:cubicBezTo>
                  <a:cubicBezTo>
                    <a:pt x="879856" y="569011"/>
                    <a:pt x="883158" y="569011"/>
                    <a:pt x="888111" y="567424"/>
                  </a:cubicBezTo>
                  <a:cubicBezTo>
                    <a:pt x="889762" y="566630"/>
                    <a:pt x="894302" y="566630"/>
                    <a:pt x="898429" y="567027"/>
                  </a:cubicBezTo>
                  <a:close/>
                  <a:moveTo>
                    <a:pt x="911226" y="554723"/>
                  </a:moveTo>
                  <a:cubicBezTo>
                    <a:pt x="911226" y="556311"/>
                    <a:pt x="911226" y="561073"/>
                    <a:pt x="909638" y="561073"/>
                  </a:cubicBezTo>
                  <a:cubicBezTo>
                    <a:pt x="908050" y="562661"/>
                    <a:pt x="908050" y="559486"/>
                    <a:pt x="906463" y="557898"/>
                  </a:cubicBezTo>
                  <a:cubicBezTo>
                    <a:pt x="906463" y="556311"/>
                    <a:pt x="911226" y="554723"/>
                    <a:pt x="911226" y="554723"/>
                  </a:cubicBezTo>
                  <a:close/>
                  <a:moveTo>
                    <a:pt x="1327156" y="552144"/>
                  </a:moveTo>
                  <a:cubicBezTo>
                    <a:pt x="1329812" y="552739"/>
                    <a:pt x="1331446" y="553930"/>
                    <a:pt x="1331446" y="554724"/>
                  </a:cubicBezTo>
                  <a:cubicBezTo>
                    <a:pt x="1331446" y="557899"/>
                    <a:pt x="1333080" y="556311"/>
                    <a:pt x="1337983" y="556311"/>
                  </a:cubicBezTo>
                  <a:cubicBezTo>
                    <a:pt x="1341251" y="556311"/>
                    <a:pt x="1339617" y="557899"/>
                    <a:pt x="1341251" y="562661"/>
                  </a:cubicBezTo>
                  <a:cubicBezTo>
                    <a:pt x="1341251" y="565836"/>
                    <a:pt x="1341251" y="567424"/>
                    <a:pt x="1337983" y="565836"/>
                  </a:cubicBezTo>
                  <a:cubicBezTo>
                    <a:pt x="1333080" y="565836"/>
                    <a:pt x="1324909" y="569011"/>
                    <a:pt x="1324909" y="569011"/>
                  </a:cubicBezTo>
                  <a:cubicBezTo>
                    <a:pt x="1324909" y="569011"/>
                    <a:pt x="1329812" y="570599"/>
                    <a:pt x="1336349" y="570599"/>
                  </a:cubicBezTo>
                  <a:cubicBezTo>
                    <a:pt x="1342886" y="572186"/>
                    <a:pt x="1342886" y="572186"/>
                    <a:pt x="1344520" y="572186"/>
                  </a:cubicBezTo>
                  <a:cubicBezTo>
                    <a:pt x="1347788" y="572186"/>
                    <a:pt x="1347788" y="575361"/>
                    <a:pt x="1346154" y="576949"/>
                  </a:cubicBezTo>
                  <a:cubicBezTo>
                    <a:pt x="1344520" y="576949"/>
                    <a:pt x="1342886" y="578536"/>
                    <a:pt x="1337983" y="580124"/>
                  </a:cubicBezTo>
                  <a:cubicBezTo>
                    <a:pt x="1333080" y="583299"/>
                    <a:pt x="1331446" y="576949"/>
                    <a:pt x="1331446" y="576949"/>
                  </a:cubicBezTo>
                  <a:cubicBezTo>
                    <a:pt x="1331446" y="576949"/>
                    <a:pt x="1331446" y="576949"/>
                    <a:pt x="1324909" y="580124"/>
                  </a:cubicBezTo>
                  <a:cubicBezTo>
                    <a:pt x="1324909" y="580124"/>
                    <a:pt x="1320006" y="578536"/>
                    <a:pt x="1318372" y="578536"/>
                  </a:cubicBezTo>
                  <a:cubicBezTo>
                    <a:pt x="1316738" y="578536"/>
                    <a:pt x="1315104" y="580124"/>
                    <a:pt x="1311835" y="580124"/>
                  </a:cubicBezTo>
                  <a:cubicBezTo>
                    <a:pt x="1308567" y="581711"/>
                    <a:pt x="1302030" y="584886"/>
                    <a:pt x="1297127" y="584886"/>
                  </a:cubicBezTo>
                  <a:cubicBezTo>
                    <a:pt x="1292225" y="584886"/>
                    <a:pt x="1297127" y="583299"/>
                    <a:pt x="1298762" y="578536"/>
                  </a:cubicBezTo>
                  <a:cubicBezTo>
                    <a:pt x="1300396" y="575361"/>
                    <a:pt x="1305298" y="576949"/>
                    <a:pt x="1305298" y="575361"/>
                  </a:cubicBezTo>
                  <a:cubicBezTo>
                    <a:pt x="1305298" y="572186"/>
                    <a:pt x="1311835" y="570599"/>
                    <a:pt x="1315104" y="570599"/>
                  </a:cubicBezTo>
                  <a:cubicBezTo>
                    <a:pt x="1318372" y="570599"/>
                    <a:pt x="1321640" y="567424"/>
                    <a:pt x="1318372" y="567424"/>
                  </a:cubicBezTo>
                  <a:cubicBezTo>
                    <a:pt x="1315104" y="565836"/>
                    <a:pt x="1311835" y="565836"/>
                    <a:pt x="1308567" y="564249"/>
                  </a:cubicBezTo>
                  <a:cubicBezTo>
                    <a:pt x="1303664" y="562661"/>
                    <a:pt x="1311835" y="562661"/>
                    <a:pt x="1316738" y="561074"/>
                  </a:cubicBezTo>
                  <a:cubicBezTo>
                    <a:pt x="1321640" y="559486"/>
                    <a:pt x="1321640" y="561074"/>
                    <a:pt x="1320006" y="556311"/>
                  </a:cubicBezTo>
                  <a:cubicBezTo>
                    <a:pt x="1318372" y="553136"/>
                    <a:pt x="1315104" y="553136"/>
                    <a:pt x="1316738" y="553136"/>
                  </a:cubicBezTo>
                  <a:cubicBezTo>
                    <a:pt x="1320823" y="551549"/>
                    <a:pt x="1324500" y="551549"/>
                    <a:pt x="1327156" y="552144"/>
                  </a:cubicBezTo>
                  <a:close/>
                  <a:moveTo>
                    <a:pt x="850107" y="533061"/>
                  </a:moveTo>
                  <a:cubicBezTo>
                    <a:pt x="851298" y="533491"/>
                    <a:pt x="852488" y="534351"/>
                    <a:pt x="854076" y="534351"/>
                  </a:cubicBezTo>
                  <a:cubicBezTo>
                    <a:pt x="857251" y="534351"/>
                    <a:pt x="854076" y="537790"/>
                    <a:pt x="852488" y="539510"/>
                  </a:cubicBezTo>
                  <a:cubicBezTo>
                    <a:pt x="850901" y="541230"/>
                    <a:pt x="847726" y="546390"/>
                    <a:pt x="842963" y="548109"/>
                  </a:cubicBezTo>
                  <a:cubicBezTo>
                    <a:pt x="838200" y="551549"/>
                    <a:pt x="839788" y="551549"/>
                    <a:pt x="836613" y="551549"/>
                  </a:cubicBezTo>
                  <a:cubicBezTo>
                    <a:pt x="835025" y="551549"/>
                    <a:pt x="833438" y="549829"/>
                    <a:pt x="835025" y="546390"/>
                  </a:cubicBezTo>
                  <a:cubicBezTo>
                    <a:pt x="835025" y="544670"/>
                    <a:pt x="841375" y="537790"/>
                    <a:pt x="846138" y="534351"/>
                  </a:cubicBezTo>
                  <a:cubicBezTo>
                    <a:pt x="847726" y="532631"/>
                    <a:pt x="848916" y="532631"/>
                    <a:pt x="850107" y="533061"/>
                  </a:cubicBezTo>
                  <a:close/>
                  <a:moveTo>
                    <a:pt x="871970" y="530911"/>
                  </a:moveTo>
                  <a:cubicBezTo>
                    <a:pt x="875434" y="529323"/>
                    <a:pt x="880629" y="532498"/>
                    <a:pt x="882361" y="535673"/>
                  </a:cubicBezTo>
                  <a:cubicBezTo>
                    <a:pt x="885825" y="538848"/>
                    <a:pt x="880629" y="538848"/>
                    <a:pt x="877166" y="540436"/>
                  </a:cubicBezTo>
                  <a:cubicBezTo>
                    <a:pt x="875434" y="540436"/>
                    <a:pt x="871970" y="540436"/>
                    <a:pt x="868507" y="538848"/>
                  </a:cubicBezTo>
                  <a:cubicBezTo>
                    <a:pt x="866775" y="537261"/>
                    <a:pt x="868507" y="532498"/>
                    <a:pt x="871970" y="530911"/>
                  </a:cubicBezTo>
                  <a:close/>
                  <a:moveTo>
                    <a:pt x="854075" y="519799"/>
                  </a:moveTo>
                  <a:cubicBezTo>
                    <a:pt x="857250" y="521386"/>
                    <a:pt x="862013" y="521386"/>
                    <a:pt x="858838" y="524561"/>
                  </a:cubicBezTo>
                  <a:cubicBezTo>
                    <a:pt x="857250" y="527736"/>
                    <a:pt x="855663" y="527736"/>
                    <a:pt x="852488" y="529324"/>
                  </a:cubicBezTo>
                  <a:cubicBezTo>
                    <a:pt x="849313" y="530911"/>
                    <a:pt x="846138" y="530911"/>
                    <a:pt x="846138" y="527736"/>
                  </a:cubicBezTo>
                  <a:cubicBezTo>
                    <a:pt x="846138" y="524561"/>
                    <a:pt x="850900" y="518211"/>
                    <a:pt x="854075" y="519799"/>
                  </a:cubicBezTo>
                  <a:close/>
                  <a:moveTo>
                    <a:pt x="499038" y="518211"/>
                  </a:moveTo>
                  <a:cubicBezTo>
                    <a:pt x="500658" y="518211"/>
                    <a:pt x="502279" y="518211"/>
                    <a:pt x="503899" y="518211"/>
                  </a:cubicBezTo>
                  <a:cubicBezTo>
                    <a:pt x="503899" y="518211"/>
                    <a:pt x="508761" y="519857"/>
                    <a:pt x="508761" y="519857"/>
                  </a:cubicBezTo>
                  <a:cubicBezTo>
                    <a:pt x="508761" y="519857"/>
                    <a:pt x="512002" y="523150"/>
                    <a:pt x="515244" y="523150"/>
                  </a:cubicBezTo>
                  <a:cubicBezTo>
                    <a:pt x="516864" y="523150"/>
                    <a:pt x="516864" y="523150"/>
                    <a:pt x="518485" y="526443"/>
                  </a:cubicBezTo>
                  <a:cubicBezTo>
                    <a:pt x="520105" y="529735"/>
                    <a:pt x="521726" y="529735"/>
                    <a:pt x="523346" y="528089"/>
                  </a:cubicBezTo>
                  <a:cubicBezTo>
                    <a:pt x="524967" y="528089"/>
                    <a:pt x="523346" y="528089"/>
                    <a:pt x="524967" y="528089"/>
                  </a:cubicBezTo>
                  <a:cubicBezTo>
                    <a:pt x="526588" y="526443"/>
                    <a:pt x="526588" y="528089"/>
                    <a:pt x="526588" y="528089"/>
                  </a:cubicBezTo>
                  <a:cubicBezTo>
                    <a:pt x="528208" y="528089"/>
                    <a:pt x="531449" y="528089"/>
                    <a:pt x="531449" y="526443"/>
                  </a:cubicBezTo>
                  <a:cubicBezTo>
                    <a:pt x="533070" y="526443"/>
                    <a:pt x="534691" y="526443"/>
                    <a:pt x="537932" y="526443"/>
                  </a:cubicBezTo>
                  <a:cubicBezTo>
                    <a:pt x="541173" y="524796"/>
                    <a:pt x="542793" y="526443"/>
                    <a:pt x="542793" y="526443"/>
                  </a:cubicBezTo>
                  <a:cubicBezTo>
                    <a:pt x="542793" y="526443"/>
                    <a:pt x="546035" y="528089"/>
                    <a:pt x="547655" y="528089"/>
                  </a:cubicBezTo>
                  <a:cubicBezTo>
                    <a:pt x="549276" y="529735"/>
                    <a:pt x="547655" y="531381"/>
                    <a:pt x="547655" y="531381"/>
                  </a:cubicBezTo>
                  <a:cubicBezTo>
                    <a:pt x="547655" y="533028"/>
                    <a:pt x="546035" y="534674"/>
                    <a:pt x="546035" y="534674"/>
                  </a:cubicBezTo>
                  <a:cubicBezTo>
                    <a:pt x="546035" y="534674"/>
                    <a:pt x="542793" y="537967"/>
                    <a:pt x="541173" y="537967"/>
                  </a:cubicBezTo>
                  <a:cubicBezTo>
                    <a:pt x="539552" y="536320"/>
                    <a:pt x="539552" y="536320"/>
                    <a:pt x="537932" y="533028"/>
                  </a:cubicBezTo>
                  <a:cubicBezTo>
                    <a:pt x="536311" y="529735"/>
                    <a:pt x="537932" y="533028"/>
                    <a:pt x="534691" y="533028"/>
                  </a:cubicBezTo>
                  <a:cubicBezTo>
                    <a:pt x="529829" y="533028"/>
                    <a:pt x="534691" y="534674"/>
                    <a:pt x="533070" y="539613"/>
                  </a:cubicBezTo>
                  <a:cubicBezTo>
                    <a:pt x="533070" y="542906"/>
                    <a:pt x="533070" y="539613"/>
                    <a:pt x="536311" y="542906"/>
                  </a:cubicBezTo>
                  <a:cubicBezTo>
                    <a:pt x="537932" y="542906"/>
                    <a:pt x="539552" y="544552"/>
                    <a:pt x="541173" y="544552"/>
                  </a:cubicBezTo>
                  <a:cubicBezTo>
                    <a:pt x="542793" y="544552"/>
                    <a:pt x="542793" y="547844"/>
                    <a:pt x="542793" y="547844"/>
                  </a:cubicBezTo>
                  <a:cubicBezTo>
                    <a:pt x="542793" y="547844"/>
                    <a:pt x="544414" y="547844"/>
                    <a:pt x="547655" y="547844"/>
                  </a:cubicBezTo>
                  <a:cubicBezTo>
                    <a:pt x="549276" y="547844"/>
                    <a:pt x="547655" y="549491"/>
                    <a:pt x="549276" y="552783"/>
                  </a:cubicBezTo>
                  <a:cubicBezTo>
                    <a:pt x="549276" y="554430"/>
                    <a:pt x="549276" y="552783"/>
                    <a:pt x="547655" y="554430"/>
                  </a:cubicBezTo>
                  <a:cubicBezTo>
                    <a:pt x="546035" y="554430"/>
                    <a:pt x="547655" y="554430"/>
                    <a:pt x="544414" y="554430"/>
                  </a:cubicBezTo>
                  <a:cubicBezTo>
                    <a:pt x="542793" y="554430"/>
                    <a:pt x="544414" y="556076"/>
                    <a:pt x="536311" y="557722"/>
                  </a:cubicBezTo>
                  <a:cubicBezTo>
                    <a:pt x="536311" y="557722"/>
                    <a:pt x="534691" y="561015"/>
                    <a:pt x="534691" y="561015"/>
                  </a:cubicBezTo>
                  <a:cubicBezTo>
                    <a:pt x="534691" y="561015"/>
                    <a:pt x="531449" y="562661"/>
                    <a:pt x="529829" y="562661"/>
                  </a:cubicBezTo>
                  <a:cubicBezTo>
                    <a:pt x="529829" y="562661"/>
                    <a:pt x="526588" y="562661"/>
                    <a:pt x="524967" y="561015"/>
                  </a:cubicBezTo>
                  <a:cubicBezTo>
                    <a:pt x="523346" y="561015"/>
                    <a:pt x="521726" y="561015"/>
                    <a:pt x="521726" y="561015"/>
                  </a:cubicBezTo>
                  <a:cubicBezTo>
                    <a:pt x="520105" y="559368"/>
                    <a:pt x="516864" y="557722"/>
                    <a:pt x="516864" y="557722"/>
                  </a:cubicBezTo>
                  <a:cubicBezTo>
                    <a:pt x="515244" y="556076"/>
                    <a:pt x="515244" y="557722"/>
                    <a:pt x="510382" y="557722"/>
                  </a:cubicBezTo>
                  <a:cubicBezTo>
                    <a:pt x="508761" y="557722"/>
                    <a:pt x="508761" y="556076"/>
                    <a:pt x="507141" y="556076"/>
                  </a:cubicBezTo>
                  <a:cubicBezTo>
                    <a:pt x="505520" y="556076"/>
                    <a:pt x="502279" y="554430"/>
                    <a:pt x="502279" y="554430"/>
                  </a:cubicBezTo>
                  <a:cubicBezTo>
                    <a:pt x="502279" y="554430"/>
                    <a:pt x="500658" y="554430"/>
                    <a:pt x="499038" y="554430"/>
                  </a:cubicBezTo>
                  <a:cubicBezTo>
                    <a:pt x="497417" y="552783"/>
                    <a:pt x="495797" y="554430"/>
                    <a:pt x="490935" y="554430"/>
                  </a:cubicBezTo>
                  <a:cubicBezTo>
                    <a:pt x="487694" y="552783"/>
                    <a:pt x="490935" y="551137"/>
                    <a:pt x="490935" y="549491"/>
                  </a:cubicBezTo>
                  <a:cubicBezTo>
                    <a:pt x="490935" y="547844"/>
                    <a:pt x="487694" y="549491"/>
                    <a:pt x="484452" y="549491"/>
                  </a:cubicBezTo>
                  <a:cubicBezTo>
                    <a:pt x="481211" y="549491"/>
                    <a:pt x="482832" y="549491"/>
                    <a:pt x="476350" y="549491"/>
                  </a:cubicBezTo>
                  <a:cubicBezTo>
                    <a:pt x="471488" y="547844"/>
                    <a:pt x="474729" y="547844"/>
                    <a:pt x="473108" y="547844"/>
                  </a:cubicBezTo>
                  <a:cubicBezTo>
                    <a:pt x="473108" y="546198"/>
                    <a:pt x="473108" y="546198"/>
                    <a:pt x="474729" y="542906"/>
                  </a:cubicBezTo>
                  <a:cubicBezTo>
                    <a:pt x="474729" y="539613"/>
                    <a:pt x="474729" y="541259"/>
                    <a:pt x="476350" y="539613"/>
                  </a:cubicBezTo>
                  <a:cubicBezTo>
                    <a:pt x="479591" y="539613"/>
                    <a:pt x="479591" y="541259"/>
                    <a:pt x="481211" y="541259"/>
                  </a:cubicBezTo>
                  <a:cubicBezTo>
                    <a:pt x="482832" y="541259"/>
                    <a:pt x="482832" y="541259"/>
                    <a:pt x="486073" y="541259"/>
                  </a:cubicBezTo>
                  <a:cubicBezTo>
                    <a:pt x="487694" y="539613"/>
                    <a:pt x="487694" y="537967"/>
                    <a:pt x="487694" y="537967"/>
                  </a:cubicBezTo>
                  <a:cubicBezTo>
                    <a:pt x="487694" y="536320"/>
                    <a:pt x="490935" y="536320"/>
                    <a:pt x="490935" y="536320"/>
                  </a:cubicBezTo>
                  <a:cubicBezTo>
                    <a:pt x="490935" y="536320"/>
                    <a:pt x="492555" y="536320"/>
                    <a:pt x="492555" y="533028"/>
                  </a:cubicBezTo>
                  <a:cubicBezTo>
                    <a:pt x="492555" y="531381"/>
                    <a:pt x="492555" y="533028"/>
                    <a:pt x="492555" y="531381"/>
                  </a:cubicBezTo>
                  <a:cubicBezTo>
                    <a:pt x="492555" y="529735"/>
                    <a:pt x="492555" y="528089"/>
                    <a:pt x="494176" y="526443"/>
                  </a:cubicBezTo>
                  <a:cubicBezTo>
                    <a:pt x="494176" y="523150"/>
                    <a:pt x="495797" y="523150"/>
                    <a:pt x="495797" y="521504"/>
                  </a:cubicBezTo>
                  <a:cubicBezTo>
                    <a:pt x="497417" y="519857"/>
                    <a:pt x="499038" y="519857"/>
                    <a:pt x="499038" y="518211"/>
                  </a:cubicBezTo>
                  <a:close/>
                  <a:moveTo>
                    <a:pt x="822325" y="518211"/>
                  </a:moveTo>
                  <a:cubicBezTo>
                    <a:pt x="825500" y="516623"/>
                    <a:pt x="827087" y="518211"/>
                    <a:pt x="831850" y="521386"/>
                  </a:cubicBezTo>
                  <a:cubicBezTo>
                    <a:pt x="838200" y="522973"/>
                    <a:pt x="833437" y="522973"/>
                    <a:pt x="831850" y="524561"/>
                  </a:cubicBezTo>
                  <a:cubicBezTo>
                    <a:pt x="828675" y="526148"/>
                    <a:pt x="827087" y="527736"/>
                    <a:pt x="822325" y="529323"/>
                  </a:cubicBezTo>
                  <a:cubicBezTo>
                    <a:pt x="819150" y="529323"/>
                    <a:pt x="817562" y="527736"/>
                    <a:pt x="814387" y="524561"/>
                  </a:cubicBezTo>
                  <a:cubicBezTo>
                    <a:pt x="812800" y="521386"/>
                    <a:pt x="812800" y="519798"/>
                    <a:pt x="815975" y="521386"/>
                  </a:cubicBezTo>
                  <a:cubicBezTo>
                    <a:pt x="819150" y="521386"/>
                    <a:pt x="819150" y="521386"/>
                    <a:pt x="822325" y="518211"/>
                  </a:cubicBezTo>
                  <a:close/>
                  <a:moveTo>
                    <a:pt x="696913" y="508686"/>
                  </a:moveTo>
                  <a:cubicBezTo>
                    <a:pt x="700088" y="510274"/>
                    <a:pt x="704850" y="510274"/>
                    <a:pt x="708025" y="513449"/>
                  </a:cubicBezTo>
                  <a:cubicBezTo>
                    <a:pt x="709613" y="516624"/>
                    <a:pt x="706438" y="515036"/>
                    <a:pt x="701675" y="513449"/>
                  </a:cubicBezTo>
                  <a:cubicBezTo>
                    <a:pt x="695325" y="513449"/>
                    <a:pt x="695325" y="513449"/>
                    <a:pt x="693738" y="511861"/>
                  </a:cubicBezTo>
                  <a:cubicBezTo>
                    <a:pt x="690563" y="510274"/>
                    <a:pt x="695325" y="508686"/>
                    <a:pt x="696913" y="508686"/>
                  </a:cubicBezTo>
                  <a:close/>
                  <a:moveTo>
                    <a:pt x="1300806" y="502336"/>
                  </a:moveTo>
                  <a:cubicBezTo>
                    <a:pt x="1307327" y="502336"/>
                    <a:pt x="1307327" y="503923"/>
                    <a:pt x="1310588" y="505511"/>
                  </a:cubicBezTo>
                  <a:cubicBezTo>
                    <a:pt x="1313849" y="508686"/>
                    <a:pt x="1317110" y="510273"/>
                    <a:pt x="1317110" y="513448"/>
                  </a:cubicBezTo>
                  <a:cubicBezTo>
                    <a:pt x="1318740" y="516623"/>
                    <a:pt x="1331784" y="515036"/>
                    <a:pt x="1333414" y="518211"/>
                  </a:cubicBezTo>
                  <a:cubicBezTo>
                    <a:pt x="1336675" y="521386"/>
                    <a:pt x="1336675" y="524561"/>
                    <a:pt x="1330154" y="527736"/>
                  </a:cubicBezTo>
                  <a:cubicBezTo>
                    <a:pt x="1323632" y="529323"/>
                    <a:pt x="1325262" y="530911"/>
                    <a:pt x="1323632" y="530911"/>
                  </a:cubicBezTo>
                  <a:cubicBezTo>
                    <a:pt x="1322001" y="530911"/>
                    <a:pt x="1307327" y="534086"/>
                    <a:pt x="1304067" y="534086"/>
                  </a:cubicBezTo>
                  <a:cubicBezTo>
                    <a:pt x="1302436" y="534086"/>
                    <a:pt x="1295915" y="535673"/>
                    <a:pt x="1292654" y="530911"/>
                  </a:cubicBezTo>
                  <a:cubicBezTo>
                    <a:pt x="1289393" y="527736"/>
                    <a:pt x="1300806" y="532498"/>
                    <a:pt x="1297545" y="526148"/>
                  </a:cubicBezTo>
                  <a:cubicBezTo>
                    <a:pt x="1295915" y="524561"/>
                    <a:pt x="1287763" y="526148"/>
                    <a:pt x="1284502" y="526148"/>
                  </a:cubicBezTo>
                  <a:cubicBezTo>
                    <a:pt x="1281241" y="526148"/>
                    <a:pt x="1279611" y="522973"/>
                    <a:pt x="1279611" y="518211"/>
                  </a:cubicBezTo>
                  <a:cubicBezTo>
                    <a:pt x="1277980" y="515036"/>
                    <a:pt x="1287763" y="518211"/>
                    <a:pt x="1287763" y="515036"/>
                  </a:cubicBezTo>
                  <a:cubicBezTo>
                    <a:pt x="1287763" y="511861"/>
                    <a:pt x="1282871" y="515036"/>
                    <a:pt x="1281241" y="513448"/>
                  </a:cubicBezTo>
                  <a:cubicBezTo>
                    <a:pt x="1279611" y="511861"/>
                    <a:pt x="1276350" y="505511"/>
                    <a:pt x="1279611" y="503923"/>
                  </a:cubicBezTo>
                  <a:cubicBezTo>
                    <a:pt x="1287763" y="500748"/>
                    <a:pt x="1295915" y="502336"/>
                    <a:pt x="1300806" y="502336"/>
                  </a:cubicBezTo>
                  <a:close/>
                  <a:moveTo>
                    <a:pt x="1335088" y="478523"/>
                  </a:moveTo>
                  <a:cubicBezTo>
                    <a:pt x="1338263" y="478523"/>
                    <a:pt x="1338263" y="480111"/>
                    <a:pt x="1341438" y="483286"/>
                  </a:cubicBezTo>
                  <a:cubicBezTo>
                    <a:pt x="1344613" y="486461"/>
                    <a:pt x="1339851" y="484873"/>
                    <a:pt x="1335088" y="484873"/>
                  </a:cubicBezTo>
                  <a:cubicBezTo>
                    <a:pt x="1330326" y="484873"/>
                    <a:pt x="1328738" y="484873"/>
                    <a:pt x="1330326" y="481698"/>
                  </a:cubicBezTo>
                  <a:cubicBezTo>
                    <a:pt x="1330326" y="480111"/>
                    <a:pt x="1333501" y="478523"/>
                    <a:pt x="1335088" y="478523"/>
                  </a:cubicBezTo>
                  <a:close/>
                  <a:moveTo>
                    <a:pt x="1301750" y="469452"/>
                  </a:moveTo>
                  <a:cubicBezTo>
                    <a:pt x="1302544" y="467637"/>
                    <a:pt x="1303735" y="468091"/>
                    <a:pt x="1304727" y="469452"/>
                  </a:cubicBezTo>
                  <a:cubicBezTo>
                    <a:pt x="1305719" y="470812"/>
                    <a:pt x="1306513" y="473080"/>
                    <a:pt x="1306513" y="474894"/>
                  </a:cubicBezTo>
                  <a:cubicBezTo>
                    <a:pt x="1306513" y="478523"/>
                    <a:pt x="1306513" y="478523"/>
                    <a:pt x="1301750" y="478523"/>
                  </a:cubicBezTo>
                  <a:cubicBezTo>
                    <a:pt x="1296988" y="478523"/>
                    <a:pt x="1298575" y="478523"/>
                    <a:pt x="1298575" y="474894"/>
                  </a:cubicBezTo>
                  <a:cubicBezTo>
                    <a:pt x="1296988" y="473080"/>
                    <a:pt x="1300163" y="471266"/>
                    <a:pt x="1301750" y="469452"/>
                  </a:cubicBezTo>
                  <a:close/>
                  <a:moveTo>
                    <a:pt x="1316038" y="466088"/>
                  </a:moveTo>
                  <a:cubicBezTo>
                    <a:pt x="1317625" y="464236"/>
                    <a:pt x="1317625" y="466088"/>
                    <a:pt x="1319213" y="467940"/>
                  </a:cubicBezTo>
                  <a:cubicBezTo>
                    <a:pt x="1322388" y="471645"/>
                    <a:pt x="1320800" y="471645"/>
                    <a:pt x="1317625" y="473497"/>
                  </a:cubicBezTo>
                  <a:cubicBezTo>
                    <a:pt x="1314450" y="475349"/>
                    <a:pt x="1316038" y="473497"/>
                    <a:pt x="1311275" y="473497"/>
                  </a:cubicBezTo>
                  <a:cubicBezTo>
                    <a:pt x="1308100" y="473497"/>
                    <a:pt x="1309687" y="471645"/>
                    <a:pt x="1311275" y="467940"/>
                  </a:cubicBezTo>
                  <a:cubicBezTo>
                    <a:pt x="1311275" y="466088"/>
                    <a:pt x="1314450" y="466088"/>
                    <a:pt x="1316038" y="466088"/>
                  </a:cubicBezTo>
                  <a:close/>
                  <a:moveTo>
                    <a:pt x="1319212" y="462648"/>
                  </a:moveTo>
                  <a:cubicBezTo>
                    <a:pt x="1320800" y="462648"/>
                    <a:pt x="1323975" y="464500"/>
                    <a:pt x="1327150" y="466352"/>
                  </a:cubicBezTo>
                  <a:cubicBezTo>
                    <a:pt x="1331913" y="466352"/>
                    <a:pt x="1328738" y="466352"/>
                    <a:pt x="1328738" y="468204"/>
                  </a:cubicBezTo>
                  <a:cubicBezTo>
                    <a:pt x="1330326" y="470057"/>
                    <a:pt x="1328738" y="473761"/>
                    <a:pt x="1325563" y="471909"/>
                  </a:cubicBezTo>
                  <a:cubicBezTo>
                    <a:pt x="1322387" y="471909"/>
                    <a:pt x="1325563" y="468204"/>
                    <a:pt x="1322387" y="466352"/>
                  </a:cubicBezTo>
                  <a:cubicBezTo>
                    <a:pt x="1319212" y="464500"/>
                    <a:pt x="1317625" y="462648"/>
                    <a:pt x="1319212" y="462648"/>
                  </a:cubicBezTo>
                  <a:close/>
                  <a:moveTo>
                    <a:pt x="1308100" y="456298"/>
                  </a:moveTo>
                  <a:cubicBezTo>
                    <a:pt x="1311275" y="459473"/>
                    <a:pt x="1309687" y="459473"/>
                    <a:pt x="1309687" y="461061"/>
                  </a:cubicBezTo>
                  <a:cubicBezTo>
                    <a:pt x="1308100" y="464236"/>
                    <a:pt x="1301750" y="457886"/>
                    <a:pt x="1304925" y="457886"/>
                  </a:cubicBezTo>
                  <a:cubicBezTo>
                    <a:pt x="1308100" y="456298"/>
                    <a:pt x="1304925" y="454711"/>
                    <a:pt x="1308100" y="456298"/>
                  </a:cubicBezTo>
                  <a:close/>
                  <a:moveTo>
                    <a:pt x="1279526" y="429310"/>
                  </a:moveTo>
                  <a:cubicBezTo>
                    <a:pt x="1282701" y="429310"/>
                    <a:pt x="1281113" y="430898"/>
                    <a:pt x="1279526" y="434073"/>
                  </a:cubicBezTo>
                  <a:cubicBezTo>
                    <a:pt x="1279526" y="435661"/>
                    <a:pt x="1277938" y="440423"/>
                    <a:pt x="1276351" y="442011"/>
                  </a:cubicBezTo>
                  <a:cubicBezTo>
                    <a:pt x="1273176" y="443598"/>
                    <a:pt x="1271588" y="445186"/>
                    <a:pt x="1273176" y="442011"/>
                  </a:cubicBezTo>
                  <a:cubicBezTo>
                    <a:pt x="1273176" y="438836"/>
                    <a:pt x="1271588" y="442011"/>
                    <a:pt x="1266825" y="442011"/>
                  </a:cubicBezTo>
                  <a:cubicBezTo>
                    <a:pt x="1262063" y="443598"/>
                    <a:pt x="1265238" y="440423"/>
                    <a:pt x="1265238" y="437248"/>
                  </a:cubicBezTo>
                  <a:cubicBezTo>
                    <a:pt x="1265238" y="434073"/>
                    <a:pt x="1271588" y="437248"/>
                    <a:pt x="1273176" y="435661"/>
                  </a:cubicBezTo>
                  <a:cubicBezTo>
                    <a:pt x="1273176" y="434073"/>
                    <a:pt x="1271588" y="434073"/>
                    <a:pt x="1268413" y="434073"/>
                  </a:cubicBezTo>
                  <a:cubicBezTo>
                    <a:pt x="1265238" y="434073"/>
                    <a:pt x="1268413" y="432486"/>
                    <a:pt x="1270000" y="430898"/>
                  </a:cubicBezTo>
                  <a:cubicBezTo>
                    <a:pt x="1271588" y="427723"/>
                    <a:pt x="1276351" y="430898"/>
                    <a:pt x="1279526" y="429310"/>
                  </a:cubicBezTo>
                  <a:close/>
                  <a:moveTo>
                    <a:pt x="1833944" y="419786"/>
                  </a:moveTo>
                  <a:cubicBezTo>
                    <a:pt x="1835595" y="419786"/>
                    <a:pt x="1835595" y="421373"/>
                    <a:pt x="1838897" y="421373"/>
                  </a:cubicBezTo>
                  <a:cubicBezTo>
                    <a:pt x="1842199" y="422961"/>
                    <a:pt x="1843850" y="424548"/>
                    <a:pt x="1847152" y="424548"/>
                  </a:cubicBezTo>
                  <a:cubicBezTo>
                    <a:pt x="1850454" y="424548"/>
                    <a:pt x="1850454" y="424548"/>
                    <a:pt x="1853756" y="426136"/>
                  </a:cubicBezTo>
                  <a:cubicBezTo>
                    <a:pt x="1857058" y="426136"/>
                    <a:pt x="1855407" y="426136"/>
                    <a:pt x="1860360" y="427723"/>
                  </a:cubicBezTo>
                  <a:cubicBezTo>
                    <a:pt x="1863662" y="429311"/>
                    <a:pt x="1865313" y="430898"/>
                    <a:pt x="1863662" y="432486"/>
                  </a:cubicBezTo>
                  <a:cubicBezTo>
                    <a:pt x="1863662" y="434073"/>
                    <a:pt x="1860360" y="432486"/>
                    <a:pt x="1862011" y="435661"/>
                  </a:cubicBezTo>
                  <a:cubicBezTo>
                    <a:pt x="1862011" y="437248"/>
                    <a:pt x="1865313" y="440423"/>
                    <a:pt x="1865313" y="442011"/>
                  </a:cubicBezTo>
                  <a:cubicBezTo>
                    <a:pt x="1865313" y="445186"/>
                    <a:pt x="1860360" y="443598"/>
                    <a:pt x="1855407" y="442011"/>
                  </a:cubicBezTo>
                  <a:cubicBezTo>
                    <a:pt x="1852105" y="440423"/>
                    <a:pt x="1852105" y="442011"/>
                    <a:pt x="1847152" y="437248"/>
                  </a:cubicBezTo>
                  <a:cubicBezTo>
                    <a:pt x="1842199" y="432486"/>
                    <a:pt x="1843850" y="435661"/>
                    <a:pt x="1840548" y="432486"/>
                  </a:cubicBezTo>
                  <a:cubicBezTo>
                    <a:pt x="1837246" y="430898"/>
                    <a:pt x="1838897" y="432486"/>
                    <a:pt x="1835595" y="432486"/>
                  </a:cubicBezTo>
                  <a:cubicBezTo>
                    <a:pt x="1830642" y="432486"/>
                    <a:pt x="1832293" y="430898"/>
                    <a:pt x="1827340" y="426136"/>
                  </a:cubicBezTo>
                  <a:cubicBezTo>
                    <a:pt x="1824038" y="421373"/>
                    <a:pt x="1825689" y="422961"/>
                    <a:pt x="1828991" y="421373"/>
                  </a:cubicBezTo>
                  <a:cubicBezTo>
                    <a:pt x="1830642" y="419786"/>
                    <a:pt x="1832293" y="419786"/>
                    <a:pt x="1833944" y="419786"/>
                  </a:cubicBezTo>
                  <a:close/>
                  <a:moveTo>
                    <a:pt x="1263650" y="419786"/>
                  </a:moveTo>
                  <a:cubicBezTo>
                    <a:pt x="1263650" y="419786"/>
                    <a:pt x="1273175" y="421373"/>
                    <a:pt x="1274763" y="422961"/>
                  </a:cubicBezTo>
                  <a:cubicBezTo>
                    <a:pt x="1274763" y="426136"/>
                    <a:pt x="1271588" y="426136"/>
                    <a:pt x="1266825" y="424548"/>
                  </a:cubicBezTo>
                  <a:cubicBezTo>
                    <a:pt x="1263650" y="424548"/>
                    <a:pt x="1258887" y="424548"/>
                    <a:pt x="1257300" y="422961"/>
                  </a:cubicBezTo>
                  <a:cubicBezTo>
                    <a:pt x="1257300" y="422961"/>
                    <a:pt x="1260475" y="421373"/>
                    <a:pt x="1263650" y="419786"/>
                  </a:cubicBezTo>
                  <a:close/>
                  <a:moveTo>
                    <a:pt x="1830541" y="410261"/>
                  </a:moveTo>
                  <a:cubicBezTo>
                    <a:pt x="1832180" y="410261"/>
                    <a:pt x="1832180" y="411848"/>
                    <a:pt x="1835458" y="410261"/>
                  </a:cubicBezTo>
                  <a:cubicBezTo>
                    <a:pt x="1837096" y="410261"/>
                    <a:pt x="1840374" y="410261"/>
                    <a:pt x="1845290" y="410261"/>
                  </a:cubicBezTo>
                  <a:cubicBezTo>
                    <a:pt x="1850206" y="410261"/>
                    <a:pt x="1850206" y="413436"/>
                    <a:pt x="1851845" y="413436"/>
                  </a:cubicBezTo>
                  <a:cubicBezTo>
                    <a:pt x="1853483" y="413436"/>
                    <a:pt x="1866593" y="415023"/>
                    <a:pt x="1871509" y="419786"/>
                  </a:cubicBezTo>
                  <a:cubicBezTo>
                    <a:pt x="1876425" y="422961"/>
                    <a:pt x="1871509" y="421373"/>
                    <a:pt x="1869870" y="424548"/>
                  </a:cubicBezTo>
                  <a:cubicBezTo>
                    <a:pt x="1866593" y="426136"/>
                    <a:pt x="1861677" y="426136"/>
                    <a:pt x="1858399" y="424548"/>
                  </a:cubicBezTo>
                  <a:cubicBezTo>
                    <a:pt x="1855122" y="424548"/>
                    <a:pt x="1853483" y="426136"/>
                    <a:pt x="1850206" y="424548"/>
                  </a:cubicBezTo>
                  <a:cubicBezTo>
                    <a:pt x="1846928" y="421373"/>
                    <a:pt x="1845290" y="421373"/>
                    <a:pt x="1843651" y="422961"/>
                  </a:cubicBezTo>
                  <a:cubicBezTo>
                    <a:pt x="1843651" y="422961"/>
                    <a:pt x="1837096" y="419786"/>
                    <a:pt x="1835458" y="418198"/>
                  </a:cubicBezTo>
                  <a:cubicBezTo>
                    <a:pt x="1835458" y="416611"/>
                    <a:pt x="1832180" y="416611"/>
                    <a:pt x="1828903" y="415023"/>
                  </a:cubicBezTo>
                  <a:cubicBezTo>
                    <a:pt x="1825625" y="411848"/>
                    <a:pt x="1828903" y="410261"/>
                    <a:pt x="1830541" y="410261"/>
                  </a:cubicBezTo>
                  <a:close/>
                  <a:moveTo>
                    <a:pt x="817990" y="389692"/>
                  </a:moveTo>
                  <a:cubicBezTo>
                    <a:pt x="819638" y="391349"/>
                    <a:pt x="817990" y="389692"/>
                    <a:pt x="821287" y="393006"/>
                  </a:cubicBezTo>
                  <a:cubicBezTo>
                    <a:pt x="821287" y="393006"/>
                    <a:pt x="824584" y="393006"/>
                    <a:pt x="824584" y="391349"/>
                  </a:cubicBezTo>
                  <a:cubicBezTo>
                    <a:pt x="826232" y="391349"/>
                    <a:pt x="827881" y="391349"/>
                    <a:pt x="827881" y="391349"/>
                  </a:cubicBezTo>
                  <a:cubicBezTo>
                    <a:pt x="829530" y="391349"/>
                    <a:pt x="832827" y="394662"/>
                    <a:pt x="832827" y="394662"/>
                  </a:cubicBezTo>
                  <a:cubicBezTo>
                    <a:pt x="832827" y="396319"/>
                    <a:pt x="836124" y="396319"/>
                    <a:pt x="839421" y="393006"/>
                  </a:cubicBezTo>
                  <a:cubicBezTo>
                    <a:pt x="841069" y="393006"/>
                    <a:pt x="842718" y="393006"/>
                    <a:pt x="842718" y="393006"/>
                  </a:cubicBezTo>
                  <a:cubicBezTo>
                    <a:pt x="842718" y="393006"/>
                    <a:pt x="842718" y="393006"/>
                    <a:pt x="847664" y="391349"/>
                  </a:cubicBezTo>
                  <a:cubicBezTo>
                    <a:pt x="847664" y="391349"/>
                    <a:pt x="847664" y="391349"/>
                    <a:pt x="854258" y="394662"/>
                  </a:cubicBezTo>
                  <a:cubicBezTo>
                    <a:pt x="854258" y="394662"/>
                    <a:pt x="857555" y="396319"/>
                    <a:pt x="859204" y="394662"/>
                  </a:cubicBezTo>
                  <a:cubicBezTo>
                    <a:pt x="859204" y="394662"/>
                    <a:pt x="864149" y="394662"/>
                    <a:pt x="864149" y="394662"/>
                  </a:cubicBezTo>
                  <a:cubicBezTo>
                    <a:pt x="864149" y="394662"/>
                    <a:pt x="867446" y="396319"/>
                    <a:pt x="869095" y="397975"/>
                  </a:cubicBezTo>
                  <a:cubicBezTo>
                    <a:pt x="870744" y="397975"/>
                    <a:pt x="872392" y="399632"/>
                    <a:pt x="874041" y="399632"/>
                  </a:cubicBezTo>
                  <a:cubicBezTo>
                    <a:pt x="875689" y="399632"/>
                    <a:pt x="877338" y="402945"/>
                    <a:pt x="878986" y="402945"/>
                  </a:cubicBezTo>
                  <a:cubicBezTo>
                    <a:pt x="878986" y="402945"/>
                    <a:pt x="880635" y="404601"/>
                    <a:pt x="882283" y="404601"/>
                  </a:cubicBezTo>
                  <a:cubicBezTo>
                    <a:pt x="882283" y="406258"/>
                    <a:pt x="885581" y="407914"/>
                    <a:pt x="885581" y="407914"/>
                  </a:cubicBezTo>
                  <a:cubicBezTo>
                    <a:pt x="885581" y="409571"/>
                    <a:pt x="887229" y="412884"/>
                    <a:pt x="887229" y="414540"/>
                  </a:cubicBezTo>
                  <a:cubicBezTo>
                    <a:pt x="888878" y="414540"/>
                    <a:pt x="892175" y="421166"/>
                    <a:pt x="892175" y="421166"/>
                  </a:cubicBezTo>
                  <a:cubicBezTo>
                    <a:pt x="892175" y="421166"/>
                    <a:pt x="888878" y="422823"/>
                    <a:pt x="887229" y="422823"/>
                  </a:cubicBezTo>
                  <a:cubicBezTo>
                    <a:pt x="887229" y="422823"/>
                    <a:pt x="885581" y="422823"/>
                    <a:pt x="874041" y="419510"/>
                  </a:cubicBezTo>
                  <a:cubicBezTo>
                    <a:pt x="864149" y="416197"/>
                    <a:pt x="870744" y="419510"/>
                    <a:pt x="867446" y="419510"/>
                  </a:cubicBezTo>
                  <a:cubicBezTo>
                    <a:pt x="864149" y="419510"/>
                    <a:pt x="865798" y="419510"/>
                    <a:pt x="864149" y="417853"/>
                  </a:cubicBezTo>
                  <a:cubicBezTo>
                    <a:pt x="864149" y="417853"/>
                    <a:pt x="860852" y="419510"/>
                    <a:pt x="857555" y="417853"/>
                  </a:cubicBezTo>
                  <a:cubicBezTo>
                    <a:pt x="854258" y="417853"/>
                    <a:pt x="854258" y="417853"/>
                    <a:pt x="854258" y="417853"/>
                  </a:cubicBezTo>
                  <a:cubicBezTo>
                    <a:pt x="854258" y="417853"/>
                    <a:pt x="849312" y="421166"/>
                    <a:pt x="846015" y="422823"/>
                  </a:cubicBezTo>
                  <a:cubicBezTo>
                    <a:pt x="846015" y="422823"/>
                    <a:pt x="839421" y="424479"/>
                    <a:pt x="839421" y="424479"/>
                  </a:cubicBezTo>
                  <a:cubicBezTo>
                    <a:pt x="839421" y="422823"/>
                    <a:pt x="834475" y="426136"/>
                    <a:pt x="832827" y="424479"/>
                  </a:cubicBezTo>
                  <a:cubicBezTo>
                    <a:pt x="832827" y="424479"/>
                    <a:pt x="831178" y="424479"/>
                    <a:pt x="829530" y="424479"/>
                  </a:cubicBezTo>
                  <a:cubicBezTo>
                    <a:pt x="826232" y="424479"/>
                    <a:pt x="827881" y="422823"/>
                    <a:pt x="826232" y="421166"/>
                  </a:cubicBezTo>
                  <a:cubicBezTo>
                    <a:pt x="824584" y="417853"/>
                    <a:pt x="822935" y="419510"/>
                    <a:pt x="821287" y="417853"/>
                  </a:cubicBezTo>
                  <a:cubicBezTo>
                    <a:pt x="821287" y="417853"/>
                    <a:pt x="819638" y="416197"/>
                    <a:pt x="819638" y="414540"/>
                  </a:cubicBezTo>
                  <a:cubicBezTo>
                    <a:pt x="817990" y="411227"/>
                    <a:pt x="819638" y="411227"/>
                    <a:pt x="819638" y="409571"/>
                  </a:cubicBezTo>
                  <a:cubicBezTo>
                    <a:pt x="817990" y="407914"/>
                    <a:pt x="817990" y="407914"/>
                    <a:pt x="816341" y="406258"/>
                  </a:cubicBezTo>
                  <a:cubicBezTo>
                    <a:pt x="816341" y="404601"/>
                    <a:pt x="814693" y="406258"/>
                    <a:pt x="813044" y="404601"/>
                  </a:cubicBezTo>
                  <a:cubicBezTo>
                    <a:pt x="811395" y="404601"/>
                    <a:pt x="811395" y="404601"/>
                    <a:pt x="809747" y="404601"/>
                  </a:cubicBezTo>
                  <a:cubicBezTo>
                    <a:pt x="808098" y="402945"/>
                    <a:pt x="808098" y="402945"/>
                    <a:pt x="808098" y="401288"/>
                  </a:cubicBezTo>
                  <a:cubicBezTo>
                    <a:pt x="806450" y="399632"/>
                    <a:pt x="806450" y="399632"/>
                    <a:pt x="806450" y="396319"/>
                  </a:cubicBezTo>
                  <a:cubicBezTo>
                    <a:pt x="806450" y="394662"/>
                    <a:pt x="808098" y="391349"/>
                    <a:pt x="808098" y="391349"/>
                  </a:cubicBezTo>
                  <a:cubicBezTo>
                    <a:pt x="809747" y="388036"/>
                    <a:pt x="814693" y="389692"/>
                    <a:pt x="817990" y="389692"/>
                  </a:cubicBezTo>
                  <a:close/>
                  <a:moveTo>
                    <a:pt x="371195" y="388036"/>
                  </a:moveTo>
                  <a:cubicBezTo>
                    <a:pt x="374448" y="388036"/>
                    <a:pt x="377701" y="391300"/>
                    <a:pt x="379327" y="391300"/>
                  </a:cubicBezTo>
                  <a:cubicBezTo>
                    <a:pt x="380953" y="391300"/>
                    <a:pt x="380953" y="392932"/>
                    <a:pt x="380953" y="392932"/>
                  </a:cubicBezTo>
                  <a:cubicBezTo>
                    <a:pt x="380953" y="392932"/>
                    <a:pt x="380953" y="396196"/>
                    <a:pt x="382580" y="401092"/>
                  </a:cubicBezTo>
                  <a:cubicBezTo>
                    <a:pt x="384206" y="404356"/>
                    <a:pt x="382580" y="402724"/>
                    <a:pt x="382580" y="404356"/>
                  </a:cubicBezTo>
                  <a:cubicBezTo>
                    <a:pt x="382580" y="407620"/>
                    <a:pt x="380953" y="407620"/>
                    <a:pt x="377701" y="409252"/>
                  </a:cubicBezTo>
                  <a:cubicBezTo>
                    <a:pt x="376074" y="412516"/>
                    <a:pt x="376074" y="412516"/>
                    <a:pt x="374448" y="415780"/>
                  </a:cubicBezTo>
                  <a:cubicBezTo>
                    <a:pt x="372821" y="417412"/>
                    <a:pt x="371195" y="419044"/>
                    <a:pt x="371195" y="419044"/>
                  </a:cubicBezTo>
                  <a:cubicBezTo>
                    <a:pt x="371195" y="419044"/>
                    <a:pt x="366316" y="419044"/>
                    <a:pt x="364689" y="419044"/>
                  </a:cubicBezTo>
                  <a:cubicBezTo>
                    <a:pt x="363063" y="417412"/>
                    <a:pt x="364689" y="420676"/>
                    <a:pt x="366316" y="420676"/>
                  </a:cubicBezTo>
                  <a:cubicBezTo>
                    <a:pt x="367942" y="420676"/>
                    <a:pt x="367942" y="423940"/>
                    <a:pt x="367942" y="425572"/>
                  </a:cubicBezTo>
                  <a:cubicBezTo>
                    <a:pt x="367942" y="427204"/>
                    <a:pt x="369569" y="428836"/>
                    <a:pt x="369569" y="433732"/>
                  </a:cubicBezTo>
                  <a:cubicBezTo>
                    <a:pt x="369569" y="438628"/>
                    <a:pt x="371195" y="438628"/>
                    <a:pt x="374448" y="440260"/>
                  </a:cubicBezTo>
                  <a:cubicBezTo>
                    <a:pt x="376074" y="443524"/>
                    <a:pt x="376074" y="445156"/>
                    <a:pt x="376074" y="445156"/>
                  </a:cubicBezTo>
                  <a:cubicBezTo>
                    <a:pt x="377701" y="446788"/>
                    <a:pt x="379327" y="450052"/>
                    <a:pt x="382580" y="453316"/>
                  </a:cubicBezTo>
                  <a:cubicBezTo>
                    <a:pt x="385833" y="454948"/>
                    <a:pt x="384206" y="458212"/>
                    <a:pt x="387459" y="459844"/>
                  </a:cubicBezTo>
                  <a:cubicBezTo>
                    <a:pt x="390712" y="461476"/>
                    <a:pt x="387459" y="466372"/>
                    <a:pt x="387459" y="468004"/>
                  </a:cubicBezTo>
                  <a:cubicBezTo>
                    <a:pt x="387459" y="471268"/>
                    <a:pt x="385833" y="471268"/>
                    <a:pt x="384206" y="471268"/>
                  </a:cubicBezTo>
                  <a:cubicBezTo>
                    <a:pt x="384206" y="471268"/>
                    <a:pt x="382580" y="474532"/>
                    <a:pt x="382580" y="477796"/>
                  </a:cubicBezTo>
                  <a:cubicBezTo>
                    <a:pt x="384206" y="481061"/>
                    <a:pt x="387459" y="481061"/>
                    <a:pt x="390712" y="481061"/>
                  </a:cubicBezTo>
                  <a:cubicBezTo>
                    <a:pt x="393965" y="481061"/>
                    <a:pt x="395591" y="487589"/>
                    <a:pt x="395591" y="487589"/>
                  </a:cubicBezTo>
                  <a:cubicBezTo>
                    <a:pt x="395591" y="487589"/>
                    <a:pt x="398844" y="492485"/>
                    <a:pt x="400470" y="494117"/>
                  </a:cubicBezTo>
                  <a:cubicBezTo>
                    <a:pt x="403723" y="495749"/>
                    <a:pt x="405350" y="494117"/>
                    <a:pt x="408602" y="490853"/>
                  </a:cubicBezTo>
                  <a:cubicBezTo>
                    <a:pt x="413482" y="487589"/>
                    <a:pt x="410229" y="492485"/>
                    <a:pt x="411855" y="492485"/>
                  </a:cubicBezTo>
                  <a:cubicBezTo>
                    <a:pt x="415108" y="494117"/>
                    <a:pt x="413482" y="495749"/>
                    <a:pt x="416735" y="495749"/>
                  </a:cubicBezTo>
                  <a:cubicBezTo>
                    <a:pt x="421614" y="495749"/>
                    <a:pt x="419987" y="499013"/>
                    <a:pt x="421614" y="500645"/>
                  </a:cubicBezTo>
                  <a:cubicBezTo>
                    <a:pt x="423240" y="502277"/>
                    <a:pt x="423240" y="503909"/>
                    <a:pt x="423240" y="503909"/>
                  </a:cubicBezTo>
                  <a:cubicBezTo>
                    <a:pt x="423240" y="503909"/>
                    <a:pt x="428119" y="503909"/>
                    <a:pt x="431372" y="502277"/>
                  </a:cubicBezTo>
                  <a:cubicBezTo>
                    <a:pt x="434625" y="502277"/>
                    <a:pt x="432999" y="503909"/>
                    <a:pt x="434625" y="505541"/>
                  </a:cubicBezTo>
                  <a:cubicBezTo>
                    <a:pt x="434625" y="507173"/>
                    <a:pt x="434625" y="507173"/>
                    <a:pt x="436251" y="508805"/>
                  </a:cubicBezTo>
                  <a:cubicBezTo>
                    <a:pt x="436251" y="508805"/>
                    <a:pt x="439504" y="508805"/>
                    <a:pt x="442757" y="508805"/>
                  </a:cubicBezTo>
                  <a:cubicBezTo>
                    <a:pt x="446010" y="510437"/>
                    <a:pt x="447636" y="512069"/>
                    <a:pt x="447636" y="512069"/>
                  </a:cubicBezTo>
                  <a:cubicBezTo>
                    <a:pt x="449263" y="512069"/>
                    <a:pt x="449263" y="516965"/>
                    <a:pt x="449263" y="518597"/>
                  </a:cubicBezTo>
                  <a:cubicBezTo>
                    <a:pt x="449263" y="518597"/>
                    <a:pt x="449263" y="521861"/>
                    <a:pt x="447636" y="523493"/>
                  </a:cubicBezTo>
                  <a:cubicBezTo>
                    <a:pt x="447636" y="526757"/>
                    <a:pt x="446010" y="525125"/>
                    <a:pt x="444384" y="523493"/>
                  </a:cubicBezTo>
                  <a:cubicBezTo>
                    <a:pt x="442757" y="523493"/>
                    <a:pt x="439504" y="523493"/>
                    <a:pt x="436251" y="523493"/>
                  </a:cubicBezTo>
                  <a:cubicBezTo>
                    <a:pt x="434625" y="521861"/>
                    <a:pt x="434625" y="523493"/>
                    <a:pt x="431372" y="523493"/>
                  </a:cubicBezTo>
                  <a:cubicBezTo>
                    <a:pt x="429746" y="521861"/>
                    <a:pt x="429746" y="523493"/>
                    <a:pt x="429746" y="520229"/>
                  </a:cubicBezTo>
                  <a:cubicBezTo>
                    <a:pt x="428119" y="518597"/>
                    <a:pt x="426493" y="520229"/>
                    <a:pt x="424867" y="520229"/>
                  </a:cubicBezTo>
                  <a:cubicBezTo>
                    <a:pt x="423240" y="520229"/>
                    <a:pt x="421614" y="520229"/>
                    <a:pt x="418361" y="520229"/>
                  </a:cubicBezTo>
                  <a:cubicBezTo>
                    <a:pt x="416735" y="521861"/>
                    <a:pt x="416735" y="523493"/>
                    <a:pt x="416735" y="526757"/>
                  </a:cubicBezTo>
                  <a:cubicBezTo>
                    <a:pt x="416735" y="530021"/>
                    <a:pt x="416735" y="526757"/>
                    <a:pt x="416735" y="528389"/>
                  </a:cubicBezTo>
                  <a:cubicBezTo>
                    <a:pt x="416735" y="530021"/>
                    <a:pt x="415108" y="530021"/>
                    <a:pt x="411855" y="528389"/>
                  </a:cubicBezTo>
                  <a:cubicBezTo>
                    <a:pt x="410229" y="528389"/>
                    <a:pt x="408602" y="530021"/>
                    <a:pt x="408602" y="530021"/>
                  </a:cubicBezTo>
                  <a:cubicBezTo>
                    <a:pt x="408602" y="530021"/>
                    <a:pt x="410229" y="530021"/>
                    <a:pt x="413482" y="530021"/>
                  </a:cubicBezTo>
                  <a:cubicBezTo>
                    <a:pt x="415108" y="531653"/>
                    <a:pt x="413482" y="533285"/>
                    <a:pt x="411855" y="533285"/>
                  </a:cubicBezTo>
                  <a:cubicBezTo>
                    <a:pt x="411855" y="534917"/>
                    <a:pt x="413482" y="536549"/>
                    <a:pt x="413482" y="536549"/>
                  </a:cubicBezTo>
                  <a:cubicBezTo>
                    <a:pt x="413482" y="536549"/>
                    <a:pt x="413482" y="536549"/>
                    <a:pt x="416735" y="533285"/>
                  </a:cubicBezTo>
                  <a:cubicBezTo>
                    <a:pt x="419987" y="530021"/>
                    <a:pt x="418361" y="533285"/>
                    <a:pt x="419987" y="531653"/>
                  </a:cubicBezTo>
                  <a:cubicBezTo>
                    <a:pt x="421614" y="530021"/>
                    <a:pt x="426493" y="533285"/>
                    <a:pt x="426493" y="533285"/>
                  </a:cubicBezTo>
                  <a:cubicBezTo>
                    <a:pt x="426493" y="533285"/>
                    <a:pt x="426493" y="533285"/>
                    <a:pt x="428119" y="536549"/>
                  </a:cubicBezTo>
                  <a:cubicBezTo>
                    <a:pt x="428119" y="536549"/>
                    <a:pt x="429746" y="539813"/>
                    <a:pt x="434625" y="541445"/>
                  </a:cubicBezTo>
                  <a:cubicBezTo>
                    <a:pt x="434625" y="541445"/>
                    <a:pt x="432999" y="541445"/>
                    <a:pt x="432999" y="543077"/>
                  </a:cubicBezTo>
                  <a:cubicBezTo>
                    <a:pt x="432999" y="544709"/>
                    <a:pt x="431372" y="543077"/>
                    <a:pt x="429746" y="544709"/>
                  </a:cubicBezTo>
                  <a:cubicBezTo>
                    <a:pt x="426493" y="546341"/>
                    <a:pt x="426493" y="546341"/>
                    <a:pt x="426493" y="546341"/>
                  </a:cubicBezTo>
                  <a:cubicBezTo>
                    <a:pt x="424867" y="547973"/>
                    <a:pt x="423240" y="549605"/>
                    <a:pt x="421614" y="549605"/>
                  </a:cubicBezTo>
                  <a:cubicBezTo>
                    <a:pt x="419987" y="549605"/>
                    <a:pt x="416735" y="549605"/>
                    <a:pt x="416735" y="549605"/>
                  </a:cubicBezTo>
                  <a:cubicBezTo>
                    <a:pt x="416735" y="549605"/>
                    <a:pt x="411855" y="551237"/>
                    <a:pt x="410229" y="551237"/>
                  </a:cubicBezTo>
                  <a:cubicBezTo>
                    <a:pt x="408602" y="551237"/>
                    <a:pt x="398844" y="552869"/>
                    <a:pt x="393965" y="551237"/>
                  </a:cubicBezTo>
                  <a:cubicBezTo>
                    <a:pt x="389086" y="547973"/>
                    <a:pt x="390712" y="551237"/>
                    <a:pt x="389086" y="549605"/>
                  </a:cubicBezTo>
                  <a:cubicBezTo>
                    <a:pt x="387459" y="547973"/>
                    <a:pt x="385833" y="549605"/>
                    <a:pt x="384206" y="549605"/>
                  </a:cubicBezTo>
                  <a:cubicBezTo>
                    <a:pt x="382580" y="549605"/>
                    <a:pt x="382580" y="549605"/>
                    <a:pt x="380953" y="551237"/>
                  </a:cubicBezTo>
                  <a:cubicBezTo>
                    <a:pt x="377701" y="551237"/>
                    <a:pt x="377701" y="551237"/>
                    <a:pt x="377701" y="549605"/>
                  </a:cubicBezTo>
                  <a:cubicBezTo>
                    <a:pt x="376074" y="549605"/>
                    <a:pt x="372821" y="547973"/>
                    <a:pt x="371195" y="544709"/>
                  </a:cubicBezTo>
                  <a:cubicBezTo>
                    <a:pt x="369569" y="543077"/>
                    <a:pt x="367942" y="543077"/>
                    <a:pt x="366316" y="541445"/>
                  </a:cubicBezTo>
                  <a:cubicBezTo>
                    <a:pt x="366316" y="541445"/>
                    <a:pt x="359810" y="541445"/>
                    <a:pt x="358184" y="541445"/>
                  </a:cubicBezTo>
                  <a:cubicBezTo>
                    <a:pt x="358184" y="541445"/>
                    <a:pt x="353304" y="541445"/>
                    <a:pt x="351678" y="541445"/>
                  </a:cubicBezTo>
                  <a:cubicBezTo>
                    <a:pt x="350052" y="541445"/>
                    <a:pt x="350052" y="539813"/>
                    <a:pt x="351678" y="536549"/>
                  </a:cubicBezTo>
                  <a:cubicBezTo>
                    <a:pt x="353304" y="533285"/>
                    <a:pt x="350052" y="534917"/>
                    <a:pt x="346799" y="533285"/>
                  </a:cubicBezTo>
                  <a:cubicBezTo>
                    <a:pt x="345172" y="533285"/>
                    <a:pt x="343546" y="534917"/>
                    <a:pt x="341920" y="536549"/>
                  </a:cubicBezTo>
                  <a:cubicBezTo>
                    <a:pt x="340293" y="536549"/>
                    <a:pt x="340293" y="541445"/>
                    <a:pt x="340293" y="541445"/>
                  </a:cubicBezTo>
                  <a:cubicBezTo>
                    <a:pt x="340293" y="541445"/>
                    <a:pt x="340293" y="541445"/>
                    <a:pt x="335414" y="544709"/>
                  </a:cubicBezTo>
                  <a:cubicBezTo>
                    <a:pt x="335414" y="544709"/>
                    <a:pt x="330535" y="544709"/>
                    <a:pt x="328908" y="546341"/>
                  </a:cubicBezTo>
                  <a:cubicBezTo>
                    <a:pt x="327282" y="546341"/>
                    <a:pt x="328908" y="546341"/>
                    <a:pt x="322403" y="547973"/>
                  </a:cubicBezTo>
                  <a:cubicBezTo>
                    <a:pt x="315897" y="549605"/>
                    <a:pt x="317523" y="547973"/>
                    <a:pt x="312644" y="549605"/>
                  </a:cubicBezTo>
                  <a:cubicBezTo>
                    <a:pt x="311018" y="549605"/>
                    <a:pt x="309391" y="551237"/>
                    <a:pt x="307765" y="552869"/>
                  </a:cubicBezTo>
                  <a:cubicBezTo>
                    <a:pt x="306139" y="554501"/>
                    <a:pt x="299633" y="556133"/>
                    <a:pt x="299633" y="556133"/>
                  </a:cubicBezTo>
                  <a:cubicBezTo>
                    <a:pt x="299633" y="556133"/>
                    <a:pt x="299633" y="556133"/>
                    <a:pt x="288248" y="556133"/>
                  </a:cubicBezTo>
                  <a:cubicBezTo>
                    <a:pt x="288248" y="556133"/>
                    <a:pt x="278490" y="559397"/>
                    <a:pt x="267105" y="557765"/>
                  </a:cubicBezTo>
                  <a:cubicBezTo>
                    <a:pt x="254093" y="557765"/>
                    <a:pt x="262225" y="559397"/>
                    <a:pt x="258973" y="559397"/>
                  </a:cubicBezTo>
                  <a:cubicBezTo>
                    <a:pt x="255720" y="559397"/>
                    <a:pt x="255720" y="561029"/>
                    <a:pt x="255720" y="561029"/>
                  </a:cubicBezTo>
                  <a:cubicBezTo>
                    <a:pt x="255720" y="561029"/>
                    <a:pt x="247588" y="561029"/>
                    <a:pt x="245961" y="561029"/>
                  </a:cubicBezTo>
                  <a:cubicBezTo>
                    <a:pt x="242709" y="559397"/>
                    <a:pt x="241082" y="561029"/>
                    <a:pt x="241082" y="561029"/>
                  </a:cubicBezTo>
                  <a:cubicBezTo>
                    <a:pt x="241082" y="561029"/>
                    <a:pt x="234577" y="562661"/>
                    <a:pt x="232950" y="561029"/>
                  </a:cubicBezTo>
                  <a:cubicBezTo>
                    <a:pt x="231324" y="559397"/>
                    <a:pt x="228071" y="561029"/>
                    <a:pt x="228071" y="559397"/>
                  </a:cubicBezTo>
                  <a:cubicBezTo>
                    <a:pt x="228071" y="557765"/>
                    <a:pt x="226444" y="557765"/>
                    <a:pt x="223192" y="556133"/>
                  </a:cubicBezTo>
                  <a:cubicBezTo>
                    <a:pt x="221565" y="554501"/>
                    <a:pt x="221565" y="556133"/>
                    <a:pt x="219939" y="554501"/>
                  </a:cubicBezTo>
                  <a:cubicBezTo>
                    <a:pt x="218312" y="554501"/>
                    <a:pt x="218312" y="556133"/>
                    <a:pt x="219939" y="552869"/>
                  </a:cubicBezTo>
                  <a:cubicBezTo>
                    <a:pt x="219939" y="551237"/>
                    <a:pt x="218312" y="549605"/>
                    <a:pt x="219939" y="547973"/>
                  </a:cubicBezTo>
                  <a:cubicBezTo>
                    <a:pt x="219939" y="544709"/>
                    <a:pt x="219939" y="543077"/>
                    <a:pt x="219939" y="541445"/>
                  </a:cubicBezTo>
                  <a:cubicBezTo>
                    <a:pt x="218312" y="541445"/>
                    <a:pt x="216686" y="539813"/>
                    <a:pt x="215060" y="539813"/>
                  </a:cubicBezTo>
                  <a:cubicBezTo>
                    <a:pt x="213433" y="539813"/>
                    <a:pt x="213433" y="539813"/>
                    <a:pt x="210180" y="539813"/>
                  </a:cubicBezTo>
                  <a:cubicBezTo>
                    <a:pt x="208554" y="539813"/>
                    <a:pt x="205301" y="541445"/>
                    <a:pt x="203675" y="539813"/>
                  </a:cubicBezTo>
                  <a:cubicBezTo>
                    <a:pt x="202048" y="538181"/>
                    <a:pt x="202048" y="539813"/>
                    <a:pt x="200422" y="541445"/>
                  </a:cubicBezTo>
                  <a:cubicBezTo>
                    <a:pt x="198795" y="543077"/>
                    <a:pt x="192290" y="539813"/>
                    <a:pt x="190663" y="538181"/>
                  </a:cubicBezTo>
                  <a:cubicBezTo>
                    <a:pt x="189037" y="536549"/>
                    <a:pt x="184158" y="539813"/>
                    <a:pt x="179279" y="538181"/>
                  </a:cubicBezTo>
                  <a:cubicBezTo>
                    <a:pt x="174399" y="536549"/>
                    <a:pt x="176026" y="536549"/>
                    <a:pt x="174399" y="534917"/>
                  </a:cubicBezTo>
                  <a:cubicBezTo>
                    <a:pt x="174399" y="533285"/>
                    <a:pt x="171146" y="533285"/>
                    <a:pt x="171146" y="533285"/>
                  </a:cubicBezTo>
                  <a:cubicBezTo>
                    <a:pt x="169520" y="531653"/>
                    <a:pt x="163014" y="530021"/>
                    <a:pt x="158135" y="525125"/>
                  </a:cubicBezTo>
                  <a:cubicBezTo>
                    <a:pt x="156509" y="523493"/>
                    <a:pt x="158135" y="521861"/>
                    <a:pt x="154882" y="516965"/>
                  </a:cubicBezTo>
                  <a:cubicBezTo>
                    <a:pt x="150003" y="512069"/>
                    <a:pt x="153256" y="513701"/>
                    <a:pt x="153256" y="510437"/>
                  </a:cubicBezTo>
                  <a:cubicBezTo>
                    <a:pt x="153256" y="508805"/>
                    <a:pt x="154882" y="512069"/>
                    <a:pt x="156509" y="508805"/>
                  </a:cubicBezTo>
                  <a:cubicBezTo>
                    <a:pt x="159762" y="507173"/>
                    <a:pt x="159762" y="508805"/>
                    <a:pt x="164641" y="507173"/>
                  </a:cubicBezTo>
                  <a:cubicBezTo>
                    <a:pt x="167894" y="505541"/>
                    <a:pt x="167894" y="507173"/>
                    <a:pt x="172773" y="507173"/>
                  </a:cubicBezTo>
                  <a:cubicBezTo>
                    <a:pt x="176026" y="505541"/>
                    <a:pt x="180905" y="507173"/>
                    <a:pt x="185784" y="505541"/>
                  </a:cubicBezTo>
                  <a:cubicBezTo>
                    <a:pt x="192290" y="503909"/>
                    <a:pt x="190663" y="507173"/>
                    <a:pt x="193916" y="505541"/>
                  </a:cubicBezTo>
                  <a:cubicBezTo>
                    <a:pt x="197169" y="505541"/>
                    <a:pt x="200422" y="505541"/>
                    <a:pt x="203675" y="503909"/>
                  </a:cubicBezTo>
                  <a:cubicBezTo>
                    <a:pt x="206928" y="503909"/>
                    <a:pt x="208554" y="505541"/>
                    <a:pt x="211807" y="503909"/>
                  </a:cubicBezTo>
                  <a:cubicBezTo>
                    <a:pt x="216686" y="503909"/>
                    <a:pt x="219939" y="503909"/>
                    <a:pt x="226444" y="502277"/>
                  </a:cubicBezTo>
                  <a:cubicBezTo>
                    <a:pt x="231324" y="502277"/>
                    <a:pt x="232950" y="503909"/>
                    <a:pt x="236203" y="503909"/>
                  </a:cubicBezTo>
                  <a:cubicBezTo>
                    <a:pt x="237829" y="505541"/>
                    <a:pt x="242709" y="502277"/>
                    <a:pt x="245961" y="500645"/>
                  </a:cubicBezTo>
                  <a:cubicBezTo>
                    <a:pt x="247588" y="499013"/>
                    <a:pt x="242709" y="497381"/>
                    <a:pt x="241082" y="497381"/>
                  </a:cubicBezTo>
                  <a:cubicBezTo>
                    <a:pt x="237829" y="495749"/>
                    <a:pt x="228071" y="495749"/>
                    <a:pt x="224818" y="495749"/>
                  </a:cubicBezTo>
                  <a:cubicBezTo>
                    <a:pt x="223192" y="495749"/>
                    <a:pt x="215060" y="492485"/>
                    <a:pt x="213433" y="492485"/>
                  </a:cubicBezTo>
                  <a:cubicBezTo>
                    <a:pt x="210180" y="492485"/>
                    <a:pt x="205301" y="494117"/>
                    <a:pt x="203675" y="494117"/>
                  </a:cubicBezTo>
                  <a:cubicBezTo>
                    <a:pt x="203675" y="494117"/>
                    <a:pt x="195543" y="494117"/>
                    <a:pt x="193916" y="494117"/>
                  </a:cubicBezTo>
                  <a:cubicBezTo>
                    <a:pt x="192290" y="494117"/>
                    <a:pt x="187411" y="494117"/>
                    <a:pt x="185784" y="494117"/>
                  </a:cubicBezTo>
                  <a:cubicBezTo>
                    <a:pt x="184158" y="494117"/>
                    <a:pt x="177652" y="494117"/>
                    <a:pt x="172773" y="494117"/>
                  </a:cubicBezTo>
                  <a:cubicBezTo>
                    <a:pt x="167894" y="494117"/>
                    <a:pt x="169520" y="494117"/>
                    <a:pt x="166267" y="494117"/>
                  </a:cubicBezTo>
                  <a:cubicBezTo>
                    <a:pt x="164641" y="495749"/>
                    <a:pt x="161388" y="495749"/>
                    <a:pt x="158135" y="495749"/>
                  </a:cubicBezTo>
                  <a:cubicBezTo>
                    <a:pt x="154882" y="495749"/>
                    <a:pt x="153256" y="495749"/>
                    <a:pt x="153256" y="495749"/>
                  </a:cubicBezTo>
                  <a:cubicBezTo>
                    <a:pt x="153256" y="495749"/>
                    <a:pt x="146750" y="492485"/>
                    <a:pt x="143497" y="490853"/>
                  </a:cubicBezTo>
                  <a:cubicBezTo>
                    <a:pt x="138618" y="489221"/>
                    <a:pt x="135365" y="487589"/>
                    <a:pt x="133739" y="485957"/>
                  </a:cubicBezTo>
                  <a:cubicBezTo>
                    <a:pt x="132113" y="484325"/>
                    <a:pt x="133739" y="482693"/>
                    <a:pt x="136992" y="479429"/>
                  </a:cubicBezTo>
                  <a:cubicBezTo>
                    <a:pt x="140245" y="476164"/>
                    <a:pt x="141871" y="477796"/>
                    <a:pt x="146750" y="476164"/>
                  </a:cubicBezTo>
                  <a:cubicBezTo>
                    <a:pt x="151630" y="474532"/>
                    <a:pt x="150003" y="476164"/>
                    <a:pt x="153256" y="476164"/>
                  </a:cubicBezTo>
                  <a:cubicBezTo>
                    <a:pt x="154882" y="476164"/>
                    <a:pt x="156509" y="474532"/>
                    <a:pt x="161388" y="472900"/>
                  </a:cubicBezTo>
                  <a:cubicBezTo>
                    <a:pt x="164641" y="472900"/>
                    <a:pt x="163014" y="472900"/>
                    <a:pt x="167894" y="471268"/>
                  </a:cubicBezTo>
                  <a:cubicBezTo>
                    <a:pt x="171146" y="471268"/>
                    <a:pt x="172773" y="469636"/>
                    <a:pt x="176026" y="469636"/>
                  </a:cubicBezTo>
                  <a:cubicBezTo>
                    <a:pt x="180905" y="468004"/>
                    <a:pt x="184158" y="466372"/>
                    <a:pt x="185784" y="464740"/>
                  </a:cubicBezTo>
                  <a:cubicBezTo>
                    <a:pt x="187411" y="461476"/>
                    <a:pt x="184158" y="464740"/>
                    <a:pt x="182531" y="464740"/>
                  </a:cubicBezTo>
                  <a:cubicBezTo>
                    <a:pt x="180905" y="463108"/>
                    <a:pt x="176026" y="464740"/>
                    <a:pt x="174399" y="464740"/>
                  </a:cubicBezTo>
                  <a:cubicBezTo>
                    <a:pt x="172773" y="464740"/>
                    <a:pt x="167894" y="466372"/>
                    <a:pt x="164641" y="466372"/>
                  </a:cubicBezTo>
                  <a:cubicBezTo>
                    <a:pt x="161388" y="466372"/>
                    <a:pt x="161388" y="468004"/>
                    <a:pt x="156509" y="468004"/>
                  </a:cubicBezTo>
                  <a:cubicBezTo>
                    <a:pt x="156509" y="468004"/>
                    <a:pt x="151630" y="468004"/>
                    <a:pt x="148377" y="469636"/>
                  </a:cubicBezTo>
                  <a:cubicBezTo>
                    <a:pt x="145124" y="471268"/>
                    <a:pt x="143497" y="469636"/>
                    <a:pt x="141871" y="468004"/>
                  </a:cubicBezTo>
                  <a:cubicBezTo>
                    <a:pt x="140245" y="468004"/>
                    <a:pt x="138618" y="466372"/>
                    <a:pt x="138618" y="466372"/>
                  </a:cubicBezTo>
                  <a:cubicBezTo>
                    <a:pt x="140245" y="464740"/>
                    <a:pt x="143497" y="464740"/>
                    <a:pt x="143497" y="461476"/>
                  </a:cubicBezTo>
                  <a:cubicBezTo>
                    <a:pt x="145124" y="459844"/>
                    <a:pt x="136992" y="461476"/>
                    <a:pt x="136992" y="461476"/>
                  </a:cubicBezTo>
                  <a:cubicBezTo>
                    <a:pt x="135365" y="459844"/>
                    <a:pt x="133739" y="461476"/>
                    <a:pt x="125607" y="461476"/>
                  </a:cubicBezTo>
                  <a:cubicBezTo>
                    <a:pt x="117475" y="463108"/>
                    <a:pt x="123981" y="461476"/>
                    <a:pt x="120728" y="459844"/>
                  </a:cubicBezTo>
                  <a:cubicBezTo>
                    <a:pt x="117475" y="456580"/>
                    <a:pt x="120728" y="459844"/>
                    <a:pt x="122354" y="454948"/>
                  </a:cubicBezTo>
                  <a:cubicBezTo>
                    <a:pt x="123981" y="448420"/>
                    <a:pt x="122354" y="451684"/>
                    <a:pt x="123981" y="450052"/>
                  </a:cubicBezTo>
                  <a:cubicBezTo>
                    <a:pt x="125607" y="446788"/>
                    <a:pt x="123981" y="446788"/>
                    <a:pt x="127233" y="445156"/>
                  </a:cubicBezTo>
                  <a:cubicBezTo>
                    <a:pt x="132113" y="443524"/>
                    <a:pt x="127233" y="445156"/>
                    <a:pt x="132113" y="445156"/>
                  </a:cubicBezTo>
                  <a:cubicBezTo>
                    <a:pt x="133739" y="445156"/>
                    <a:pt x="140245" y="440260"/>
                    <a:pt x="140245" y="440260"/>
                  </a:cubicBezTo>
                  <a:cubicBezTo>
                    <a:pt x="140245" y="440260"/>
                    <a:pt x="138618" y="440260"/>
                    <a:pt x="133739" y="438628"/>
                  </a:cubicBezTo>
                  <a:cubicBezTo>
                    <a:pt x="130486" y="435364"/>
                    <a:pt x="133739" y="438628"/>
                    <a:pt x="130486" y="435364"/>
                  </a:cubicBezTo>
                  <a:cubicBezTo>
                    <a:pt x="130486" y="435364"/>
                    <a:pt x="130486" y="433732"/>
                    <a:pt x="135365" y="428836"/>
                  </a:cubicBezTo>
                  <a:cubicBezTo>
                    <a:pt x="136992" y="427204"/>
                    <a:pt x="136992" y="427204"/>
                    <a:pt x="141871" y="423940"/>
                  </a:cubicBezTo>
                  <a:cubicBezTo>
                    <a:pt x="145124" y="420676"/>
                    <a:pt x="143497" y="422308"/>
                    <a:pt x="146750" y="420676"/>
                  </a:cubicBezTo>
                  <a:cubicBezTo>
                    <a:pt x="148377" y="419044"/>
                    <a:pt x="150003" y="420676"/>
                    <a:pt x="153256" y="419044"/>
                  </a:cubicBezTo>
                  <a:cubicBezTo>
                    <a:pt x="154882" y="417412"/>
                    <a:pt x="154882" y="419044"/>
                    <a:pt x="156509" y="419044"/>
                  </a:cubicBezTo>
                  <a:cubicBezTo>
                    <a:pt x="156509" y="417412"/>
                    <a:pt x="158135" y="417412"/>
                    <a:pt x="161388" y="415780"/>
                  </a:cubicBezTo>
                  <a:cubicBezTo>
                    <a:pt x="164641" y="412516"/>
                    <a:pt x="163014" y="414148"/>
                    <a:pt x="164641" y="412516"/>
                  </a:cubicBezTo>
                  <a:cubicBezTo>
                    <a:pt x="166267" y="410884"/>
                    <a:pt x="166267" y="414148"/>
                    <a:pt x="169520" y="412516"/>
                  </a:cubicBezTo>
                  <a:cubicBezTo>
                    <a:pt x="172773" y="410884"/>
                    <a:pt x="171146" y="412516"/>
                    <a:pt x="174399" y="410884"/>
                  </a:cubicBezTo>
                  <a:cubicBezTo>
                    <a:pt x="176026" y="409252"/>
                    <a:pt x="176026" y="410884"/>
                    <a:pt x="177652" y="409252"/>
                  </a:cubicBezTo>
                  <a:cubicBezTo>
                    <a:pt x="180905" y="407620"/>
                    <a:pt x="179279" y="409252"/>
                    <a:pt x="182531" y="407620"/>
                  </a:cubicBezTo>
                  <a:cubicBezTo>
                    <a:pt x="185784" y="405988"/>
                    <a:pt x="185784" y="407620"/>
                    <a:pt x="187411" y="407620"/>
                  </a:cubicBezTo>
                  <a:cubicBezTo>
                    <a:pt x="189037" y="407620"/>
                    <a:pt x="190663" y="407620"/>
                    <a:pt x="193916" y="405988"/>
                  </a:cubicBezTo>
                  <a:cubicBezTo>
                    <a:pt x="197169" y="402724"/>
                    <a:pt x="197169" y="404356"/>
                    <a:pt x="197169" y="402724"/>
                  </a:cubicBezTo>
                  <a:cubicBezTo>
                    <a:pt x="198795" y="402724"/>
                    <a:pt x="203675" y="401092"/>
                    <a:pt x="205301" y="401092"/>
                  </a:cubicBezTo>
                  <a:cubicBezTo>
                    <a:pt x="206928" y="399460"/>
                    <a:pt x="208554" y="401092"/>
                    <a:pt x="210180" y="402724"/>
                  </a:cubicBezTo>
                  <a:cubicBezTo>
                    <a:pt x="211807" y="404356"/>
                    <a:pt x="213433" y="407620"/>
                    <a:pt x="213433" y="407620"/>
                  </a:cubicBezTo>
                  <a:cubicBezTo>
                    <a:pt x="213433" y="407620"/>
                    <a:pt x="213433" y="407620"/>
                    <a:pt x="213433" y="412516"/>
                  </a:cubicBezTo>
                  <a:cubicBezTo>
                    <a:pt x="213433" y="412516"/>
                    <a:pt x="211807" y="419044"/>
                    <a:pt x="211807" y="419044"/>
                  </a:cubicBezTo>
                  <a:cubicBezTo>
                    <a:pt x="211807" y="420676"/>
                    <a:pt x="211807" y="422308"/>
                    <a:pt x="211807" y="422308"/>
                  </a:cubicBezTo>
                  <a:cubicBezTo>
                    <a:pt x="211807" y="422308"/>
                    <a:pt x="210180" y="423940"/>
                    <a:pt x="205301" y="425572"/>
                  </a:cubicBezTo>
                  <a:cubicBezTo>
                    <a:pt x="205301" y="427204"/>
                    <a:pt x="205301" y="427204"/>
                    <a:pt x="205301" y="428836"/>
                  </a:cubicBezTo>
                  <a:cubicBezTo>
                    <a:pt x="203675" y="430468"/>
                    <a:pt x="208554" y="432100"/>
                    <a:pt x="210180" y="428836"/>
                  </a:cubicBezTo>
                  <a:cubicBezTo>
                    <a:pt x="213433" y="425572"/>
                    <a:pt x="211807" y="428836"/>
                    <a:pt x="213433" y="428836"/>
                  </a:cubicBezTo>
                  <a:cubicBezTo>
                    <a:pt x="216686" y="428836"/>
                    <a:pt x="218312" y="428836"/>
                    <a:pt x="219939" y="425572"/>
                  </a:cubicBezTo>
                  <a:cubicBezTo>
                    <a:pt x="219939" y="423940"/>
                    <a:pt x="219939" y="425572"/>
                    <a:pt x="216686" y="425572"/>
                  </a:cubicBezTo>
                  <a:cubicBezTo>
                    <a:pt x="215060" y="425572"/>
                    <a:pt x="218312" y="423940"/>
                    <a:pt x="219939" y="422308"/>
                  </a:cubicBezTo>
                  <a:cubicBezTo>
                    <a:pt x="221565" y="419044"/>
                    <a:pt x="221565" y="419044"/>
                    <a:pt x="224818" y="417412"/>
                  </a:cubicBezTo>
                  <a:cubicBezTo>
                    <a:pt x="226444" y="415780"/>
                    <a:pt x="224818" y="417412"/>
                    <a:pt x="228071" y="415780"/>
                  </a:cubicBezTo>
                  <a:cubicBezTo>
                    <a:pt x="229697" y="414148"/>
                    <a:pt x="229697" y="415780"/>
                    <a:pt x="231324" y="415780"/>
                  </a:cubicBezTo>
                  <a:cubicBezTo>
                    <a:pt x="234577" y="415780"/>
                    <a:pt x="232950" y="415780"/>
                    <a:pt x="234577" y="415780"/>
                  </a:cubicBezTo>
                  <a:cubicBezTo>
                    <a:pt x="236203" y="417412"/>
                    <a:pt x="237829" y="417412"/>
                    <a:pt x="239456" y="415780"/>
                  </a:cubicBezTo>
                  <a:cubicBezTo>
                    <a:pt x="241082" y="415780"/>
                    <a:pt x="242709" y="417412"/>
                    <a:pt x="244335" y="417412"/>
                  </a:cubicBezTo>
                  <a:cubicBezTo>
                    <a:pt x="247588" y="417412"/>
                    <a:pt x="247588" y="419044"/>
                    <a:pt x="249214" y="419044"/>
                  </a:cubicBezTo>
                  <a:cubicBezTo>
                    <a:pt x="250841" y="419044"/>
                    <a:pt x="250841" y="422308"/>
                    <a:pt x="252467" y="420676"/>
                  </a:cubicBezTo>
                  <a:cubicBezTo>
                    <a:pt x="252467" y="419044"/>
                    <a:pt x="260599" y="423940"/>
                    <a:pt x="260599" y="423940"/>
                  </a:cubicBezTo>
                  <a:cubicBezTo>
                    <a:pt x="260599" y="423940"/>
                    <a:pt x="262225" y="425572"/>
                    <a:pt x="263852" y="425572"/>
                  </a:cubicBezTo>
                  <a:cubicBezTo>
                    <a:pt x="263852" y="425572"/>
                    <a:pt x="263852" y="427204"/>
                    <a:pt x="262225" y="430468"/>
                  </a:cubicBezTo>
                  <a:cubicBezTo>
                    <a:pt x="260599" y="432100"/>
                    <a:pt x="258973" y="433732"/>
                    <a:pt x="257346" y="436996"/>
                  </a:cubicBezTo>
                  <a:cubicBezTo>
                    <a:pt x="257346" y="436996"/>
                    <a:pt x="258973" y="436996"/>
                    <a:pt x="260599" y="436996"/>
                  </a:cubicBezTo>
                  <a:cubicBezTo>
                    <a:pt x="262225" y="436996"/>
                    <a:pt x="263852" y="436996"/>
                    <a:pt x="265478" y="433732"/>
                  </a:cubicBezTo>
                  <a:cubicBezTo>
                    <a:pt x="267105" y="432100"/>
                    <a:pt x="267105" y="433732"/>
                    <a:pt x="271984" y="430468"/>
                  </a:cubicBezTo>
                  <a:cubicBezTo>
                    <a:pt x="271984" y="430468"/>
                    <a:pt x="271984" y="430468"/>
                    <a:pt x="275237" y="432100"/>
                  </a:cubicBezTo>
                  <a:cubicBezTo>
                    <a:pt x="275237" y="432100"/>
                    <a:pt x="278490" y="432100"/>
                    <a:pt x="280116" y="428836"/>
                  </a:cubicBezTo>
                  <a:cubicBezTo>
                    <a:pt x="280116" y="427204"/>
                    <a:pt x="281742" y="428836"/>
                    <a:pt x="283369" y="428836"/>
                  </a:cubicBezTo>
                  <a:cubicBezTo>
                    <a:pt x="284995" y="430468"/>
                    <a:pt x="284995" y="430468"/>
                    <a:pt x="286622" y="428836"/>
                  </a:cubicBezTo>
                  <a:cubicBezTo>
                    <a:pt x="288248" y="427204"/>
                    <a:pt x="284995" y="425572"/>
                    <a:pt x="283369" y="425572"/>
                  </a:cubicBezTo>
                  <a:cubicBezTo>
                    <a:pt x="283369" y="425572"/>
                    <a:pt x="280116" y="423940"/>
                    <a:pt x="280116" y="423940"/>
                  </a:cubicBezTo>
                  <a:cubicBezTo>
                    <a:pt x="280116" y="423940"/>
                    <a:pt x="276863" y="420676"/>
                    <a:pt x="273610" y="419044"/>
                  </a:cubicBezTo>
                  <a:cubicBezTo>
                    <a:pt x="271984" y="417412"/>
                    <a:pt x="271984" y="419044"/>
                    <a:pt x="273610" y="415780"/>
                  </a:cubicBezTo>
                  <a:cubicBezTo>
                    <a:pt x="273610" y="414148"/>
                    <a:pt x="273610" y="415780"/>
                    <a:pt x="276863" y="414148"/>
                  </a:cubicBezTo>
                  <a:cubicBezTo>
                    <a:pt x="278490" y="414148"/>
                    <a:pt x="280116" y="414148"/>
                    <a:pt x="280116" y="414148"/>
                  </a:cubicBezTo>
                  <a:cubicBezTo>
                    <a:pt x="281742" y="414148"/>
                    <a:pt x="284995" y="415780"/>
                    <a:pt x="284995" y="415780"/>
                  </a:cubicBezTo>
                  <a:cubicBezTo>
                    <a:pt x="284995" y="415780"/>
                    <a:pt x="284995" y="415780"/>
                    <a:pt x="288248" y="417412"/>
                  </a:cubicBezTo>
                  <a:cubicBezTo>
                    <a:pt x="288248" y="417412"/>
                    <a:pt x="288248" y="417412"/>
                    <a:pt x="291501" y="420676"/>
                  </a:cubicBezTo>
                  <a:cubicBezTo>
                    <a:pt x="291501" y="420676"/>
                    <a:pt x="298006" y="423940"/>
                    <a:pt x="299633" y="425572"/>
                  </a:cubicBezTo>
                  <a:cubicBezTo>
                    <a:pt x="299633" y="425572"/>
                    <a:pt x="302886" y="427204"/>
                    <a:pt x="304512" y="427204"/>
                  </a:cubicBezTo>
                  <a:cubicBezTo>
                    <a:pt x="306139" y="428836"/>
                    <a:pt x="306139" y="432100"/>
                    <a:pt x="307765" y="432100"/>
                  </a:cubicBezTo>
                  <a:cubicBezTo>
                    <a:pt x="307765" y="432100"/>
                    <a:pt x="307765" y="433732"/>
                    <a:pt x="309391" y="436996"/>
                  </a:cubicBezTo>
                  <a:cubicBezTo>
                    <a:pt x="311018" y="438628"/>
                    <a:pt x="311018" y="441892"/>
                    <a:pt x="311018" y="443524"/>
                  </a:cubicBezTo>
                  <a:cubicBezTo>
                    <a:pt x="312644" y="443524"/>
                    <a:pt x="314271" y="446788"/>
                    <a:pt x="315897" y="446788"/>
                  </a:cubicBezTo>
                  <a:cubicBezTo>
                    <a:pt x="317523" y="446788"/>
                    <a:pt x="315897" y="451684"/>
                    <a:pt x="315897" y="453316"/>
                  </a:cubicBezTo>
                  <a:cubicBezTo>
                    <a:pt x="315897" y="454948"/>
                    <a:pt x="317523" y="458212"/>
                    <a:pt x="320776" y="458212"/>
                  </a:cubicBezTo>
                  <a:cubicBezTo>
                    <a:pt x="322403" y="458212"/>
                    <a:pt x="322403" y="461476"/>
                    <a:pt x="324029" y="459844"/>
                  </a:cubicBezTo>
                  <a:cubicBezTo>
                    <a:pt x="325655" y="458212"/>
                    <a:pt x="325655" y="456580"/>
                    <a:pt x="327282" y="456580"/>
                  </a:cubicBezTo>
                  <a:cubicBezTo>
                    <a:pt x="328908" y="456580"/>
                    <a:pt x="330535" y="458212"/>
                    <a:pt x="332161" y="454948"/>
                  </a:cubicBezTo>
                  <a:cubicBezTo>
                    <a:pt x="332161" y="454948"/>
                    <a:pt x="330535" y="450052"/>
                    <a:pt x="330535" y="450052"/>
                  </a:cubicBezTo>
                  <a:cubicBezTo>
                    <a:pt x="330535" y="448420"/>
                    <a:pt x="328908" y="445156"/>
                    <a:pt x="330535" y="441892"/>
                  </a:cubicBezTo>
                  <a:cubicBezTo>
                    <a:pt x="330535" y="438628"/>
                    <a:pt x="327282" y="436996"/>
                    <a:pt x="327282" y="436996"/>
                  </a:cubicBezTo>
                  <a:cubicBezTo>
                    <a:pt x="325655" y="435364"/>
                    <a:pt x="320776" y="433732"/>
                    <a:pt x="320776" y="430468"/>
                  </a:cubicBezTo>
                  <a:cubicBezTo>
                    <a:pt x="319150" y="428836"/>
                    <a:pt x="319150" y="427204"/>
                    <a:pt x="319150" y="425572"/>
                  </a:cubicBezTo>
                  <a:cubicBezTo>
                    <a:pt x="319150" y="423940"/>
                    <a:pt x="317523" y="422308"/>
                    <a:pt x="317523" y="422308"/>
                  </a:cubicBezTo>
                  <a:cubicBezTo>
                    <a:pt x="317523" y="420676"/>
                    <a:pt x="317523" y="415780"/>
                    <a:pt x="317523" y="412516"/>
                  </a:cubicBezTo>
                  <a:cubicBezTo>
                    <a:pt x="319150" y="409252"/>
                    <a:pt x="317523" y="409252"/>
                    <a:pt x="319150" y="407620"/>
                  </a:cubicBezTo>
                  <a:cubicBezTo>
                    <a:pt x="320776" y="404356"/>
                    <a:pt x="320776" y="404356"/>
                    <a:pt x="324029" y="402724"/>
                  </a:cubicBezTo>
                  <a:cubicBezTo>
                    <a:pt x="328908" y="401092"/>
                    <a:pt x="327282" y="404356"/>
                    <a:pt x="327282" y="404356"/>
                  </a:cubicBezTo>
                  <a:cubicBezTo>
                    <a:pt x="328908" y="402724"/>
                    <a:pt x="332161" y="405988"/>
                    <a:pt x="338667" y="407620"/>
                  </a:cubicBezTo>
                  <a:cubicBezTo>
                    <a:pt x="338667" y="407620"/>
                    <a:pt x="337040" y="404356"/>
                    <a:pt x="340293" y="402724"/>
                  </a:cubicBezTo>
                  <a:cubicBezTo>
                    <a:pt x="340293" y="402724"/>
                    <a:pt x="345172" y="405988"/>
                    <a:pt x="346799" y="407620"/>
                  </a:cubicBezTo>
                  <a:cubicBezTo>
                    <a:pt x="348425" y="407620"/>
                    <a:pt x="348425" y="410884"/>
                    <a:pt x="351678" y="410884"/>
                  </a:cubicBezTo>
                  <a:cubicBezTo>
                    <a:pt x="353304" y="410884"/>
                    <a:pt x="354931" y="414148"/>
                    <a:pt x="356557" y="414148"/>
                  </a:cubicBezTo>
                  <a:cubicBezTo>
                    <a:pt x="359810" y="412516"/>
                    <a:pt x="356557" y="412516"/>
                    <a:pt x="356557" y="407620"/>
                  </a:cubicBezTo>
                  <a:cubicBezTo>
                    <a:pt x="356557" y="404356"/>
                    <a:pt x="354931" y="405988"/>
                    <a:pt x="353304" y="404356"/>
                  </a:cubicBezTo>
                  <a:cubicBezTo>
                    <a:pt x="350052" y="401092"/>
                    <a:pt x="348425" y="401092"/>
                    <a:pt x="345172" y="399460"/>
                  </a:cubicBezTo>
                  <a:cubicBezTo>
                    <a:pt x="341920" y="399460"/>
                    <a:pt x="338667" y="397828"/>
                    <a:pt x="340293" y="396196"/>
                  </a:cubicBezTo>
                  <a:cubicBezTo>
                    <a:pt x="340293" y="394564"/>
                    <a:pt x="341920" y="394564"/>
                    <a:pt x="345172" y="392932"/>
                  </a:cubicBezTo>
                  <a:cubicBezTo>
                    <a:pt x="346799" y="389668"/>
                    <a:pt x="346799" y="389668"/>
                    <a:pt x="351678" y="389668"/>
                  </a:cubicBezTo>
                  <a:cubicBezTo>
                    <a:pt x="356557" y="388036"/>
                    <a:pt x="354931" y="389668"/>
                    <a:pt x="358184" y="389668"/>
                  </a:cubicBezTo>
                  <a:cubicBezTo>
                    <a:pt x="361437" y="388036"/>
                    <a:pt x="366316" y="388036"/>
                    <a:pt x="371195" y="388036"/>
                  </a:cubicBezTo>
                  <a:close/>
                  <a:moveTo>
                    <a:pt x="496434" y="378564"/>
                  </a:moveTo>
                  <a:cubicBezTo>
                    <a:pt x="498044" y="378564"/>
                    <a:pt x="498044" y="376923"/>
                    <a:pt x="499654" y="378564"/>
                  </a:cubicBezTo>
                  <a:cubicBezTo>
                    <a:pt x="502875" y="378564"/>
                    <a:pt x="504485" y="378564"/>
                    <a:pt x="504485" y="378564"/>
                  </a:cubicBezTo>
                  <a:cubicBezTo>
                    <a:pt x="506095" y="381847"/>
                    <a:pt x="506095" y="381847"/>
                    <a:pt x="506095" y="383488"/>
                  </a:cubicBezTo>
                  <a:cubicBezTo>
                    <a:pt x="504485" y="383488"/>
                    <a:pt x="504485" y="383488"/>
                    <a:pt x="502875" y="385130"/>
                  </a:cubicBezTo>
                  <a:cubicBezTo>
                    <a:pt x="502875" y="385130"/>
                    <a:pt x="506095" y="385130"/>
                    <a:pt x="507705" y="386771"/>
                  </a:cubicBezTo>
                  <a:cubicBezTo>
                    <a:pt x="507705" y="386771"/>
                    <a:pt x="509316" y="385130"/>
                    <a:pt x="510926" y="385130"/>
                  </a:cubicBezTo>
                  <a:cubicBezTo>
                    <a:pt x="514146" y="386771"/>
                    <a:pt x="515756" y="388412"/>
                    <a:pt x="517366" y="390054"/>
                  </a:cubicBezTo>
                  <a:cubicBezTo>
                    <a:pt x="517366" y="390054"/>
                    <a:pt x="517366" y="393336"/>
                    <a:pt x="517366" y="394977"/>
                  </a:cubicBezTo>
                  <a:cubicBezTo>
                    <a:pt x="517366" y="396619"/>
                    <a:pt x="515756" y="396619"/>
                    <a:pt x="515756" y="398260"/>
                  </a:cubicBezTo>
                  <a:cubicBezTo>
                    <a:pt x="514146" y="398260"/>
                    <a:pt x="514146" y="396619"/>
                    <a:pt x="512536" y="398260"/>
                  </a:cubicBezTo>
                  <a:cubicBezTo>
                    <a:pt x="510926" y="401543"/>
                    <a:pt x="512536" y="403184"/>
                    <a:pt x="510926" y="403184"/>
                  </a:cubicBezTo>
                  <a:cubicBezTo>
                    <a:pt x="507705" y="404825"/>
                    <a:pt x="507705" y="404825"/>
                    <a:pt x="504485" y="406467"/>
                  </a:cubicBezTo>
                  <a:cubicBezTo>
                    <a:pt x="502875" y="408108"/>
                    <a:pt x="501265" y="408108"/>
                    <a:pt x="501265" y="409749"/>
                  </a:cubicBezTo>
                  <a:cubicBezTo>
                    <a:pt x="499654" y="411391"/>
                    <a:pt x="498044" y="411391"/>
                    <a:pt x="498044" y="413032"/>
                  </a:cubicBezTo>
                  <a:cubicBezTo>
                    <a:pt x="498044" y="414673"/>
                    <a:pt x="498044" y="413032"/>
                    <a:pt x="496434" y="416315"/>
                  </a:cubicBezTo>
                  <a:cubicBezTo>
                    <a:pt x="494824" y="417956"/>
                    <a:pt x="493214" y="416315"/>
                    <a:pt x="494824" y="417956"/>
                  </a:cubicBezTo>
                  <a:cubicBezTo>
                    <a:pt x="494824" y="419597"/>
                    <a:pt x="496434" y="416315"/>
                    <a:pt x="498044" y="416315"/>
                  </a:cubicBezTo>
                  <a:cubicBezTo>
                    <a:pt x="502875" y="414673"/>
                    <a:pt x="502875" y="414673"/>
                    <a:pt x="504485" y="413032"/>
                  </a:cubicBezTo>
                  <a:cubicBezTo>
                    <a:pt x="504485" y="413032"/>
                    <a:pt x="506095" y="413032"/>
                    <a:pt x="506095" y="413032"/>
                  </a:cubicBezTo>
                  <a:cubicBezTo>
                    <a:pt x="510926" y="416315"/>
                    <a:pt x="509316" y="414673"/>
                    <a:pt x="510926" y="416315"/>
                  </a:cubicBezTo>
                  <a:cubicBezTo>
                    <a:pt x="512536" y="419597"/>
                    <a:pt x="514146" y="417956"/>
                    <a:pt x="514146" y="421239"/>
                  </a:cubicBezTo>
                  <a:cubicBezTo>
                    <a:pt x="514146" y="424521"/>
                    <a:pt x="514146" y="424521"/>
                    <a:pt x="515756" y="424521"/>
                  </a:cubicBezTo>
                  <a:cubicBezTo>
                    <a:pt x="520587" y="422880"/>
                    <a:pt x="520587" y="422880"/>
                    <a:pt x="520587" y="421239"/>
                  </a:cubicBezTo>
                  <a:cubicBezTo>
                    <a:pt x="518977" y="419597"/>
                    <a:pt x="520587" y="417956"/>
                    <a:pt x="518977" y="417956"/>
                  </a:cubicBezTo>
                  <a:cubicBezTo>
                    <a:pt x="515756" y="417956"/>
                    <a:pt x="515756" y="417956"/>
                    <a:pt x="515756" y="417956"/>
                  </a:cubicBezTo>
                  <a:cubicBezTo>
                    <a:pt x="515756" y="414673"/>
                    <a:pt x="515756" y="411391"/>
                    <a:pt x="517366" y="411391"/>
                  </a:cubicBezTo>
                  <a:cubicBezTo>
                    <a:pt x="518977" y="411391"/>
                    <a:pt x="518977" y="411391"/>
                    <a:pt x="520587" y="411391"/>
                  </a:cubicBezTo>
                  <a:cubicBezTo>
                    <a:pt x="522197" y="411391"/>
                    <a:pt x="525417" y="411391"/>
                    <a:pt x="525417" y="411391"/>
                  </a:cubicBezTo>
                  <a:cubicBezTo>
                    <a:pt x="525417" y="413032"/>
                    <a:pt x="527028" y="413032"/>
                    <a:pt x="527028" y="414673"/>
                  </a:cubicBezTo>
                  <a:cubicBezTo>
                    <a:pt x="527028" y="417956"/>
                    <a:pt x="527028" y="417956"/>
                    <a:pt x="525417" y="419597"/>
                  </a:cubicBezTo>
                  <a:cubicBezTo>
                    <a:pt x="523807" y="421239"/>
                    <a:pt x="522197" y="422880"/>
                    <a:pt x="523807" y="424521"/>
                  </a:cubicBezTo>
                  <a:cubicBezTo>
                    <a:pt x="523807" y="424521"/>
                    <a:pt x="525417" y="424521"/>
                    <a:pt x="527028" y="426163"/>
                  </a:cubicBezTo>
                  <a:cubicBezTo>
                    <a:pt x="527028" y="427804"/>
                    <a:pt x="528638" y="427804"/>
                    <a:pt x="528638" y="429445"/>
                  </a:cubicBezTo>
                  <a:cubicBezTo>
                    <a:pt x="528638" y="434369"/>
                    <a:pt x="527028" y="432728"/>
                    <a:pt x="525417" y="436011"/>
                  </a:cubicBezTo>
                  <a:cubicBezTo>
                    <a:pt x="523807" y="437652"/>
                    <a:pt x="525417" y="437652"/>
                    <a:pt x="523807" y="437652"/>
                  </a:cubicBezTo>
                  <a:cubicBezTo>
                    <a:pt x="523807" y="439293"/>
                    <a:pt x="523807" y="440934"/>
                    <a:pt x="525417" y="442576"/>
                  </a:cubicBezTo>
                  <a:cubicBezTo>
                    <a:pt x="527028" y="444217"/>
                    <a:pt x="527028" y="444217"/>
                    <a:pt x="527028" y="447500"/>
                  </a:cubicBezTo>
                  <a:cubicBezTo>
                    <a:pt x="525417" y="449141"/>
                    <a:pt x="525417" y="450782"/>
                    <a:pt x="525417" y="452424"/>
                  </a:cubicBezTo>
                  <a:cubicBezTo>
                    <a:pt x="523807" y="455706"/>
                    <a:pt x="525417" y="454065"/>
                    <a:pt x="522197" y="455706"/>
                  </a:cubicBezTo>
                  <a:cubicBezTo>
                    <a:pt x="517366" y="457348"/>
                    <a:pt x="518977" y="455706"/>
                    <a:pt x="517366" y="457348"/>
                  </a:cubicBezTo>
                  <a:cubicBezTo>
                    <a:pt x="517366" y="458989"/>
                    <a:pt x="515756" y="458989"/>
                    <a:pt x="515756" y="460630"/>
                  </a:cubicBezTo>
                  <a:cubicBezTo>
                    <a:pt x="514146" y="462272"/>
                    <a:pt x="510926" y="462272"/>
                    <a:pt x="509316" y="462272"/>
                  </a:cubicBezTo>
                  <a:cubicBezTo>
                    <a:pt x="507705" y="462272"/>
                    <a:pt x="507705" y="462272"/>
                    <a:pt x="504485" y="462272"/>
                  </a:cubicBezTo>
                  <a:cubicBezTo>
                    <a:pt x="501265" y="463913"/>
                    <a:pt x="502875" y="467196"/>
                    <a:pt x="501265" y="463913"/>
                  </a:cubicBezTo>
                  <a:cubicBezTo>
                    <a:pt x="498044" y="462272"/>
                    <a:pt x="498044" y="460630"/>
                    <a:pt x="498044" y="458989"/>
                  </a:cubicBezTo>
                  <a:cubicBezTo>
                    <a:pt x="498044" y="457348"/>
                    <a:pt x="496434" y="455706"/>
                    <a:pt x="496434" y="455706"/>
                  </a:cubicBezTo>
                  <a:cubicBezTo>
                    <a:pt x="496434" y="455706"/>
                    <a:pt x="493214" y="455706"/>
                    <a:pt x="494824" y="458989"/>
                  </a:cubicBezTo>
                  <a:cubicBezTo>
                    <a:pt x="496434" y="462272"/>
                    <a:pt x="498044" y="463913"/>
                    <a:pt x="498044" y="463913"/>
                  </a:cubicBezTo>
                  <a:cubicBezTo>
                    <a:pt x="498044" y="465554"/>
                    <a:pt x="498044" y="467196"/>
                    <a:pt x="496434" y="468837"/>
                  </a:cubicBezTo>
                  <a:cubicBezTo>
                    <a:pt x="493214" y="472120"/>
                    <a:pt x="491603" y="473761"/>
                    <a:pt x="491603" y="473761"/>
                  </a:cubicBezTo>
                  <a:cubicBezTo>
                    <a:pt x="491603" y="473761"/>
                    <a:pt x="489993" y="470478"/>
                    <a:pt x="488383" y="472120"/>
                  </a:cubicBezTo>
                  <a:cubicBezTo>
                    <a:pt x="485163" y="473761"/>
                    <a:pt x="485163" y="473761"/>
                    <a:pt x="483553" y="472120"/>
                  </a:cubicBezTo>
                  <a:cubicBezTo>
                    <a:pt x="481942" y="472120"/>
                    <a:pt x="480332" y="472120"/>
                    <a:pt x="480332" y="470478"/>
                  </a:cubicBezTo>
                  <a:cubicBezTo>
                    <a:pt x="478722" y="468837"/>
                    <a:pt x="477112" y="468837"/>
                    <a:pt x="477112" y="465554"/>
                  </a:cubicBezTo>
                  <a:cubicBezTo>
                    <a:pt x="477112" y="463913"/>
                    <a:pt x="473891" y="462272"/>
                    <a:pt x="473891" y="462272"/>
                  </a:cubicBezTo>
                  <a:cubicBezTo>
                    <a:pt x="473891" y="462272"/>
                    <a:pt x="470671" y="458989"/>
                    <a:pt x="469061" y="457348"/>
                  </a:cubicBezTo>
                  <a:cubicBezTo>
                    <a:pt x="467451" y="457348"/>
                    <a:pt x="464230" y="454065"/>
                    <a:pt x="464230" y="452424"/>
                  </a:cubicBezTo>
                  <a:cubicBezTo>
                    <a:pt x="462620" y="452424"/>
                    <a:pt x="461010" y="454065"/>
                    <a:pt x="459400" y="452424"/>
                  </a:cubicBezTo>
                  <a:cubicBezTo>
                    <a:pt x="459400" y="450782"/>
                    <a:pt x="456179" y="447500"/>
                    <a:pt x="456179" y="447500"/>
                  </a:cubicBezTo>
                  <a:cubicBezTo>
                    <a:pt x="454569" y="445858"/>
                    <a:pt x="452959" y="444217"/>
                    <a:pt x="451349" y="444217"/>
                  </a:cubicBezTo>
                  <a:cubicBezTo>
                    <a:pt x="451349" y="442576"/>
                    <a:pt x="446518" y="442576"/>
                    <a:pt x="446518" y="442576"/>
                  </a:cubicBezTo>
                  <a:cubicBezTo>
                    <a:pt x="446518" y="442576"/>
                    <a:pt x="444908" y="444217"/>
                    <a:pt x="444908" y="442576"/>
                  </a:cubicBezTo>
                  <a:cubicBezTo>
                    <a:pt x="443298" y="440934"/>
                    <a:pt x="444908" y="439293"/>
                    <a:pt x="443298" y="439293"/>
                  </a:cubicBezTo>
                  <a:cubicBezTo>
                    <a:pt x="440078" y="439293"/>
                    <a:pt x="436857" y="439293"/>
                    <a:pt x="436857" y="439293"/>
                  </a:cubicBezTo>
                  <a:cubicBezTo>
                    <a:pt x="435247" y="440934"/>
                    <a:pt x="433637" y="439293"/>
                    <a:pt x="433637" y="439293"/>
                  </a:cubicBezTo>
                  <a:cubicBezTo>
                    <a:pt x="432027" y="439293"/>
                    <a:pt x="430416" y="439293"/>
                    <a:pt x="430416" y="437652"/>
                  </a:cubicBezTo>
                  <a:cubicBezTo>
                    <a:pt x="430416" y="436011"/>
                    <a:pt x="428806" y="436011"/>
                    <a:pt x="428806" y="434369"/>
                  </a:cubicBezTo>
                  <a:cubicBezTo>
                    <a:pt x="423976" y="432728"/>
                    <a:pt x="425586" y="432728"/>
                    <a:pt x="422365" y="431087"/>
                  </a:cubicBezTo>
                  <a:cubicBezTo>
                    <a:pt x="420755" y="429445"/>
                    <a:pt x="420755" y="427804"/>
                    <a:pt x="419145" y="426163"/>
                  </a:cubicBezTo>
                  <a:cubicBezTo>
                    <a:pt x="417535" y="426163"/>
                    <a:pt x="415925" y="424521"/>
                    <a:pt x="415925" y="422880"/>
                  </a:cubicBezTo>
                  <a:cubicBezTo>
                    <a:pt x="415925" y="422880"/>
                    <a:pt x="415925" y="419597"/>
                    <a:pt x="415925" y="419597"/>
                  </a:cubicBezTo>
                  <a:cubicBezTo>
                    <a:pt x="417535" y="417956"/>
                    <a:pt x="420755" y="416315"/>
                    <a:pt x="420755" y="416315"/>
                  </a:cubicBezTo>
                  <a:cubicBezTo>
                    <a:pt x="425586" y="413032"/>
                    <a:pt x="425586" y="413032"/>
                    <a:pt x="428806" y="413032"/>
                  </a:cubicBezTo>
                  <a:cubicBezTo>
                    <a:pt x="430416" y="413032"/>
                    <a:pt x="425586" y="409749"/>
                    <a:pt x="433637" y="416315"/>
                  </a:cubicBezTo>
                  <a:cubicBezTo>
                    <a:pt x="440078" y="422880"/>
                    <a:pt x="440078" y="424521"/>
                    <a:pt x="441688" y="424521"/>
                  </a:cubicBezTo>
                  <a:cubicBezTo>
                    <a:pt x="443298" y="426163"/>
                    <a:pt x="443298" y="426163"/>
                    <a:pt x="444908" y="426163"/>
                  </a:cubicBezTo>
                  <a:cubicBezTo>
                    <a:pt x="446518" y="426163"/>
                    <a:pt x="448128" y="426163"/>
                    <a:pt x="449739" y="426163"/>
                  </a:cubicBezTo>
                  <a:cubicBezTo>
                    <a:pt x="452959" y="422880"/>
                    <a:pt x="451349" y="422880"/>
                    <a:pt x="454569" y="422880"/>
                  </a:cubicBezTo>
                  <a:cubicBezTo>
                    <a:pt x="456179" y="422880"/>
                    <a:pt x="459400" y="424521"/>
                    <a:pt x="457790" y="421239"/>
                  </a:cubicBezTo>
                  <a:cubicBezTo>
                    <a:pt x="456179" y="417956"/>
                    <a:pt x="452959" y="414673"/>
                    <a:pt x="456179" y="416315"/>
                  </a:cubicBezTo>
                  <a:cubicBezTo>
                    <a:pt x="461010" y="416315"/>
                    <a:pt x="461010" y="414673"/>
                    <a:pt x="459400" y="414673"/>
                  </a:cubicBezTo>
                  <a:cubicBezTo>
                    <a:pt x="459400" y="413032"/>
                    <a:pt x="457790" y="411391"/>
                    <a:pt x="456179" y="411391"/>
                  </a:cubicBezTo>
                  <a:cubicBezTo>
                    <a:pt x="456179" y="411391"/>
                    <a:pt x="452959" y="409749"/>
                    <a:pt x="452959" y="409749"/>
                  </a:cubicBezTo>
                  <a:cubicBezTo>
                    <a:pt x="451349" y="411391"/>
                    <a:pt x="451349" y="411391"/>
                    <a:pt x="449739" y="409749"/>
                  </a:cubicBezTo>
                  <a:cubicBezTo>
                    <a:pt x="444908" y="408108"/>
                    <a:pt x="441688" y="408108"/>
                    <a:pt x="441688" y="408108"/>
                  </a:cubicBezTo>
                  <a:cubicBezTo>
                    <a:pt x="441688" y="408108"/>
                    <a:pt x="440078" y="408108"/>
                    <a:pt x="440078" y="404825"/>
                  </a:cubicBezTo>
                  <a:cubicBezTo>
                    <a:pt x="438467" y="403184"/>
                    <a:pt x="438467" y="401543"/>
                    <a:pt x="436857" y="401543"/>
                  </a:cubicBezTo>
                  <a:cubicBezTo>
                    <a:pt x="436857" y="401543"/>
                    <a:pt x="433637" y="401543"/>
                    <a:pt x="435247" y="399901"/>
                  </a:cubicBezTo>
                  <a:cubicBezTo>
                    <a:pt x="435247" y="398260"/>
                    <a:pt x="435247" y="396619"/>
                    <a:pt x="436857" y="396619"/>
                  </a:cubicBezTo>
                  <a:cubicBezTo>
                    <a:pt x="438467" y="394977"/>
                    <a:pt x="440078" y="393336"/>
                    <a:pt x="441688" y="393336"/>
                  </a:cubicBezTo>
                  <a:cubicBezTo>
                    <a:pt x="443298" y="394977"/>
                    <a:pt x="441688" y="394977"/>
                    <a:pt x="443298" y="394977"/>
                  </a:cubicBezTo>
                  <a:cubicBezTo>
                    <a:pt x="446518" y="393336"/>
                    <a:pt x="446518" y="391695"/>
                    <a:pt x="446518" y="391695"/>
                  </a:cubicBezTo>
                  <a:cubicBezTo>
                    <a:pt x="446518" y="391695"/>
                    <a:pt x="444908" y="388412"/>
                    <a:pt x="446518" y="388412"/>
                  </a:cubicBezTo>
                  <a:cubicBezTo>
                    <a:pt x="448128" y="388412"/>
                    <a:pt x="446518" y="386771"/>
                    <a:pt x="449739" y="386771"/>
                  </a:cubicBezTo>
                  <a:cubicBezTo>
                    <a:pt x="452959" y="386771"/>
                    <a:pt x="451349" y="386771"/>
                    <a:pt x="452959" y="388412"/>
                  </a:cubicBezTo>
                  <a:cubicBezTo>
                    <a:pt x="456179" y="390054"/>
                    <a:pt x="457790" y="390054"/>
                    <a:pt x="459400" y="388412"/>
                  </a:cubicBezTo>
                  <a:cubicBezTo>
                    <a:pt x="461010" y="388412"/>
                    <a:pt x="462620" y="386771"/>
                    <a:pt x="462620" y="386771"/>
                  </a:cubicBezTo>
                  <a:cubicBezTo>
                    <a:pt x="462620" y="386771"/>
                    <a:pt x="459400" y="383488"/>
                    <a:pt x="462620" y="383488"/>
                  </a:cubicBezTo>
                  <a:cubicBezTo>
                    <a:pt x="465841" y="383488"/>
                    <a:pt x="461010" y="383488"/>
                    <a:pt x="465841" y="383488"/>
                  </a:cubicBezTo>
                  <a:cubicBezTo>
                    <a:pt x="469061" y="385130"/>
                    <a:pt x="469061" y="385130"/>
                    <a:pt x="470671" y="386771"/>
                  </a:cubicBezTo>
                  <a:cubicBezTo>
                    <a:pt x="473891" y="390054"/>
                    <a:pt x="473891" y="388412"/>
                    <a:pt x="475502" y="390054"/>
                  </a:cubicBezTo>
                  <a:cubicBezTo>
                    <a:pt x="478722" y="393336"/>
                    <a:pt x="480332" y="391695"/>
                    <a:pt x="481942" y="391695"/>
                  </a:cubicBezTo>
                  <a:cubicBezTo>
                    <a:pt x="481942" y="391695"/>
                    <a:pt x="483553" y="391695"/>
                    <a:pt x="483553" y="390054"/>
                  </a:cubicBezTo>
                  <a:cubicBezTo>
                    <a:pt x="481942" y="388412"/>
                    <a:pt x="483553" y="386771"/>
                    <a:pt x="480332" y="386771"/>
                  </a:cubicBezTo>
                  <a:cubicBezTo>
                    <a:pt x="477112" y="386771"/>
                    <a:pt x="475502" y="386771"/>
                    <a:pt x="477112" y="383488"/>
                  </a:cubicBezTo>
                  <a:cubicBezTo>
                    <a:pt x="480332" y="381847"/>
                    <a:pt x="480332" y="380206"/>
                    <a:pt x="481942" y="381847"/>
                  </a:cubicBezTo>
                  <a:cubicBezTo>
                    <a:pt x="483553" y="381847"/>
                    <a:pt x="483553" y="383488"/>
                    <a:pt x="485163" y="381847"/>
                  </a:cubicBezTo>
                  <a:cubicBezTo>
                    <a:pt x="486773" y="381847"/>
                    <a:pt x="489993" y="381847"/>
                    <a:pt x="489993" y="381847"/>
                  </a:cubicBezTo>
                  <a:cubicBezTo>
                    <a:pt x="489993" y="381847"/>
                    <a:pt x="491603" y="380206"/>
                    <a:pt x="493214" y="380206"/>
                  </a:cubicBezTo>
                  <a:cubicBezTo>
                    <a:pt x="494824" y="378564"/>
                    <a:pt x="496434" y="378564"/>
                    <a:pt x="496434" y="378564"/>
                  </a:cubicBezTo>
                  <a:close/>
                  <a:moveTo>
                    <a:pt x="55336" y="361091"/>
                  </a:moveTo>
                  <a:cubicBezTo>
                    <a:pt x="56963" y="362721"/>
                    <a:pt x="58591" y="361091"/>
                    <a:pt x="61846" y="362721"/>
                  </a:cubicBezTo>
                  <a:cubicBezTo>
                    <a:pt x="66728" y="364350"/>
                    <a:pt x="69983" y="364350"/>
                    <a:pt x="69983" y="364350"/>
                  </a:cubicBezTo>
                  <a:cubicBezTo>
                    <a:pt x="69983" y="364350"/>
                    <a:pt x="69983" y="364350"/>
                    <a:pt x="79748" y="365980"/>
                  </a:cubicBezTo>
                  <a:cubicBezTo>
                    <a:pt x="79748" y="365980"/>
                    <a:pt x="83003" y="359461"/>
                    <a:pt x="86258" y="362721"/>
                  </a:cubicBezTo>
                  <a:cubicBezTo>
                    <a:pt x="91141" y="369240"/>
                    <a:pt x="97651" y="374129"/>
                    <a:pt x="100906" y="374129"/>
                  </a:cubicBezTo>
                  <a:cubicBezTo>
                    <a:pt x="102534" y="375759"/>
                    <a:pt x="100906" y="374129"/>
                    <a:pt x="105789" y="372500"/>
                  </a:cubicBezTo>
                  <a:cubicBezTo>
                    <a:pt x="110671" y="372500"/>
                    <a:pt x="113926" y="370870"/>
                    <a:pt x="117181" y="372500"/>
                  </a:cubicBezTo>
                  <a:cubicBezTo>
                    <a:pt x="123691" y="377389"/>
                    <a:pt x="122064" y="372500"/>
                    <a:pt x="123691" y="377389"/>
                  </a:cubicBezTo>
                  <a:cubicBezTo>
                    <a:pt x="123691" y="377389"/>
                    <a:pt x="123691" y="377389"/>
                    <a:pt x="130202" y="374129"/>
                  </a:cubicBezTo>
                  <a:cubicBezTo>
                    <a:pt x="130202" y="374129"/>
                    <a:pt x="136712" y="370870"/>
                    <a:pt x="138339" y="372500"/>
                  </a:cubicBezTo>
                  <a:cubicBezTo>
                    <a:pt x="141594" y="372500"/>
                    <a:pt x="144849" y="372500"/>
                    <a:pt x="144849" y="372500"/>
                  </a:cubicBezTo>
                  <a:cubicBezTo>
                    <a:pt x="144849" y="372500"/>
                    <a:pt x="152987" y="372500"/>
                    <a:pt x="154614" y="374129"/>
                  </a:cubicBezTo>
                  <a:cubicBezTo>
                    <a:pt x="156242" y="375759"/>
                    <a:pt x="164379" y="375759"/>
                    <a:pt x="164379" y="375759"/>
                  </a:cubicBezTo>
                  <a:cubicBezTo>
                    <a:pt x="167635" y="382279"/>
                    <a:pt x="169262" y="383909"/>
                    <a:pt x="170890" y="385538"/>
                  </a:cubicBezTo>
                  <a:cubicBezTo>
                    <a:pt x="182282" y="392058"/>
                    <a:pt x="193675" y="390428"/>
                    <a:pt x="192047" y="395317"/>
                  </a:cubicBezTo>
                  <a:cubicBezTo>
                    <a:pt x="190420" y="400207"/>
                    <a:pt x="190420" y="398577"/>
                    <a:pt x="187165" y="400207"/>
                  </a:cubicBezTo>
                  <a:cubicBezTo>
                    <a:pt x="185537" y="401837"/>
                    <a:pt x="183910" y="400207"/>
                    <a:pt x="179027" y="403467"/>
                  </a:cubicBezTo>
                  <a:cubicBezTo>
                    <a:pt x="174145" y="405096"/>
                    <a:pt x="174145" y="405096"/>
                    <a:pt x="169262" y="406726"/>
                  </a:cubicBezTo>
                  <a:cubicBezTo>
                    <a:pt x="166007" y="408356"/>
                    <a:pt x="161124" y="413246"/>
                    <a:pt x="159497" y="413246"/>
                  </a:cubicBezTo>
                  <a:cubicBezTo>
                    <a:pt x="157869" y="413246"/>
                    <a:pt x="152987" y="418135"/>
                    <a:pt x="149732" y="418135"/>
                  </a:cubicBezTo>
                  <a:cubicBezTo>
                    <a:pt x="148104" y="419765"/>
                    <a:pt x="146477" y="418135"/>
                    <a:pt x="143222" y="419765"/>
                  </a:cubicBezTo>
                  <a:cubicBezTo>
                    <a:pt x="138339" y="423025"/>
                    <a:pt x="133457" y="424655"/>
                    <a:pt x="130202" y="426284"/>
                  </a:cubicBezTo>
                  <a:cubicBezTo>
                    <a:pt x="128574" y="427914"/>
                    <a:pt x="123691" y="429544"/>
                    <a:pt x="123691" y="429544"/>
                  </a:cubicBezTo>
                  <a:cubicBezTo>
                    <a:pt x="118809" y="436063"/>
                    <a:pt x="118809" y="436063"/>
                    <a:pt x="115554" y="439323"/>
                  </a:cubicBezTo>
                  <a:cubicBezTo>
                    <a:pt x="112299" y="442583"/>
                    <a:pt x="105789" y="445842"/>
                    <a:pt x="105789" y="445842"/>
                  </a:cubicBezTo>
                  <a:cubicBezTo>
                    <a:pt x="105789" y="445842"/>
                    <a:pt x="102534" y="445842"/>
                    <a:pt x="102534" y="450732"/>
                  </a:cubicBezTo>
                  <a:cubicBezTo>
                    <a:pt x="100906" y="455621"/>
                    <a:pt x="102534" y="450732"/>
                    <a:pt x="100906" y="455621"/>
                  </a:cubicBezTo>
                  <a:cubicBezTo>
                    <a:pt x="99279" y="458881"/>
                    <a:pt x="100906" y="458881"/>
                    <a:pt x="99279" y="462141"/>
                  </a:cubicBezTo>
                  <a:cubicBezTo>
                    <a:pt x="97651" y="465401"/>
                    <a:pt x="96024" y="467030"/>
                    <a:pt x="94396" y="468660"/>
                  </a:cubicBezTo>
                  <a:cubicBezTo>
                    <a:pt x="87886" y="470290"/>
                    <a:pt x="87886" y="467030"/>
                    <a:pt x="86258" y="468660"/>
                  </a:cubicBezTo>
                  <a:cubicBezTo>
                    <a:pt x="83003" y="468660"/>
                    <a:pt x="78121" y="470290"/>
                    <a:pt x="78121" y="470290"/>
                  </a:cubicBezTo>
                  <a:cubicBezTo>
                    <a:pt x="71611" y="473550"/>
                    <a:pt x="69983" y="473550"/>
                    <a:pt x="66728" y="476809"/>
                  </a:cubicBezTo>
                  <a:cubicBezTo>
                    <a:pt x="65101" y="480069"/>
                    <a:pt x="61846" y="478439"/>
                    <a:pt x="61846" y="478439"/>
                  </a:cubicBezTo>
                  <a:cubicBezTo>
                    <a:pt x="61846" y="478439"/>
                    <a:pt x="61846" y="478439"/>
                    <a:pt x="56963" y="480069"/>
                  </a:cubicBezTo>
                  <a:cubicBezTo>
                    <a:pt x="56963" y="480069"/>
                    <a:pt x="50453" y="481699"/>
                    <a:pt x="48826" y="478439"/>
                  </a:cubicBezTo>
                  <a:cubicBezTo>
                    <a:pt x="45570" y="473550"/>
                    <a:pt x="42315" y="470290"/>
                    <a:pt x="42315" y="470290"/>
                  </a:cubicBezTo>
                  <a:cubicBezTo>
                    <a:pt x="42315" y="470290"/>
                    <a:pt x="42315" y="470290"/>
                    <a:pt x="34178" y="467030"/>
                  </a:cubicBezTo>
                  <a:cubicBezTo>
                    <a:pt x="34178" y="467030"/>
                    <a:pt x="34178" y="467030"/>
                    <a:pt x="30923" y="458881"/>
                  </a:cubicBezTo>
                  <a:cubicBezTo>
                    <a:pt x="30923" y="458881"/>
                    <a:pt x="26040" y="457251"/>
                    <a:pt x="24413" y="457251"/>
                  </a:cubicBezTo>
                  <a:cubicBezTo>
                    <a:pt x="17903" y="453992"/>
                    <a:pt x="19530" y="452362"/>
                    <a:pt x="14648" y="452362"/>
                  </a:cubicBezTo>
                  <a:cubicBezTo>
                    <a:pt x="8137" y="452362"/>
                    <a:pt x="3255" y="452362"/>
                    <a:pt x="3255" y="452362"/>
                  </a:cubicBezTo>
                  <a:cubicBezTo>
                    <a:pt x="3255" y="452362"/>
                    <a:pt x="3255" y="452362"/>
                    <a:pt x="0" y="450732"/>
                  </a:cubicBezTo>
                  <a:cubicBezTo>
                    <a:pt x="0" y="450732"/>
                    <a:pt x="0" y="450732"/>
                    <a:pt x="9765" y="436063"/>
                  </a:cubicBezTo>
                  <a:cubicBezTo>
                    <a:pt x="9765" y="436063"/>
                    <a:pt x="9765" y="436063"/>
                    <a:pt x="11393" y="429544"/>
                  </a:cubicBezTo>
                  <a:cubicBezTo>
                    <a:pt x="11393" y="429544"/>
                    <a:pt x="11393" y="429544"/>
                    <a:pt x="14648" y="423025"/>
                  </a:cubicBezTo>
                  <a:cubicBezTo>
                    <a:pt x="14648" y="423025"/>
                    <a:pt x="19530" y="416505"/>
                    <a:pt x="21158" y="418135"/>
                  </a:cubicBezTo>
                  <a:cubicBezTo>
                    <a:pt x="21158" y="418135"/>
                    <a:pt x="21158" y="418135"/>
                    <a:pt x="19530" y="411616"/>
                  </a:cubicBezTo>
                  <a:cubicBezTo>
                    <a:pt x="22785" y="406726"/>
                    <a:pt x="26040" y="403467"/>
                    <a:pt x="26040" y="403467"/>
                  </a:cubicBezTo>
                  <a:cubicBezTo>
                    <a:pt x="26040" y="403467"/>
                    <a:pt x="26040" y="403467"/>
                    <a:pt x="30923" y="395317"/>
                  </a:cubicBezTo>
                  <a:cubicBezTo>
                    <a:pt x="30923" y="395317"/>
                    <a:pt x="34178" y="392058"/>
                    <a:pt x="34178" y="390428"/>
                  </a:cubicBezTo>
                  <a:cubicBezTo>
                    <a:pt x="34178" y="387168"/>
                    <a:pt x="30923" y="382279"/>
                    <a:pt x="30923" y="382279"/>
                  </a:cubicBezTo>
                  <a:cubicBezTo>
                    <a:pt x="30923" y="382279"/>
                    <a:pt x="30923" y="382279"/>
                    <a:pt x="27668" y="375759"/>
                  </a:cubicBezTo>
                  <a:cubicBezTo>
                    <a:pt x="27668" y="375759"/>
                    <a:pt x="27668" y="375759"/>
                    <a:pt x="19530" y="369240"/>
                  </a:cubicBezTo>
                  <a:cubicBezTo>
                    <a:pt x="27668" y="369240"/>
                    <a:pt x="35805" y="364350"/>
                    <a:pt x="35805" y="364350"/>
                  </a:cubicBezTo>
                  <a:cubicBezTo>
                    <a:pt x="35805" y="364350"/>
                    <a:pt x="39060" y="365980"/>
                    <a:pt x="40688" y="367610"/>
                  </a:cubicBezTo>
                  <a:cubicBezTo>
                    <a:pt x="43943" y="367610"/>
                    <a:pt x="52081" y="359461"/>
                    <a:pt x="55336" y="361091"/>
                  </a:cubicBezTo>
                  <a:close/>
                  <a:moveTo>
                    <a:pt x="543918" y="357873"/>
                  </a:moveTo>
                  <a:cubicBezTo>
                    <a:pt x="549276" y="359460"/>
                    <a:pt x="547490" y="361048"/>
                    <a:pt x="547490" y="361048"/>
                  </a:cubicBezTo>
                  <a:cubicBezTo>
                    <a:pt x="547490" y="361048"/>
                    <a:pt x="547490" y="361048"/>
                    <a:pt x="547490" y="365810"/>
                  </a:cubicBezTo>
                  <a:cubicBezTo>
                    <a:pt x="549276" y="367398"/>
                    <a:pt x="547490" y="365810"/>
                    <a:pt x="543918" y="365810"/>
                  </a:cubicBezTo>
                  <a:cubicBezTo>
                    <a:pt x="540346" y="365810"/>
                    <a:pt x="542132" y="365810"/>
                    <a:pt x="540346" y="364223"/>
                  </a:cubicBezTo>
                  <a:cubicBezTo>
                    <a:pt x="540346" y="362635"/>
                    <a:pt x="538560" y="364223"/>
                    <a:pt x="536774" y="362635"/>
                  </a:cubicBezTo>
                  <a:cubicBezTo>
                    <a:pt x="534988" y="362635"/>
                    <a:pt x="536774" y="362635"/>
                    <a:pt x="536774" y="361048"/>
                  </a:cubicBezTo>
                  <a:cubicBezTo>
                    <a:pt x="538560" y="357873"/>
                    <a:pt x="538560" y="361048"/>
                    <a:pt x="540346" y="359460"/>
                  </a:cubicBezTo>
                  <a:cubicBezTo>
                    <a:pt x="542132" y="357873"/>
                    <a:pt x="543918" y="357873"/>
                    <a:pt x="543918" y="357873"/>
                  </a:cubicBezTo>
                  <a:close/>
                  <a:moveTo>
                    <a:pt x="386329" y="332473"/>
                  </a:moveTo>
                  <a:cubicBezTo>
                    <a:pt x="389731" y="332473"/>
                    <a:pt x="393133" y="332473"/>
                    <a:pt x="398236" y="335648"/>
                  </a:cubicBezTo>
                  <a:cubicBezTo>
                    <a:pt x="401638" y="335648"/>
                    <a:pt x="399937" y="337235"/>
                    <a:pt x="399937" y="340410"/>
                  </a:cubicBezTo>
                  <a:cubicBezTo>
                    <a:pt x="399937" y="341998"/>
                    <a:pt x="401638" y="341998"/>
                    <a:pt x="398236" y="346760"/>
                  </a:cubicBezTo>
                  <a:cubicBezTo>
                    <a:pt x="396535" y="348348"/>
                    <a:pt x="394834" y="348348"/>
                    <a:pt x="391432" y="348348"/>
                  </a:cubicBezTo>
                  <a:cubicBezTo>
                    <a:pt x="389731" y="348348"/>
                    <a:pt x="388030" y="346760"/>
                    <a:pt x="386329" y="346760"/>
                  </a:cubicBezTo>
                  <a:cubicBezTo>
                    <a:pt x="382928" y="346760"/>
                    <a:pt x="382928" y="348348"/>
                    <a:pt x="381227" y="346760"/>
                  </a:cubicBezTo>
                  <a:cubicBezTo>
                    <a:pt x="377825" y="345173"/>
                    <a:pt x="377825" y="343585"/>
                    <a:pt x="377825" y="341998"/>
                  </a:cubicBezTo>
                  <a:cubicBezTo>
                    <a:pt x="377825" y="338823"/>
                    <a:pt x="377825" y="338823"/>
                    <a:pt x="377825" y="337235"/>
                  </a:cubicBezTo>
                  <a:cubicBezTo>
                    <a:pt x="377825" y="335648"/>
                    <a:pt x="384628" y="332473"/>
                    <a:pt x="386329" y="332473"/>
                  </a:cubicBezTo>
                  <a:close/>
                  <a:moveTo>
                    <a:pt x="546717" y="324602"/>
                  </a:moveTo>
                  <a:cubicBezTo>
                    <a:pt x="548349" y="322948"/>
                    <a:pt x="553244" y="326255"/>
                    <a:pt x="554875" y="324602"/>
                  </a:cubicBezTo>
                  <a:cubicBezTo>
                    <a:pt x="558139" y="322948"/>
                    <a:pt x="558139" y="324602"/>
                    <a:pt x="559770" y="324602"/>
                  </a:cubicBezTo>
                  <a:cubicBezTo>
                    <a:pt x="561402" y="324602"/>
                    <a:pt x="564665" y="326255"/>
                    <a:pt x="564665" y="326255"/>
                  </a:cubicBezTo>
                  <a:cubicBezTo>
                    <a:pt x="566297" y="324602"/>
                    <a:pt x="567928" y="326255"/>
                    <a:pt x="567928" y="326255"/>
                  </a:cubicBezTo>
                  <a:cubicBezTo>
                    <a:pt x="567928" y="326255"/>
                    <a:pt x="571191" y="329563"/>
                    <a:pt x="572823" y="332870"/>
                  </a:cubicBezTo>
                  <a:cubicBezTo>
                    <a:pt x="574455" y="334524"/>
                    <a:pt x="576086" y="334524"/>
                    <a:pt x="576086" y="334524"/>
                  </a:cubicBezTo>
                  <a:cubicBezTo>
                    <a:pt x="577718" y="336177"/>
                    <a:pt x="577718" y="336177"/>
                    <a:pt x="579350" y="346099"/>
                  </a:cubicBezTo>
                  <a:lnTo>
                    <a:pt x="580981" y="349407"/>
                  </a:lnTo>
                  <a:lnTo>
                    <a:pt x="580981" y="354368"/>
                  </a:lnTo>
                  <a:cubicBezTo>
                    <a:pt x="580981" y="356021"/>
                    <a:pt x="580981" y="357675"/>
                    <a:pt x="577718" y="360982"/>
                  </a:cubicBezTo>
                  <a:cubicBezTo>
                    <a:pt x="577718" y="360982"/>
                    <a:pt x="576086" y="360982"/>
                    <a:pt x="574455" y="360982"/>
                  </a:cubicBezTo>
                  <a:cubicBezTo>
                    <a:pt x="572823" y="359329"/>
                    <a:pt x="569560" y="362636"/>
                    <a:pt x="567928" y="360982"/>
                  </a:cubicBezTo>
                  <a:cubicBezTo>
                    <a:pt x="566297" y="360982"/>
                    <a:pt x="566297" y="360982"/>
                    <a:pt x="564665" y="360982"/>
                  </a:cubicBezTo>
                  <a:cubicBezTo>
                    <a:pt x="563033" y="360982"/>
                    <a:pt x="561402" y="362636"/>
                    <a:pt x="558139" y="359329"/>
                  </a:cubicBezTo>
                  <a:cubicBezTo>
                    <a:pt x="556507" y="359329"/>
                    <a:pt x="553244" y="357675"/>
                    <a:pt x="545086" y="354368"/>
                  </a:cubicBezTo>
                  <a:cubicBezTo>
                    <a:pt x="541822" y="354368"/>
                    <a:pt x="543454" y="354368"/>
                    <a:pt x="540191" y="352714"/>
                  </a:cubicBezTo>
                  <a:cubicBezTo>
                    <a:pt x="536928" y="351060"/>
                    <a:pt x="540191" y="352714"/>
                    <a:pt x="533664" y="351060"/>
                  </a:cubicBezTo>
                  <a:cubicBezTo>
                    <a:pt x="528770" y="347753"/>
                    <a:pt x="533664" y="351060"/>
                    <a:pt x="530401" y="349407"/>
                  </a:cubicBezTo>
                  <a:cubicBezTo>
                    <a:pt x="528770" y="347753"/>
                    <a:pt x="528770" y="347753"/>
                    <a:pt x="527138" y="346099"/>
                  </a:cubicBezTo>
                  <a:cubicBezTo>
                    <a:pt x="523875" y="346099"/>
                    <a:pt x="527138" y="344446"/>
                    <a:pt x="527138" y="341138"/>
                  </a:cubicBezTo>
                  <a:cubicBezTo>
                    <a:pt x="527138" y="337831"/>
                    <a:pt x="528770" y="339485"/>
                    <a:pt x="530401" y="337831"/>
                  </a:cubicBezTo>
                  <a:cubicBezTo>
                    <a:pt x="532033" y="336177"/>
                    <a:pt x="530401" y="336177"/>
                    <a:pt x="533664" y="334524"/>
                  </a:cubicBezTo>
                  <a:cubicBezTo>
                    <a:pt x="535296" y="331216"/>
                    <a:pt x="536928" y="332870"/>
                    <a:pt x="538559" y="332870"/>
                  </a:cubicBezTo>
                  <a:cubicBezTo>
                    <a:pt x="540191" y="331216"/>
                    <a:pt x="541822" y="329563"/>
                    <a:pt x="541822" y="329563"/>
                  </a:cubicBezTo>
                  <a:cubicBezTo>
                    <a:pt x="543454" y="327909"/>
                    <a:pt x="545086" y="324602"/>
                    <a:pt x="546717" y="324602"/>
                  </a:cubicBezTo>
                  <a:close/>
                  <a:moveTo>
                    <a:pt x="533034" y="323147"/>
                  </a:moveTo>
                  <a:cubicBezTo>
                    <a:pt x="534744" y="323147"/>
                    <a:pt x="538163" y="326719"/>
                    <a:pt x="538163" y="326719"/>
                  </a:cubicBezTo>
                  <a:cubicBezTo>
                    <a:pt x="538163" y="326719"/>
                    <a:pt x="538163" y="326719"/>
                    <a:pt x="536453" y="330291"/>
                  </a:cubicBezTo>
                  <a:cubicBezTo>
                    <a:pt x="534744" y="330291"/>
                    <a:pt x="533034" y="330291"/>
                    <a:pt x="527905" y="332077"/>
                  </a:cubicBezTo>
                  <a:cubicBezTo>
                    <a:pt x="522776" y="335649"/>
                    <a:pt x="527905" y="332077"/>
                    <a:pt x="524486" y="333863"/>
                  </a:cubicBezTo>
                  <a:cubicBezTo>
                    <a:pt x="524486" y="333863"/>
                    <a:pt x="522776" y="333863"/>
                    <a:pt x="521067" y="333863"/>
                  </a:cubicBezTo>
                  <a:cubicBezTo>
                    <a:pt x="519357" y="332077"/>
                    <a:pt x="519357" y="332077"/>
                    <a:pt x="517647" y="330291"/>
                  </a:cubicBezTo>
                  <a:cubicBezTo>
                    <a:pt x="515938" y="330291"/>
                    <a:pt x="517647" y="328505"/>
                    <a:pt x="517647" y="328505"/>
                  </a:cubicBezTo>
                  <a:cubicBezTo>
                    <a:pt x="517647" y="324933"/>
                    <a:pt x="522776" y="326719"/>
                    <a:pt x="526195" y="324933"/>
                  </a:cubicBezTo>
                  <a:cubicBezTo>
                    <a:pt x="527905" y="323147"/>
                    <a:pt x="529615" y="321361"/>
                    <a:pt x="533034" y="323147"/>
                  </a:cubicBezTo>
                  <a:close/>
                  <a:moveTo>
                    <a:pt x="558800" y="311836"/>
                  </a:moveTo>
                  <a:cubicBezTo>
                    <a:pt x="561975" y="311836"/>
                    <a:pt x="561975" y="311836"/>
                    <a:pt x="561975" y="311836"/>
                  </a:cubicBezTo>
                  <a:cubicBezTo>
                    <a:pt x="561975" y="311836"/>
                    <a:pt x="563562" y="315011"/>
                    <a:pt x="565150" y="315011"/>
                  </a:cubicBezTo>
                  <a:cubicBezTo>
                    <a:pt x="566737" y="316598"/>
                    <a:pt x="568325" y="318186"/>
                    <a:pt x="566737" y="318186"/>
                  </a:cubicBezTo>
                  <a:cubicBezTo>
                    <a:pt x="563562" y="318186"/>
                    <a:pt x="565150" y="318186"/>
                    <a:pt x="563562" y="318186"/>
                  </a:cubicBezTo>
                  <a:cubicBezTo>
                    <a:pt x="560387" y="318186"/>
                    <a:pt x="558800" y="318186"/>
                    <a:pt x="558800" y="318186"/>
                  </a:cubicBezTo>
                  <a:cubicBezTo>
                    <a:pt x="557212" y="316598"/>
                    <a:pt x="555625" y="316598"/>
                    <a:pt x="555625" y="315011"/>
                  </a:cubicBezTo>
                  <a:cubicBezTo>
                    <a:pt x="555625" y="315011"/>
                    <a:pt x="557212" y="311836"/>
                    <a:pt x="558800" y="311836"/>
                  </a:cubicBezTo>
                  <a:close/>
                  <a:moveTo>
                    <a:pt x="143688" y="304412"/>
                  </a:moveTo>
                  <a:cubicBezTo>
                    <a:pt x="143273" y="303992"/>
                    <a:pt x="143273" y="303992"/>
                    <a:pt x="145762" y="305673"/>
                  </a:cubicBezTo>
                  <a:cubicBezTo>
                    <a:pt x="152401" y="307354"/>
                    <a:pt x="152401" y="309034"/>
                    <a:pt x="152401" y="310715"/>
                  </a:cubicBezTo>
                  <a:cubicBezTo>
                    <a:pt x="150741" y="312396"/>
                    <a:pt x="149082" y="314077"/>
                    <a:pt x="147422" y="317439"/>
                  </a:cubicBezTo>
                  <a:cubicBezTo>
                    <a:pt x="145762" y="320801"/>
                    <a:pt x="145762" y="322482"/>
                    <a:pt x="142443" y="324162"/>
                  </a:cubicBezTo>
                  <a:cubicBezTo>
                    <a:pt x="140783" y="325843"/>
                    <a:pt x="142443" y="324162"/>
                    <a:pt x="139123" y="325843"/>
                  </a:cubicBezTo>
                  <a:cubicBezTo>
                    <a:pt x="134144" y="329205"/>
                    <a:pt x="137464" y="327524"/>
                    <a:pt x="134144" y="329205"/>
                  </a:cubicBezTo>
                  <a:cubicBezTo>
                    <a:pt x="130825" y="330886"/>
                    <a:pt x="129165" y="330886"/>
                    <a:pt x="127506" y="329205"/>
                  </a:cubicBezTo>
                  <a:cubicBezTo>
                    <a:pt x="124186" y="329205"/>
                    <a:pt x="125846" y="330886"/>
                    <a:pt x="122527" y="327524"/>
                  </a:cubicBezTo>
                  <a:cubicBezTo>
                    <a:pt x="117548" y="325843"/>
                    <a:pt x="115888" y="325843"/>
                    <a:pt x="119207" y="324162"/>
                  </a:cubicBezTo>
                  <a:cubicBezTo>
                    <a:pt x="120867" y="320801"/>
                    <a:pt x="122527" y="320801"/>
                    <a:pt x="125846" y="317439"/>
                  </a:cubicBezTo>
                  <a:cubicBezTo>
                    <a:pt x="127506" y="315758"/>
                    <a:pt x="134144" y="312396"/>
                    <a:pt x="135804" y="310715"/>
                  </a:cubicBezTo>
                  <a:cubicBezTo>
                    <a:pt x="137464" y="310715"/>
                    <a:pt x="137464" y="309034"/>
                    <a:pt x="139123" y="307354"/>
                  </a:cubicBezTo>
                  <a:cubicBezTo>
                    <a:pt x="140783" y="307354"/>
                    <a:pt x="140783" y="305673"/>
                    <a:pt x="144102" y="305673"/>
                  </a:cubicBezTo>
                  <a:cubicBezTo>
                    <a:pt x="144932" y="305673"/>
                    <a:pt x="144102" y="304832"/>
                    <a:pt x="143688" y="304412"/>
                  </a:cubicBezTo>
                  <a:close/>
                  <a:moveTo>
                    <a:pt x="613554" y="284848"/>
                  </a:moveTo>
                  <a:cubicBezTo>
                    <a:pt x="615182" y="284848"/>
                    <a:pt x="615182" y="284848"/>
                    <a:pt x="618439" y="284848"/>
                  </a:cubicBezTo>
                  <a:cubicBezTo>
                    <a:pt x="620068" y="284848"/>
                    <a:pt x="620068" y="284848"/>
                    <a:pt x="621696" y="284848"/>
                  </a:cubicBezTo>
                  <a:cubicBezTo>
                    <a:pt x="623325" y="284848"/>
                    <a:pt x="623325" y="286467"/>
                    <a:pt x="626581" y="288085"/>
                  </a:cubicBezTo>
                  <a:cubicBezTo>
                    <a:pt x="628210" y="289704"/>
                    <a:pt x="631467" y="289704"/>
                    <a:pt x="633095" y="291322"/>
                  </a:cubicBezTo>
                  <a:cubicBezTo>
                    <a:pt x="634724" y="292941"/>
                    <a:pt x="634724" y="292941"/>
                    <a:pt x="634724" y="294560"/>
                  </a:cubicBezTo>
                  <a:cubicBezTo>
                    <a:pt x="634724" y="296178"/>
                    <a:pt x="636352" y="294560"/>
                    <a:pt x="637981" y="296178"/>
                  </a:cubicBezTo>
                  <a:cubicBezTo>
                    <a:pt x="639609" y="296178"/>
                    <a:pt x="639609" y="296178"/>
                    <a:pt x="644495" y="299416"/>
                  </a:cubicBezTo>
                  <a:cubicBezTo>
                    <a:pt x="644495" y="299416"/>
                    <a:pt x="647752" y="299416"/>
                    <a:pt x="649380" y="299416"/>
                  </a:cubicBezTo>
                  <a:cubicBezTo>
                    <a:pt x="651009" y="299416"/>
                    <a:pt x="655894" y="301034"/>
                    <a:pt x="655894" y="301034"/>
                  </a:cubicBezTo>
                  <a:cubicBezTo>
                    <a:pt x="655894" y="301034"/>
                    <a:pt x="655894" y="301034"/>
                    <a:pt x="654265" y="305890"/>
                  </a:cubicBezTo>
                  <a:cubicBezTo>
                    <a:pt x="654265" y="305890"/>
                    <a:pt x="652637" y="305890"/>
                    <a:pt x="651009" y="305890"/>
                  </a:cubicBezTo>
                  <a:cubicBezTo>
                    <a:pt x="649380" y="305890"/>
                    <a:pt x="651009" y="305890"/>
                    <a:pt x="647752" y="305890"/>
                  </a:cubicBezTo>
                  <a:cubicBezTo>
                    <a:pt x="644495" y="305890"/>
                    <a:pt x="644495" y="305890"/>
                    <a:pt x="641238" y="305890"/>
                  </a:cubicBezTo>
                  <a:cubicBezTo>
                    <a:pt x="637981" y="305890"/>
                    <a:pt x="637981" y="304271"/>
                    <a:pt x="637981" y="304271"/>
                  </a:cubicBezTo>
                  <a:cubicBezTo>
                    <a:pt x="636352" y="304271"/>
                    <a:pt x="636352" y="304271"/>
                    <a:pt x="633095" y="304271"/>
                  </a:cubicBezTo>
                  <a:cubicBezTo>
                    <a:pt x="631467" y="304271"/>
                    <a:pt x="631467" y="305890"/>
                    <a:pt x="629838" y="307509"/>
                  </a:cubicBezTo>
                  <a:cubicBezTo>
                    <a:pt x="629838" y="307509"/>
                    <a:pt x="631467" y="307509"/>
                    <a:pt x="634724" y="309127"/>
                  </a:cubicBezTo>
                  <a:cubicBezTo>
                    <a:pt x="637981" y="310746"/>
                    <a:pt x="634724" y="309127"/>
                    <a:pt x="634724" y="312365"/>
                  </a:cubicBezTo>
                  <a:cubicBezTo>
                    <a:pt x="634724" y="312365"/>
                    <a:pt x="636352" y="310746"/>
                    <a:pt x="639609" y="310746"/>
                  </a:cubicBezTo>
                  <a:cubicBezTo>
                    <a:pt x="642866" y="310746"/>
                    <a:pt x="641238" y="310746"/>
                    <a:pt x="642866" y="310746"/>
                  </a:cubicBezTo>
                  <a:cubicBezTo>
                    <a:pt x="644495" y="310746"/>
                    <a:pt x="644495" y="310746"/>
                    <a:pt x="646123" y="312365"/>
                  </a:cubicBezTo>
                  <a:cubicBezTo>
                    <a:pt x="647752" y="312365"/>
                    <a:pt x="646123" y="313983"/>
                    <a:pt x="646123" y="315602"/>
                  </a:cubicBezTo>
                  <a:cubicBezTo>
                    <a:pt x="646123" y="315602"/>
                    <a:pt x="649380" y="315602"/>
                    <a:pt x="649380" y="315602"/>
                  </a:cubicBezTo>
                  <a:cubicBezTo>
                    <a:pt x="651009" y="315602"/>
                    <a:pt x="652637" y="315602"/>
                    <a:pt x="654265" y="315602"/>
                  </a:cubicBezTo>
                  <a:cubicBezTo>
                    <a:pt x="654265" y="317220"/>
                    <a:pt x="655894" y="317220"/>
                    <a:pt x="657522" y="318839"/>
                  </a:cubicBezTo>
                  <a:cubicBezTo>
                    <a:pt x="657522" y="318839"/>
                    <a:pt x="657522" y="320458"/>
                    <a:pt x="657522" y="320458"/>
                  </a:cubicBezTo>
                  <a:cubicBezTo>
                    <a:pt x="657522" y="322076"/>
                    <a:pt x="657522" y="325314"/>
                    <a:pt x="659151" y="326932"/>
                  </a:cubicBezTo>
                  <a:cubicBezTo>
                    <a:pt x="659151" y="328551"/>
                    <a:pt x="662408" y="331788"/>
                    <a:pt x="662408" y="330170"/>
                  </a:cubicBezTo>
                  <a:cubicBezTo>
                    <a:pt x="662408" y="328551"/>
                    <a:pt x="662408" y="330170"/>
                    <a:pt x="662408" y="326932"/>
                  </a:cubicBezTo>
                  <a:cubicBezTo>
                    <a:pt x="662408" y="325314"/>
                    <a:pt x="664036" y="326932"/>
                    <a:pt x="664036" y="325314"/>
                  </a:cubicBezTo>
                  <a:cubicBezTo>
                    <a:pt x="664036" y="323695"/>
                    <a:pt x="665665" y="323695"/>
                    <a:pt x="668922" y="323695"/>
                  </a:cubicBezTo>
                  <a:cubicBezTo>
                    <a:pt x="670550" y="323695"/>
                    <a:pt x="670550" y="323695"/>
                    <a:pt x="672179" y="323695"/>
                  </a:cubicBezTo>
                  <a:cubicBezTo>
                    <a:pt x="672179" y="325314"/>
                    <a:pt x="672179" y="325314"/>
                    <a:pt x="675436" y="326932"/>
                  </a:cubicBezTo>
                  <a:cubicBezTo>
                    <a:pt x="677064" y="328551"/>
                    <a:pt x="677064" y="326932"/>
                    <a:pt x="680321" y="325314"/>
                  </a:cubicBezTo>
                  <a:cubicBezTo>
                    <a:pt x="681949" y="325314"/>
                    <a:pt x="680321" y="325314"/>
                    <a:pt x="683578" y="325314"/>
                  </a:cubicBezTo>
                  <a:cubicBezTo>
                    <a:pt x="685206" y="323695"/>
                    <a:pt x="686835" y="325314"/>
                    <a:pt x="686835" y="325314"/>
                  </a:cubicBezTo>
                  <a:cubicBezTo>
                    <a:pt x="688463" y="325314"/>
                    <a:pt x="691720" y="325314"/>
                    <a:pt x="691720" y="325314"/>
                  </a:cubicBezTo>
                  <a:cubicBezTo>
                    <a:pt x="691720" y="325314"/>
                    <a:pt x="691720" y="325314"/>
                    <a:pt x="694977" y="325314"/>
                  </a:cubicBezTo>
                  <a:cubicBezTo>
                    <a:pt x="694977" y="325314"/>
                    <a:pt x="696606" y="326932"/>
                    <a:pt x="699863" y="328551"/>
                  </a:cubicBezTo>
                  <a:cubicBezTo>
                    <a:pt x="699863" y="328551"/>
                    <a:pt x="699863" y="328551"/>
                    <a:pt x="704748" y="331788"/>
                  </a:cubicBezTo>
                  <a:cubicBezTo>
                    <a:pt x="704748" y="331788"/>
                    <a:pt x="706377" y="331788"/>
                    <a:pt x="712890" y="331788"/>
                  </a:cubicBezTo>
                  <a:cubicBezTo>
                    <a:pt x="714519" y="331788"/>
                    <a:pt x="712890" y="331788"/>
                    <a:pt x="711262" y="328551"/>
                  </a:cubicBezTo>
                  <a:cubicBezTo>
                    <a:pt x="711262" y="326932"/>
                    <a:pt x="712890" y="328551"/>
                    <a:pt x="714519" y="326932"/>
                  </a:cubicBezTo>
                  <a:cubicBezTo>
                    <a:pt x="716147" y="325314"/>
                    <a:pt x="716147" y="326932"/>
                    <a:pt x="717776" y="325314"/>
                  </a:cubicBezTo>
                  <a:cubicBezTo>
                    <a:pt x="719404" y="325314"/>
                    <a:pt x="722661" y="325314"/>
                    <a:pt x="724290" y="326932"/>
                  </a:cubicBezTo>
                  <a:cubicBezTo>
                    <a:pt x="725918" y="326932"/>
                    <a:pt x="727547" y="325314"/>
                    <a:pt x="729175" y="325314"/>
                  </a:cubicBezTo>
                  <a:cubicBezTo>
                    <a:pt x="730804" y="323695"/>
                    <a:pt x="734061" y="323695"/>
                    <a:pt x="735689" y="323695"/>
                  </a:cubicBezTo>
                  <a:cubicBezTo>
                    <a:pt x="738946" y="323695"/>
                    <a:pt x="738946" y="322076"/>
                    <a:pt x="743831" y="320458"/>
                  </a:cubicBezTo>
                  <a:cubicBezTo>
                    <a:pt x="745460" y="320458"/>
                    <a:pt x="745460" y="320458"/>
                    <a:pt x="748717" y="317220"/>
                  </a:cubicBezTo>
                  <a:cubicBezTo>
                    <a:pt x="750345" y="315602"/>
                    <a:pt x="750345" y="317220"/>
                    <a:pt x="751974" y="317220"/>
                  </a:cubicBezTo>
                  <a:cubicBezTo>
                    <a:pt x="755231" y="317220"/>
                    <a:pt x="751974" y="317220"/>
                    <a:pt x="755231" y="317220"/>
                  </a:cubicBezTo>
                  <a:cubicBezTo>
                    <a:pt x="755231" y="317220"/>
                    <a:pt x="758488" y="318839"/>
                    <a:pt x="760116" y="318839"/>
                  </a:cubicBezTo>
                  <a:cubicBezTo>
                    <a:pt x="761745" y="318839"/>
                    <a:pt x="761745" y="318839"/>
                    <a:pt x="763373" y="322076"/>
                  </a:cubicBezTo>
                  <a:cubicBezTo>
                    <a:pt x="765002" y="323695"/>
                    <a:pt x="765002" y="322076"/>
                    <a:pt x="765002" y="322076"/>
                  </a:cubicBezTo>
                  <a:cubicBezTo>
                    <a:pt x="765002" y="322076"/>
                    <a:pt x="765002" y="322076"/>
                    <a:pt x="768258" y="320458"/>
                  </a:cubicBezTo>
                  <a:cubicBezTo>
                    <a:pt x="768258" y="320458"/>
                    <a:pt x="769887" y="318839"/>
                    <a:pt x="771515" y="318839"/>
                  </a:cubicBezTo>
                  <a:cubicBezTo>
                    <a:pt x="774772" y="317220"/>
                    <a:pt x="773144" y="318839"/>
                    <a:pt x="776401" y="315602"/>
                  </a:cubicBezTo>
                  <a:cubicBezTo>
                    <a:pt x="779658" y="313983"/>
                    <a:pt x="779658" y="317220"/>
                    <a:pt x="781286" y="317220"/>
                  </a:cubicBezTo>
                  <a:cubicBezTo>
                    <a:pt x="781286" y="315602"/>
                    <a:pt x="786172" y="315602"/>
                    <a:pt x="787800" y="315602"/>
                  </a:cubicBezTo>
                  <a:cubicBezTo>
                    <a:pt x="789429" y="315602"/>
                    <a:pt x="789429" y="318839"/>
                    <a:pt x="789429" y="318839"/>
                  </a:cubicBezTo>
                  <a:cubicBezTo>
                    <a:pt x="789429" y="318839"/>
                    <a:pt x="792686" y="318839"/>
                    <a:pt x="794314" y="318839"/>
                  </a:cubicBezTo>
                  <a:cubicBezTo>
                    <a:pt x="794314" y="318839"/>
                    <a:pt x="797571" y="318839"/>
                    <a:pt x="802456" y="322076"/>
                  </a:cubicBezTo>
                  <a:cubicBezTo>
                    <a:pt x="802456" y="322076"/>
                    <a:pt x="804085" y="323695"/>
                    <a:pt x="805713" y="323695"/>
                  </a:cubicBezTo>
                  <a:cubicBezTo>
                    <a:pt x="805713" y="323695"/>
                    <a:pt x="812227" y="323695"/>
                    <a:pt x="812227" y="323695"/>
                  </a:cubicBezTo>
                  <a:cubicBezTo>
                    <a:pt x="812227" y="323695"/>
                    <a:pt x="813856" y="323695"/>
                    <a:pt x="817113" y="323695"/>
                  </a:cubicBezTo>
                  <a:cubicBezTo>
                    <a:pt x="818741" y="325314"/>
                    <a:pt x="818741" y="325314"/>
                    <a:pt x="820370" y="325314"/>
                  </a:cubicBezTo>
                  <a:cubicBezTo>
                    <a:pt x="821998" y="325314"/>
                    <a:pt x="821998" y="326932"/>
                    <a:pt x="821998" y="330170"/>
                  </a:cubicBezTo>
                  <a:cubicBezTo>
                    <a:pt x="821998" y="330170"/>
                    <a:pt x="825255" y="330170"/>
                    <a:pt x="828512" y="330170"/>
                  </a:cubicBezTo>
                  <a:cubicBezTo>
                    <a:pt x="830140" y="330170"/>
                    <a:pt x="830140" y="331788"/>
                    <a:pt x="831769" y="331788"/>
                  </a:cubicBezTo>
                  <a:cubicBezTo>
                    <a:pt x="833397" y="333407"/>
                    <a:pt x="831769" y="336644"/>
                    <a:pt x="831769" y="338263"/>
                  </a:cubicBezTo>
                  <a:cubicBezTo>
                    <a:pt x="831769" y="339881"/>
                    <a:pt x="830140" y="339881"/>
                    <a:pt x="828512" y="339881"/>
                  </a:cubicBezTo>
                  <a:cubicBezTo>
                    <a:pt x="826883" y="341500"/>
                    <a:pt x="826883" y="344737"/>
                    <a:pt x="826883" y="344737"/>
                  </a:cubicBezTo>
                  <a:cubicBezTo>
                    <a:pt x="828512" y="344737"/>
                    <a:pt x="828512" y="347974"/>
                    <a:pt x="828512" y="347974"/>
                  </a:cubicBezTo>
                  <a:cubicBezTo>
                    <a:pt x="828512" y="347974"/>
                    <a:pt x="833397" y="347974"/>
                    <a:pt x="833397" y="347974"/>
                  </a:cubicBezTo>
                  <a:cubicBezTo>
                    <a:pt x="835026" y="347974"/>
                    <a:pt x="831769" y="351212"/>
                    <a:pt x="831769" y="351212"/>
                  </a:cubicBezTo>
                  <a:cubicBezTo>
                    <a:pt x="830140" y="351212"/>
                    <a:pt x="828512" y="352830"/>
                    <a:pt x="825255" y="351212"/>
                  </a:cubicBezTo>
                  <a:cubicBezTo>
                    <a:pt x="823626" y="351212"/>
                    <a:pt x="823626" y="351212"/>
                    <a:pt x="820370" y="351212"/>
                  </a:cubicBezTo>
                  <a:cubicBezTo>
                    <a:pt x="817113" y="352830"/>
                    <a:pt x="820370" y="354449"/>
                    <a:pt x="820370" y="354449"/>
                  </a:cubicBezTo>
                  <a:cubicBezTo>
                    <a:pt x="820370" y="356068"/>
                    <a:pt x="818741" y="359305"/>
                    <a:pt x="818741" y="360923"/>
                  </a:cubicBezTo>
                  <a:cubicBezTo>
                    <a:pt x="817113" y="362542"/>
                    <a:pt x="818741" y="360923"/>
                    <a:pt x="815484" y="362542"/>
                  </a:cubicBezTo>
                  <a:cubicBezTo>
                    <a:pt x="813856" y="362542"/>
                    <a:pt x="810599" y="362542"/>
                    <a:pt x="808970" y="362542"/>
                  </a:cubicBezTo>
                  <a:cubicBezTo>
                    <a:pt x="805713" y="362542"/>
                    <a:pt x="800828" y="364161"/>
                    <a:pt x="800828" y="364161"/>
                  </a:cubicBezTo>
                  <a:cubicBezTo>
                    <a:pt x="800828" y="364161"/>
                    <a:pt x="800828" y="364161"/>
                    <a:pt x="794314" y="367398"/>
                  </a:cubicBezTo>
                  <a:cubicBezTo>
                    <a:pt x="794314" y="367398"/>
                    <a:pt x="789429" y="367398"/>
                    <a:pt x="784543" y="365779"/>
                  </a:cubicBezTo>
                  <a:cubicBezTo>
                    <a:pt x="784543" y="365779"/>
                    <a:pt x="782915" y="365779"/>
                    <a:pt x="778029" y="364161"/>
                  </a:cubicBezTo>
                  <a:cubicBezTo>
                    <a:pt x="778029" y="364161"/>
                    <a:pt x="774772" y="364161"/>
                    <a:pt x="774772" y="364161"/>
                  </a:cubicBezTo>
                  <a:cubicBezTo>
                    <a:pt x="773144" y="364161"/>
                    <a:pt x="773144" y="362542"/>
                    <a:pt x="766630" y="360923"/>
                  </a:cubicBezTo>
                  <a:cubicBezTo>
                    <a:pt x="766630" y="360923"/>
                    <a:pt x="766630" y="359305"/>
                    <a:pt x="766630" y="357686"/>
                  </a:cubicBezTo>
                  <a:cubicBezTo>
                    <a:pt x="766630" y="356068"/>
                    <a:pt x="766630" y="356068"/>
                    <a:pt x="761745" y="356068"/>
                  </a:cubicBezTo>
                  <a:cubicBezTo>
                    <a:pt x="760116" y="356068"/>
                    <a:pt x="761745" y="357686"/>
                    <a:pt x="761745" y="359305"/>
                  </a:cubicBezTo>
                  <a:cubicBezTo>
                    <a:pt x="763373" y="359305"/>
                    <a:pt x="761745" y="360923"/>
                    <a:pt x="761745" y="362542"/>
                  </a:cubicBezTo>
                  <a:cubicBezTo>
                    <a:pt x="760116" y="362542"/>
                    <a:pt x="756859" y="362542"/>
                    <a:pt x="753602" y="362542"/>
                  </a:cubicBezTo>
                  <a:cubicBezTo>
                    <a:pt x="753602" y="362542"/>
                    <a:pt x="750345" y="364161"/>
                    <a:pt x="748717" y="364161"/>
                  </a:cubicBezTo>
                  <a:cubicBezTo>
                    <a:pt x="748717" y="365779"/>
                    <a:pt x="743831" y="365779"/>
                    <a:pt x="742203" y="365779"/>
                  </a:cubicBezTo>
                  <a:cubicBezTo>
                    <a:pt x="740574" y="365779"/>
                    <a:pt x="740574" y="362542"/>
                    <a:pt x="737317" y="362542"/>
                  </a:cubicBezTo>
                  <a:cubicBezTo>
                    <a:pt x="737317" y="362542"/>
                    <a:pt x="737317" y="362542"/>
                    <a:pt x="734061" y="362542"/>
                  </a:cubicBezTo>
                  <a:cubicBezTo>
                    <a:pt x="734061" y="362542"/>
                    <a:pt x="734061" y="362542"/>
                    <a:pt x="730804" y="364161"/>
                  </a:cubicBezTo>
                  <a:cubicBezTo>
                    <a:pt x="730804" y="364161"/>
                    <a:pt x="729175" y="364161"/>
                    <a:pt x="727547" y="362542"/>
                  </a:cubicBezTo>
                  <a:cubicBezTo>
                    <a:pt x="725918" y="360923"/>
                    <a:pt x="727547" y="362542"/>
                    <a:pt x="724290" y="362542"/>
                  </a:cubicBezTo>
                  <a:cubicBezTo>
                    <a:pt x="722661" y="362542"/>
                    <a:pt x="724290" y="362542"/>
                    <a:pt x="722661" y="364161"/>
                  </a:cubicBezTo>
                  <a:cubicBezTo>
                    <a:pt x="719404" y="365779"/>
                    <a:pt x="719404" y="364161"/>
                    <a:pt x="719404" y="364161"/>
                  </a:cubicBezTo>
                  <a:cubicBezTo>
                    <a:pt x="717776" y="362542"/>
                    <a:pt x="717776" y="362542"/>
                    <a:pt x="716147" y="362542"/>
                  </a:cubicBezTo>
                  <a:cubicBezTo>
                    <a:pt x="716147" y="360923"/>
                    <a:pt x="711262" y="364161"/>
                    <a:pt x="711262" y="364161"/>
                  </a:cubicBezTo>
                  <a:cubicBezTo>
                    <a:pt x="711262" y="364161"/>
                    <a:pt x="711262" y="364161"/>
                    <a:pt x="708005" y="365779"/>
                  </a:cubicBezTo>
                  <a:cubicBezTo>
                    <a:pt x="708005" y="365779"/>
                    <a:pt x="708005" y="365779"/>
                    <a:pt x="703120" y="364161"/>
                  </a:cubicBezTo>
                  <a:cubicBezTo>
                    <a:pt x="703120" y="364161"/>
                    <a:pt x="699863" y="365779"/>
                    <a:pt x="696606" y="364161"/>
                  </a:cubicBezTo>
                  <a:cubicBezTo>
                    <a:pt x="696606" y="364161"/>
                    <a:pt x="694977" y="362542"/>
                    <a:pt x="694977" y="362542"/>
                  </a:cubicBezTo>
                  <a:cubicBezTo>
                    <a:pt x="693349" y="360923"/>
                    <a:pt x="693349" y="362542"/>
                    <a:pt x="691720" y="362542"/>
                  </a:cubicBezTo>
                  <a:cubicBezTo>
                    <a:pt x="690092" y="362542"/>
                    <a:pt x="688463" y="365779"/>
                    <a:pt x="686835" y="365779"/>
                  </a:cubicBezTo>
                  <a:cubicBezTo>
                    <a:pt x="685206" y="365779"/>
                    <a:pt x="680321" y="365779"/>
                    <a:pt x="680321" y="365779"/>
                  </a:cubicBezTo>
                  <a:cubicBezTo>
                    <a:pt x="678693" y="364161"/>
                    <a:pt x="677064" y="365779"/>
                    <a:pt x="677064" y="365779"/>
                  </a:cubicBezTo>
                  <a:cubicBezTo>
                    <a:pt x="675436" y="365779"/>
                    <a:pt x="670550" y="365779"/>
                    <a:pt x="670550" y="365779"/>
                  </a:cubicBezTo>
                  <a:cubicBezTo>
                    <a:pt x="670550" y="365779"/>
                    <a:pt x="670550" y="365779"/>
                    <a:pt x="668922" y="360923"/>
                  </a:cubicBezTo>
                  <a:cubicBezTo>
                    <a:pt x="668922" y="360923"/>
                    <a:pt x="670550" y="356068"/>
                    <a:pt x="668922" y="354449"/>
                  </a:cubicBezTo>
                  <a:cubicBezTo>
                    <a:pt x="668922" y="354449"/>
                    <a:pt x="665665" y="356068"/>
                    <a:pt x="665665" y="356068"/>
                  </a:cubicBezTo>
                  <a:cubicBezTo>
                    <a:pt x="664036" y="356068"/>
                    <a:pt x="662408" y="359305"/>
                    <a:pt x="662408" y="359305"/>
                  </a:cubicBezTo>
                  <a:cubicBezTo>
                    <a:pt x="662408" y="359305"/>
                    <a:pt x="662408" y="359305"/>
                    <a:pt x="655894" y="362542"/>
                  </a:cubicBezTo>
                  <a:cubicBezTo>
                    <a:pt x="655894" y="362542"/>
                    <a:pt x="654265" y="362542"/>
                    <a:pt x="654265" y="362542"/>
                  </a:cubicBezTo>
                  <a:cubicBezTo>
                    <a:pt x="652637" y="362542"/>
                    <a:pt x="651009" y="364161"/>
                    <a:pt x="649380" y="364161"/>
                  </a:cubicBezTo>
                  <a:cubicBezTo>
                    <a:pt x="649380" y="364161"/>
                    <a:pt x="647752" y="364161"/>
                    <a:pt x="646123" y="364161"/>
                  </a:cubicBezTo>
                  <a:cubicBezTo>
                    <a:pt x="644495" y="362542"/>
                    <a:pt x="642866" y="364161"/>
                    <a:pt x="642866" y="364161"/>
                  </a:cubicBezTo>
                  <a:cubicBezTo>
                    <a:pt x="642866" y="364161"/>
                    <a:pt x="642866" y="364161"/>
                    <a:pt x="639609" y="364161"/>
                  </a:cubicBezTo>
                  <a:cubicBezTo>
                    <a:pt x="639609" y="364161"/>
                    <a:pt x="639609" y="364161"/>
                    <a:pt x="634724" y="362542"/>
                  </a:cubicBezTo>
                  <a:cubicBezTo>
                    <a:pt x="634724" y="360923"/>
                    <a:pt x="633095" y="360923"/>
                    <a:pt x="631467" y="360923"/>
                  </a:cubicBezTo>
                  <a:cubicBezTo>
                    <a:pt x="629838" y="359305"/>
                    <a:pt x="628210" y="357686"/>
                    <a:pt x="628210" y="357686"/>
                  </a:cubicBezTo>
                  <a:cubicBezTo>
                    <a:pt x="628210" y="357686"/>
                    <a:pt x="628210" y="357686"/>
                    <a:pt x="628210" y="354449"/>
                  </a:cubicBezTo>
                  <a:cubicBezTo>
                    <a:pt x="628210" y="354449"/>
                    <a:pt x="628210" y="354449"/>
                    <a:pt x="624953" y="354449"/>
                  </a:cubicBezTo>
                  <a:cubicBezTo>
                    <a:pt x="624953" y="354449"/>
                    <a:pt x="624953" y="354449"/>
                    <a:pt x="624953" y="357686"/>
                  </a:cubicBezTo>
                  <a:cubicBezTo>
                    <a:pt x="624953" y="357686"/>
                    <a:pt x="624953" y="360923"/>
                    <a:pt x="621696" y="359305"/>
                  </a:cubicBezTo>
                  <a:cubicBezTo>
                    <a:pt x="620068" y="359305"/>
                    <a:pt x="618439" y="359305"/>
                    <a:pt x="618439" y="359305"/>
                  </a:cubicBezTo>
                  <a:cubicBezTo>
                    <a:pt x="618439" y="359305"/>
                    <a:pt x="615182" y="359305"/>
                    <a:pt x="615182" y="357686"/>
                  </a:cubicBezTo>
                  <a:cubicBezTo>
                    <a:pt x="613554" y="357686"/>
                    <a:pt x="611925" y="356068"/>
                    <a:pt x="611925" y="354449"/>
                  </a:cubicBezTo>
                  <a:cubicBezTo>
                    <a:pt x="610297" y="352830"/>
                    <a:pt x="608668" y="354449"/>
                    <a:pt x="608668" y="354449"/>
                  </a:cubicBezTo>
                  <a:cubicBezTo>
                    <a:pt x="607040" y="352830"/>
                    <a:pt x="605411" y="351212"/>
                    <a:pt x="605411" y="347974"/>
                  </a:cubicBezTo>
                  <a:cubicBezTo>
                    <a:pt x="603783" y="346356"/>
                    <a:pt x="605411" y="346356"/>
                    <a:pt x="605411" y="344737"/>
                  </a:cubicBezTo>
                  <a:cubicBezTo>
                    <a:pt x="603783" y="341500"/>
                    <a:pt x="602154" y="343119"/>
                    <a:pt x="602154" y="339881"/>
                  </a:cubicBezTo>
                  <a:cubicBezTo>
                    <a:pt x="602154" y="338263"/>
                    <a:pt x="602154" y="339881"/>
                    <a:pt x="600526" y="336644"/>
                  </a:cubicBezTo>
                  <a:cubicBezTo>
                    <a:pt x="597269" y="335025"/>
                    <a:pt x="600526" y="333407"/>
                    <a:pt x="600526" y="333407"/>
                  </a:cubicBezTo>
                  <a:cubicBezTo>
                    <a:pt x="600526" y="331788"/>
                    <a:pt x="600526" y="333407"/>
                    <a:pt x="602154" y="330170"/>
                  </a:cubicBezTo>
                  <a:cubicBezTo>
                    <a:pt x="603783" y="326932"/>
                    <a:pt x="603783" y="328551"/>
                    <a:pt x="607040" y="325314"/>
                  </a:cubicBezTo>
                  <a:cubicBezTo>
                    <a:pt x="608668" y="325314"/>
                    <a:pt x="607040" y="323695"/>
                    <a:pt x="605411" y="320458"/>
                  </a:cubicBezTo>
                  <a:cubicBezTo>
                    <a:pt x="605411" y="318839"/>
                    <a:pt x="605411" y="317220"/>
                    <a:pt x="605411" y="317220"/>
                  </a:cubicBezTo>
                  <a:cubicBezTo>
                    <a:pt x="605411" y="315602"/>
                    <a:pt x="602154" y="315602"/>
                    <a:pt x="602154" y="313983"/>
                  </a:cubicBezTo>
                  <a:cubicBezTo>
                    <a:pt x="600526" y="313983"/>
                    <a:pt x="598897" y="313983"/>
                    <a:pt x="598897" y="312365"/>
                  </a:cubicBezTo>
                  <a:cubicBezTo>
                    <a:pt x="597269" y="310746"/>
                    <a:pt x="597269" y="309127"/>
                    <a:pt x="595641" y="309127"/>
                  </a:cubicBezTo>
                  <a:cubicBezTo>
                    <a:pt x="594012" y="307509"/>
                    <a:pt x="594012" y="309127"/>
                    <a:pt x="592384" y="309127"/>
                  </a:cubicBezTo>
                  <a:cubicBezTo>
                    <a:pt x="590755" y="307509"/>
                    <a:pt x="592384" y="307509"/>
                    <a:pt x="589127" y="305890"/>
                  </a:cubicBezTo>
                  <a:cubicBezTo>
                    <a:pt x="587498" y="304271"/>
                    <a:pt x="589127" y="302653"/>
                    <a:pt x="587498" y="301034"/>
                  </a:cubicBezTo>
                  <a:cubicBezTo>
                    <a:pt x="585870" y="301034"/>
                    <a:pt x="585870" y="299416"/>
                    <a:pt x="584241" y="297797"/>
                  </a:cubicBezTo>
                  <a:cubicBezTo>
                    <a:pt x="582613" y="297797"/>
                    <a:pt x="584241" y="297797"/>
                    <a:pt x="584241" y="296178"/>
                  </a:cubicBezTo>
                  <a:cubicBezTo>
                    <a:pt x="584241" y="294560"/>
                    <a:pt x="584241" y="294560"/>
                    <a:pt x="587498" y="291322"/>
                  </a:cubicBezTo>
                  <a:cubicBezTo>
                    <a:pt x="587498" y="291322"/>
                    <a:pt x="589127" y="291322"/>
                    <a:pt x="590755" y="288085"/>
                  </a:cubicBezTo>
                  <a:cubicBezTo>
                    <a:pt x="590755" y="286467"/>
                    <a:pt x="594012" y="288085"/>
                    <a:pt x="595641" y="288085"/>
                  </a:cubicBezTo>
                  <a:cubicBezTo>
                    <a:pt x="595641" y="288085"/>
                    <a:pt x="598897" y="289704"/>
                    <a:pt x="600526" y="288085"/>
                  </a:cubicBezTo>
                  <a:cubicBezTo>
                    <a:pt x="602154" y="288085"/>
                    <a:pt x="602154" y="286467"/>
                    <a:pt x="603783" y="286467"/>
                  </a:cubicBezTo>
                  <a:cubicBezTo>
                    <a:pt x="605411" y="286467"/>
                    <a:pt x="610297" y="286467"/>
                    <a:pt x="613554" y="284848"/>
                  </a:cubicBezTo>
                  <a:close/>
                  <a:moveTo>
                    <a:pt x="471065" y="282116"/>
                  </a:moveTo>
                  <a:cubicBezTo>
                    <a:pt x="472488" y="281710"/>
                    <a:pt x="473707" y="281710"/>
                    <a:pt x="473707" y="283335"/>
                  </a:cubicBezTo>
                  <a:cubicBezTo>
                    <a:pt x="473707" y="286584"/>
                    <a:pt x="473707" y="288208"/>
                    <a:pt x="473707" y="289832"/>
                  </a:cubicBezTo>
                  <a:cubicBezTo>
                    <a:pt x="473707" y="291457"/>
                    <a:pt x="476958" y="289832"/>
                    <a:pt x="476958" y="291457"/>
                  </a:cubicBezTo>
                  <a:cubicBezTo>
                    <a:pt x="478584" y="291457"/>
                    <a:pt x="483461" y="289832"/>
                    <a:pt x="483461" y="289832"/>
                  </a:cubicBezTo>
                  <a:cubicBezTo>
                    <a:pt x="483461" y="289832"/>
                    <a:pt x="485087" y="288208"/>
                    <a:pt x="486713" y="288208"/>
                  </a:cubicBezTo>
                  <a:cubicBezTo>
                    <a:pt x="489964" y="286584"/>
                    <a:pt x="493216" y="284959"/>
                    <a:pt x="494842" y="286584"/>
                  </a:cubicBezTo>
                  <a:cubicBezTo>
                    <a:pt x="496467" y="289832"/>
                    <a:pt x="499719" y="289832"/>
                    <a:pt x="499719" y="289832"/>
                  </a:cubicBezTo>
                  <a:cubicBezTo>
                    <a:pt x="502970" y="293081"/>
                    <a:pt x="507848" y="289832"/>
                    <a:pt x="507848" y="293081"/>
                  </a:cubicBezTo>
                  <a:cubicBezTo>
                    <a:pt x="506222" y="294706"/>
                    <a:pt x="506222" y="294706"/>
                    <a:pt x="506222" y="296330"/>
                  </a:cubicBezTo>
                  <a:cubicBezTo>
                    <a:pt x="506222" y="297955"/>
                    <a:pt x="504596" y="297955"/>
                    <a:pt x="506222" y="299579"/>
                  </a:cubicBezTo>
                  <a:cubicBezTo>
                    <a:pt x="507848" y="302828"/>
                    <a:pt x="507848" y="299579"/>
                    <a:pt x="507848" y="302828"/>
                  </a:cubicBezTo>
                  <a:cubicBezTo>
                    <a:pt x="507848" y="306077"/>
                    <a:pt x="507848" y="307701"/>
                    <a:pt x="507848" y="310950"/>
                  </a:cubicBezTo>
                  <a:cubicBezTo>
                    <a:pt x="506222" y="314199"/>
                    <a:pt x="507848" y="312574"/>
                    <a:pt x="506222" y="314199"/>
                  </a:cubicBezTo>
                  <a:cubicBezTo>
                    <a:pt x="506222" y="315823"/>
                    <a:pt x="507848" y="315823"/>
                    <a:pt x="507848" y="317448"/>
                  </a:cubicBezTo>
                  <a:cubicBezTo>
                    <a:pt x="509473" y="320696"/>
                    <a:pt x="507848" y="317448"/>
                    <a:pt x="509473" y="320696"/>
                  </a:cubicBezTo>
                  <a:cubicBezTo>
                    <a:pt x="509473" y="320696"/>
                    <a:pt x="509473" y="320696"/>
                    <a:pt x="509473" y="322321"/>
                  </a:cubicBezTo>
                  <a:cubicBezTo>
                    <a:pt x="512725" y="325570"/>
                    <a:pt x="514351" y="323945"/>
                    <a:pt x="512725" y="325570"/>
                  </a:cubicBezTo>
                  <a:cubicBezTo>
                    <a:pt x="511099" y="327194"/>
                    <a:pt x="509473" y="325570"/>
                    <a:pt x="511099" y="328818"/>
                  </a:cubicBezTo>
                  <a:cubicBezTo>
                    <a:pt x="512725" y="332067"/>
                    <a:pt x="512725" y="332067"/>
                    <a:pt x="512725" y="333692"/>
                  </a:cubicBezTo>
                  <a:cubicBezTo>
                    <a:pt x="511099" y="335316"/>
                    <a:pt x="507848" y="335316"/>
                    <a:pt x="507848" y="333692"/>
                  </a:cubicBezTo>
                  <a:cubicBezTo>
                    <a:pt x="506222" y="332067"/>
                    <a:pt x="506222" y="330443"/>
                    <a:pt x="506222" y="330443"/>
                  </a:cubicBezTo>
                  <a:cubicBezTo>
                    <a:pt x="501345" y="332067"/>
                    <a:pt x="501345" y="325570"/>
                    <a:pt x="501345" y="332067"/>
                  </a:cubicBezTo>
                  <a:cubicBezTo>
                    <a:pt x="501345" y="336941"/>
                    <a:pt x="499719" y="336941"/>
                    <a:pt x="501345" y="336941"/>
                  </a:cubicBezTo>
                  <a:cubicBezTo>
                    <a:pt x="504596" y="338565"/>
                    <a:pt x="504596" y="335316"/>
                    <a:pt x="506222" y="336941"/>
                  </a:cubicBezTo>
                  <a:cubicBezTo>
                    <a:pt x="506222" y="340189"/>
                    <a:pt x="507848" y="335316"/>
                    <a:pt x="506222" y="340189"/>
                  </a:cubicBezTo>
                  <a:cubicBezTo>
                    <a:pt x="504596" y="345063"/>
                    <a:pt x="502970" y="345063"/>
                    <a:pt x="501345" y="345063"/>
                  </a:cubicBezTo>
                  <a:cubicBezTo>
                    <a:pt x="499719" y="346687"/>
                    <a:pt x="498093" y="346687"/>
                    <a:pt x="498093" y="348312"/>
                  </a:cubicBezTo>
                  <a:cubicBezTo>
                    <a:pt x="496467" y="349936"/>
                    <a:pt x="491590" y="349936"/>
                    <a:pt x="491590" y="349936"/>
                  </a:cubicBezTo>
                  <a:cubicBezTo>
                    <a:pt x="491590" y="349936"/>
                    <a:pt x="489964" y="348312"/>
                    <a:pt x="488339" y="348312"/>
                  </a:cubicBezTo>
                  <a:cubicBezTo>
                    <a:pt x="486713" y="348312"/>
                    <a:pt x="486713" y="348312"/>
                    <a:pt x="485087" y="348312"/>
                  </a:cubicBezTo>
                  <a:cubicBezTo>
                    <a:pt x="481836" y="348312"/>
                    <a:pt x="481836" y="346687"/>
                    <a:pt x="480210" y="348312"/>
                  </a:cubicBezTo>
                  <a:cubicBezTo>
                    <a:pt x="478584" y="348312"/>
                    <a:pt x="476958" y="346687"/>
                    <a:pt x="475333" y="348312"/>
                  </a:cubicBezTo>
                  <a:cubicBezTo>
                    <a:pt x="475333" y="348312"/>
                    <a:pt x="475333" y="348312"/>
                    <a:pt x="472081" y="349936"/>
                  </a:cubicBezTo>
                  <a:cubicBezTo>
                    <a:pt x="468830" y="349936"/>
                    <a:pt x="457449" y="348312"/>
                    <a:pt x="457449" y="348312"/>
                  </a:cubicBezTo>
                  <a:cubicBezTo>
                    <a:pt x="457449" y="348312"/>
                    <a:pt x="457449" y="348312"/>
                    <a:pt x="455823" y="341814"/>
                  </a:cubicBezTo>
                  <a:cubicBezTo>
                    <a:pt x="455823" y="341814"/>
                    <a:pt x="457449" y="338565"/>
                    <a:pt x="455823" y="336941"/>
                  </a:cubicBezTo>
                  <a:cubicBezTo>
                    <a:pt x="455823" y="336941"/>
                    <a:pt x="452572" y="332067"/>
                    <a:pt x="452572" y="332067"/>
                  </a:cubicBezTo>
                  <a:cubicBezTo>
                    <a:pt x="452572" y="332067"/>
                    <a:pt x="452572" y="332067"/>
                    <a:pt x="455823" y="328818"/>
                  </a:cubicBezTo>
                  <a:cubicBezTo>
                    <a:pt x="455823" y="328818"/>
                    <a:pt x="459075" y="325570"/>
                    <a:pt x="460701" y="327194"/>
                  </a:cubicBezTo>
                  <a:cubicBezTo>
                    <a:pt x="460701" y="327194"/>
                    <a:pt x="465578" y="322321"/>
                    <a:pt x="462326" y="323945"/>
                  </a:cubicBezTo>
                  <a:cubicBezTo>
                    <a:pt x="459075" y="325570"/>
                    <a:pt x="455823" y="323945"/>
                    <a:pt x="455823" y="323945"/>
                  </a:cubicBezTo>
                  <a:cubicBezTo>
                    <a:pt x="454198" y="325570"/>
                    <a:pt x="450946" y="325570"/>
                    <a:pt x="450946" y="325570"/>
                  </a:cubicBezTo>
                  <a:cubicBezTo>
                    <a:pt x="450946" y="327194"/>
                    <a:pt x="449320" y="327194"/>
                    <a:pt x="447695" y="328818"/>
                  </a:cubicBezTo>
                  <a:cubicBezTo>
                    <a:pt x="446069" y="330443"/>
                    <a:pt x="446069" y="327194"/>
                    <a:pt x="442817" y="328818"/>
                  </a:cubicBezTo>
                  <a:cubicBezTo>
                    <a:pt x="439566" y="328818"/>
                    <a:pt x="436314" y="328818"/>
                    <a:pt x="436314" y="328818"/>
                  </a:cubicBezTo>
                  <a:cubicBezTo>
                    <a:pt x="431437" y="325570"/>
                    <a:pt x="434689" y="325570"/>
                    <a:pt x="429811" y="325570"/>
                  </a:cubicBezTo>
                  <a:cubicBezTo>
                    <a:pt x="426560" y="327194"/>
                    <a:pt x="426560" y="327194"/>
                    <a:pt x="424934" y="328818"/>
                  </a:cubicBezTo>
                  <a:cubicBezTo>
                    <a:pt x="423308" y="330443"/>
                    <a:pt x="426560" y="330443"/>
                    <a:pt x="421682" y="330443"/>
                  </a:cubicBezTo>
                  <a:cubicBezTo>
                    <a:pt x="415179" y="328818"/>
                    <a:pt x="411928" y="330443"/>
                    <a:pt x="413554" y="327194"/>
                  </a:cubicBezTo>
                  <a:cubicBezTo>
                    <a:pt x="413554" y="323945"/>
                    <a:pt x="413554" y="325570"/>
                    <a:pt x="413554" y="323945"/>
                  </a:cubicBezTo>
                  <a:cubicBezTo>
                    <a:pt x="415179" y="322321"/>
                    <a:pt x="415179" y="320696"/>
                    <a:pt x="415179" y="320696"/>
                  </a:cubicBezTo>
                  <a:cubicBezTo>
                    <a:pt x="415179" y="320696"/>
                    <a:pt x="415179" y="320696"/>
                    <a:pt x="411928" y="319072"/>
                  </a:cubicBezTo>
                  <a:cubicBezTo>
                    <a:pt x="411928" y="319072"/>
                    <a:pt x="408676" y="319072"/>
                    <a:pt x="408676" y="319072"/>
                  </a:cubicBezTo>
                  <a:cubicBezTo>
                    <a:pt x="408676" y="319072"/>
                    <a:pt x="408676" y="319072"/>
                    <a:pt x="403799" y="319072"/>
                  </a:cubicBezTo>
                  <a:cubicBezTo>
                    <a:pt x="403799" y="319072"/>
                    <a:pt x="400548" y="317448"/>
                    <a:pt x="400548" y="315823"/>
                  </a:cubicBezTo>
                  <a:cubicBezTo>
                    <a:pt x="400548" y="314199"/>
                    <a:pt x="397296" y="317448"/>
                    <a:pt x="397296" y="317448"/>
                  </a:cubicBezTo>
                  <a:cubicBezTo>
                    <a:pt x="397296" y="317448"/>
                    <a:pt x="395670" y="314199"/>
                    <a:pt x="395670" y="312574"/>
                  </a:cubicBezTo>
                  <a:cubicBezTo>
                    <a:pt x="395670" y="312574"/>
                    <a:pt x="397296" y="309325"/>
                    <a:pt x="395670" y="309325"/>
                  </a:cubicBezTo>
                  <a:cubicBezTo>
                    <a:pt x="394045" y="310950"/>
                    <a:pt x="387542" y="310950"/>
                    <a:pt x="387542" y="310950"/>
                  </a:cubicBezTo>
                  <a:cubicBezTo>
                    <a:pt x="385916" y="310950"/>
                    <a:pt x="381039" y="314199"/>
                    <a:pt x="384290" y="307701"/>
                  </a:cubicBezTo>
                  <a:cubicBezTo>
                    <a:pt x="385916" y="301203"/>
                    <a:pt x="387542" y="301203"/>
                    <a:pt x="385916" y="299579"/>
                  </a:cubicBezTo>
                  <a:cubicBezTo>
                    <a:pt x="384290" y="297955"/>
                    <a:pt x="381039" y="297955"/>
                    <a:pt x="381039" y="294706"/>
                  </a:cubicBezTo>
                  <a:cubicBezTo>
                    <a:pt x="381039" y="291457"/>
                    <a:pt x="379413" y="289832"/>
                    <a:pt x="381039" y="288208"/>
                  </a:cubicBezTo>
                  <a:cubicBezTo>
                    <a:pt x="381039" y="286584"/>
                    <a:pt x="395670" y="286584"/>
                    <a:pt x="397296" y="288208"/>
                  </a:cubicBezTo>
                  <a:cubicBezTo>
                    <a:pt x="400548" y="291457"/>
                    <a:pt x="402173" y="291457"/>
                    <a:pt x="403799" y="293081"/>
                  </a:cubicBezTo>
                  <a:cubicBezTo>
                    <a:pt x="403799" y="293081"/>
                    <a:pt x="407051" y="291457"/>
                    <a:pt x="407051" y="294706"/>
                  </a:cubicBezTo>
                  <a:cubicBezTo>
                    <a:pt x="407051" y="296330"/>
                    <a:pt x="407051" y="296330"/>
                    <a:pt x="408676" y="297955"/>
                  </a:cubicBezTo>
                  <a:cubicBezTo>
                    <a:pt x="410302" y="297955"/>
                    <a:pt x="413554" y="297955"/>
                    <a:pt x="415179" y="299579"/>
                  </a:cubicBezTo>
                  <a:cubicBezTo>
                    <a:pt x="416805" y="302828"/>
                    <a:pt x="415179" y="302828"/>
                    <a:pt x="416805" y="304452"/>
                  </a:cubicBezTo>
                  <a:cubicBezTo>
                    <a:pt x="420057" y="307701"/>
                    <a:pt x="418431" y="304452"/>
                    <a:pt x="420057" y="307701"/>
                  </a:cubicBezTo>
                  <a:cubicBezTo>
                    <a:pt x="420057" y="309325"/>
                    <a:pt x="420057" y="306077"/>
                    <a:pt x="420057" y="309325"/>
                  </a:cubicBezTo>
                  <a:cubicBezTo>
                    <a:pt x="421682" y="312574"/>
                    <a:pt x="423308" y="309325"/>
                    <a:pt x="423308" y="310950"/>
                  </a:cubicBezTo>
                  <a:cubicBezTo>
                    <a:pt x="424934" y="312574"/>
                    <a:pt x="429811" y="310950"/>
                    <a:pt x="429811" y="310950"/>
                  </a:cubicBezTo>
                  <a:cubicBezTo>
                    <a:pt x="429811" y="310950"/>
                    <a:pt x="428186" y="314199"/>
                    <a:pt x="429811" y="314199"/>
                  </a:cubicBezTo>
                  <a:cubicBezTo>
                    <a:pt x="433063" y="317448"/>
                    <a:pt x="433063" y="315823"/>
                    <a:pt x="434689" y="317448"/>
                  </a:cubicBezTo>
                  <a:cubicBezTo>
                    <a:pt x="434689" y="319072"/>
                    <a:pt x="434689" y="317448"/>
                    <a:pt x="436314" y="319072"/>
                  </a:cubicBezTo>
                  <a:cubicBezTo>
                    <a:pt x="437940" y="320696"/>
                    <a:pt x="439566" y="319072"/>
                    <a:pt x="439566" y="319072"/>
                  </a:cubicBezTo>
                  <a:cubicBezTo>
                    <a:pt x="439566" y="319072"/>
                    <a:pt x="444443" y="320696"/>
                    <a:pt x="444443" y="319072"/>
                  </a:cubicBezTo>
                  <a:cubicBezTo>
                    <a:pt x="444443" y="319072"/>
                    <a:pt x="437940" y="315823"/>
                    <a:pt x="437940" y="315823"/>
                  </a:cubicBezTo>
                  <a:cubicBezTo>
                    <a:pt x="437940" y="314199"/>
                    <a:pt x="436314" y="310950"/>
                    <a:pt x="436314" y="310950"/>
                  </a:cubicBezTo>
                  <a:cubicBezTo>
                    <a:pt x="436314" y="310950"/>
                    <a:pt x="434689" y="310950"/>
                    <a:pt x="433063" y="310950"/>
                  </a:cubicBezTo>
                  <a:cubicBezTo>
                    <a:pt x="431437" y="310950"/>
                    <a:pt x="431437" y="309325"/>
                    <a:pt x="429811" y="307701"/>
                  </a:cubicBezTo>
                  <a:cubicBezTo>
                    <a:pt x="426560" y="306077"/>
                    <a:pt x="423308" y="304452"/>
                    <a:pt x="423308" y="302828"/>
                  </a:cubicBezTo>
                  <a:cubicBezTo>
                    <a:pt x="426560" y="299579"/>
                    <a:pt x="424934" y="297955"/>
                    <a:pt x="426560" y="296330"/>
                  </a:cubicBezTo>
                  <a:cubicBezTo>
                    <a:pt x="428186" y="294706"/>
                    <a:pt x="429811" y="293081"/>
                    <a:pt x="431437" y="294706"/>
                  </a:cubicBezTo>
                  <a:cubicBezTo>
                    <a:pt x="433063" y="294706"/>
                    <a:pt x="434689" y="296330"/>
                    <a:pt x="436314" y="296330"/>
                  </a:cubicBezTo>
                  <a:cubicBezTo>
                    <a:pt x="437940" y="297955"/>
                    <a:pt x="439566" y="293081"/>
                    <a:pt x="442817" y="297955"/>
                  </a:cubicBezTo>
                  <a:cubicBezTo>
                    <a:pt x="444443" y="301203"/>
                    <a:pt x="447695" y="301203"/>
                    <a:pt x="447695" y="302828"/>
                  </a:cubicBezTo>
                  <a:cubicBezTo>
                    <a:pt x="447695" y="304452"/>
                    <a:pt x="452572" y="304452"/>
                    <a:pt x="452572" y="306077"/>
                  </a:cubicBezTo>
                  <a:cubicBezTo>
                    <a:pt x="452572" y="307701"/>
                    <a:pt x="457449" y="307701"/>
                    <a:pt x="457449" y="307701"/>
                  </a:cubicBezTo>
                  <a:cubicBezTo>
                    <a:pt x="457449" y="309325"/>
                    <a:pt x="459075" y="309325"/>
                    <a:pt x="460701" y="310950"/>
                  </a:cubicBezTo>
                  <a:cubicBezTo>
                    <a:pt x="465578" y="312574"/>
                    <a:pt x="467204" y="312574"/>
                    <a:pt x="467204" y="312574"/>
                  </a:cubicBezTo>
                  <a:cubicBezTo>
                    <a:pt x="467204" y="312574"/>
                    <a:pt x="467204" y="312574"/>
                    <a:pt x="467204" y="310950"/>
                  </a:cubicBezTo>
                  <a:cubicBezTo>
                    <a:pt x="467204" y="310950"/>
                    <a:pt x="463952" y="310950"/>
                    <a:pt x="463952" y="307701"/>
                  </a:cubicBezTo>
                  <a:cubicBezTo>
                    <a:pt x="463952" y="304452"/>
                    <a:pt x="460701" y="304452"/>
                    <a:pt x="460701" y="302828"/>
                  </a:cubicBezTo>
                  <a:cubicBezTo>
                    <a:pt x="460701" y="301203"/>
                    <a:pt x="459075" y="299579"/>
                    <a:pt x="457449" y="299579"/>
                  </a:cubicBezTo>
                  <a:cubicBezTo>
                    <a:pt x="455823" y="299579"/>
                    <a:pt x="454198" y="299579"/>
                    <a:pt x="452572" y="297955"/>
                  </a:cubicBezTo>
                  <a:cubicBezTo>
                    <a:pt x="450946" y="297955"/>
                    <a:pt x="447695" y="299579"/>
                    <a:pt x="447695" y="297955"/>
                  </a:cubicBezTo>
                  <a:cubicBezTo>
                    <a:pt x="449320" y="294706"/>
                    <a:pt x="447695" y="294706"/>
                    <a:pt x="447695" y="293081"/>
                  </a:cubicBezTo>
                  <a:cubicBezTo>
                    <a:pt x="446069" y="291457"/>
                    <a:pt x="444443" y="291457"/>
                    <a:pt x="442817" y="291457"/>
                  </a:cubicBezTo>
                  <a:cubicBezTo>
                    <a:pt x="442817" y="291457"/>
                    <a:pt x="439566" y="291457"/>
                    <a:pt x="437940" y="291457"/>
                  </a:cubicBezTo>
                  <a:cubicBezTo>
                    <a:pt x="436314" y="291457"/>
                    <a:pt x="439566" y="284959"/>
                    <a:pt x="441192" y="284959"/>
                  </a:cubicBezTo>
                  <a:cubicBezTo>
                    <a:pt x="442817" y="286584"/>
                    <a:pt x="447695" y="283335"/>
                    <a:pt x="449320" y="283335"/>
                  </a:cubicBezTo>
                  <a:cubicBezTo>
                    <a:pt x="450946" y="284959"/>
                    <a:pt x="447695" y="288208"/>
                    <a:pt x="449320" y="288208"/>
                  </a:cubicBezTo>
                  <a:cubicBezTo>
                    <a:pt x="452572" y="288208"/>
                    <a:pt x="457449" y="283335"/>
                    <a:pt x="457449" y="283335"/>
                  </a:cubicBezTo>
                  <a:cubicBezTo>
                    <a:pt x="460701" y="283335"/>
                    <a:pt x="460701" y="284959"/>
                    <a:pt x="460701" y="286584"/>
                  </a:cubicBezTo>
                  <a:cubicBezTo>
                    <a:pt x="462326" y="288208"/>
                    <a:pt x="465578" y="286584"/>
                    <a:pt x="465578" y="286584"/>
                  </a:cubicBezTo>
                  <a:cubicBezTo>
                    <a:pt x="465578" y="286584"/>
                    <a:pt x="465578" y="281710"/>
                    <a:pt x="467204" y="283335"/>
                  </a:cubicBezTo>
                  <a:cubicBezTo>
                    <a:pt x="468017" y="283335"/>
                    <a:pt x="469643" y="282523"/>
                    <a:pt x="471065" y="282116"/>
                  </a:cubicBezTo>
                  <a:close/>
                  <a:moveTo>
                    <a:pt x="301777" y="280114"/>
                  </a:moveTo>
                  <a:cubicBezTo>
                    <a:pt x="305022" y="280114"/>
                    <a:pt x="305022" y="280114"/>
                    <a:pt x="308267" y="280114"/>
                  </a:cubicBezTo>
                  <a:cubicBezTo>
                    <a:pt x="311512" y="280114"/>
                    <a:pt x="311512" y="278498"/>
                    <a:pt x="311512" y="281730"/>
                  </a:cubicBezTo>
                  <a:cubicBezTo>
                    <a:pt x="313135" y="286577"/>
                    <a:pt x="313135" y="286577"/>
                    <a:pt x="313135" y="289809"/>
                  </a:cubicBezTo>
                  <a:cubicBezTo>
                    <a:pt x="313135" y="296272"/>
                    <a:pt x="314758" y="294657"/>
                    <a:pt x="314758" y="297888"/>
                  </a:cubicBezTo>
                  <a:cubicBezTo>
                    <a:pt x="318003" y="302736"/>
                    <a:pt x="318003" y="301120"/>
                    <a:pt x="318003" y="304352"/>
                  </a:cubicBezTo>
                  <a:cubicBezTo>
                    <a:pt x="316380" y="305968"/>
                    <a:pt x="314758" y="304352"/>
                    <a:pt x="316380" y="305968"/>
                  </a:cubicBezTo>
                  <a:cubicBezTo>
                    <a:pt x="318003" y="309199"/>
                    <a:pt x="324493" y="307583"/>
                    <a:pt x="326115" y="309199"/>
                  </a:cubicBezTo>
                  <a:cubicBezTo>
                    <a:pt x="327738" y="310815"/>
                    <a:pt x="330983" y="309199"/>
                    <a:pt x="327738" y="312431"/>
                  </a:cubicBezTo>
                  <a:cubicBezTo>
                    <a:pt x="324493" y="315663"/>
                    <a:pt x="321248" y="315663"/>
                    <a:pt x="322870" y="315663"/>
                  </a:cubicBezTo>
                  <a:cubicBezTo>
                    <a:pt x="326115" y="315663"/>
                    <a:pt x="330983" y="314047"/>
                    <a:pt x="330983" y="314047"/>
                  </a:cubicBezTo>
                  <a:cubicBezTo>
                    <a:pt x="332605" y="314047"/>
                    <a:pt x="335850" y="312431"/>
                    <a:pt x="337473" y="314047"/>
                  </a:cubicBezTo>
                  <a:cubicBezTo>
                    <a:pt x="337473" y="314047"/>
                    <a:pt x="340718" y="315663"/>
                    <a:pt x="342340" y="317279"/>
                  </a:cubicBezTo>
                  <a:cubicBezTo>
                    <a:pt x="342340" y="318894"/>
                    <a:pt x="343963" y="314047"/>
                    <a:pt x="343963" y="312431"/>
                  </a:cubicBezTo>
                  <a:cubicBezTo>
                    <a:pt x="345585" y="312431"/>
                    <a:pt x="345585" y="310815"/>
                    <a:pt x="347208" y="310815"/>
                  </a:cubicBezTo>
                  <a:cubicBezTo>
                    <a:pt x="347208" y="310815"/>
                    <a:pt x="356943" y="309199"/>
                    <a:pt x="356943" y="309199"/>
                  </a:cubicBezTo>
                  <a:cubicBezTo>
                    <a:pt x="358566" y="310815"/>
                    <a:pt x="365056" y="310815"/>
                    <a:pt x="366678" y="312431"/>
                  </a:cubicBezTo>
                  <a:cubicBezTo>
                    <a:pt x="366678" y="314047"/>
                    <a:pt x="368301" y="314047"/>
                    <a:pt x="368301" y="317279"/>
                  </a:cubicBezTo>
                  <a:cubicBezTo>
                    <a:pt x="368301" y="320510"/>
                    <a:pt x="368301" y="318894"/>
                    <a:pt x="368301" y="322126"/>
                  </a:cubicBezTo>
                  <a:cubicBezTo>
                    <a:pt x="366678" y="325358"/>
                    <a:pt x="366678" y="323742"/>
                    <a:pt x="365056" y="325358"/>
                  </a:cubicBezTo>
                  <a:cubicBezTo>
                    <a:pt x="365056" y="328590"/>
                    <a:pt x="365056" y="322126"/>
                    <a:pt x="365056" y="328590"/>
                  </a:cubicBezTo>
                  <a:cubicBezTo>
                    <a:pt x="363433" y="333437"/>
                    <a:pt x="363433" y="336669"/>
                    <a:pt x="361811" y="336669"/>
                  </a:cubicBezTo>
                  <a:cubicBezTo>
                    <a:pt x="356943" y="339901"/>
                    <a:pt x="356943" y="336669"/>
                    <a:pt x="356943" y="339901"/>
                  </a:cubicBezTo>
                  <a:cubicBezTo>
                    <a:pt x="358566" y="343132"/>
                    <a:pt x="361811" y="343132"/>
                    <a:pt x="356943" y="344748"/>
                  </a:cubicBezTo>
                  <a:cubicBezTo>
                    <a:pt x="353698" y="346364"/>
                    <a:pt x="352076" y="346364"/>
                    <a:pt x="352076" y="346364"/>
                  </a:cubicBezTo>
                  <a:cubicBezTo>
                    <a:pt x="352076" y="347980"/>
                    <a:pt x="348830" y="347980"/>
                    <a:pt x="347208" y="349596"/>
                  </a:cubicBezTo>
                  <a:cubicBezTo>
                    <a:pt x="345585" y="351212"/>
                    <a:pt x="343963" y="349596"/>
                    <a:pt x="342340" y="349596"/>
                  </a:cubicBezTo>
                  <a:cubicBezTo>
                    <a:pt x="340718" y="349596"/>
                    <a:pt x="339095" y="349596"/>
                    <a:pt x="339095" y="351212"/>
                  </a:cubicBezTo>
                  <a:cubicBezTo>
                    <a:pt x="337473" y="351212"/>
                    <a:pt x="337473" y="351212"/>
                    <a:pt x="334228" y="351212"/>
                  </a:cubicBezTo>
                  <a:cubicBezTo>
                    <a:pt x="330983" y="351212"/>
                    <a:pt x="329360" y="352827"/>
                    <a:pt x="329360" y="349596"/>
                  </a:cubicBezTo>
                  <a:cubicBezTo>
                    <a:pt x="329360" y="347980"/>
                    <a:pt x="329360" y="346364"/>
                    <a:pt x="327738" y="346364"/>
                  </a:cubicBezTo>
                  <a:cubicBezTo>
                    <a:pt x="326115" y="346364"/>
                    <a:pt x="324493" y="344748"/>
                    <a:pt x="322870" y="347980"/>
                  </a:cubicBezTo>
                  <a:cubicBezTo>
                    <a:pt x="321248" y="349596"/>
                    <a:pt x="319625" y="351212"/>
                    <a:pt x="319625" y="351212"/>
                  </a:cubicBezTo>
                  <a:cubicBezTo>
                    <a:pt x="319625" y="351212"/>
                    <a:pt x="316380" y="349596"/>
                    <a:pt x="316380" y="349596"/>
                  </a:cubicBezTo>
                  <a:cubicBezTo>
                    <a:pt x="314758" y="349596"/>
                    <a:pt x="311512" y="347980"/>
                    <a:pt x="311512" y="347980"/>
                  </a:cubicBezTo>
                  <a:cubicBezTo>
                    <a:pt x="306645" y="347980"/>
                    <a:pt x="301777" y="347980"/>
                    <a:pt x="301777" y="349596"/>
                  </a:cubicBezTo>
                  <a:cubicBezTo>
                    <a:pt x="301777" y="349596"/>
                    <a:pt x="303400" y="346364"/>
                    <a:pt x="298532" y="349596"/>
                  </a:cubicBezTo>
                  <a:cubicBezTo>
                    <a:pt x="293665" y="354443"/>
                    <a:pt x="293665" y="352827"/>
                    <a:pt x="292042" y="354443"/>
                  </a:cubicBezTo>
                  <a:cubicBezTo>
                    <a:pt x="290420" y="354443"/>
                    <a:pt x="293665" y="352827"/>
                    <a:pt x="288797" y="354443"/>
                  </a:cubicBezTo>
                  <a:cubicBezTo>
                    <a:pt x="282307" y="354443"/>
                    <a:pt x="280685" y="356059"/>
                    <a:pt x="280685" y="356059"/>
                  </a:cubicBezTo>
                  <a:cubicBezTo>
                    <a:pt x="280685" y="356059"/>
                    <a:pt x="282307" y="354443"/>
                    <a:pt x="280685" y="354443"/>
                  </a:cubicBezTo>
                  <a:cubicBezTo>
                    <a:pt x="277440" y="356059"/>
                    <a:pt x="279062" y="354443"/>
                    <a:pt x="279062" y="354443"/>
                  </a:cubicBezTo>
                  <a:cubicBezTo>
                    <a:pt x="279062" y="354443"/>
                    <a:pt x="279062" y="354443"/>
                    <a:pt x="272572" y="357675"/>
                  </a:cubicBezTo>
                  <a:cubicBezTo>
                    <a:pt x="272572" y="357675"/>
                    <a:pt x="270949" y="357675"/>
                    <a:pt x="269327" y="359291"/>
                  </a:cubicBezTo>
                  <a:cubicBezTo>
                    <a:pt x="267704" y="360907"/>
                    <a:pt x="262837" y="364138"/>
                    <a:pt x="256347" y="364138"/>
                  </a:cubicBezTo>
                  <a:cubicBezTo>
                    <a:pt x="251479" y="365754"/>
                    <a:pt x="243367" y="367370"/>
                    <a:pt x="241744" y="367370"/>
                  </a:cubicBezTo>
                  <a:cubicBezTo>
                    <a:pt x="240122" y="367370"/>
                    <a:pt x="235254" y="368986"/>
                    <a:pt x="232009" y="368986"/>
                  </a:cubicBezTo>
                  <a:cubicBezTo>
                    <a:pt x="228764" y="368986"/>
                    <a:pt x="225519" y="368986"/>
                    <a:pt x="222274" y="367370"/>
                  </a:cubicBezTo>
                  <a:cubicBezTo>
                    <a:pt x="220651" y="365754"/>
                    <a:pt x="215784" y="364138"/>
                    <a:pt x="214161" y="364138"/>
                  </a:cubicBezTo>
                  <a:cubicBezTo>
                    <a:pt x="210916" y="364138"/>
                    <a:pt x="209294" y="362523"/>
                    <a:pt x="209294" y="360907"/>
                  </a:cubicBezTo>
                  <a:cubicBezTo>
                    <a:pt x="207671" y="360907"/>
                    <a:pt x="199559" y="360907"/>
                    <a:pt x="207671" y="357675"/>
                  </a:cubicBezTo>
                  <a:cubicBezTo>
                    <a:pt x="215784" y="354443"/>
                    <a:pt x="217406" y="352827"/>
                    <a:pt x="220651" y="352827"/>
                  </a:cubicBezTo>
                  <a:cubicBezTo>
                    <a:pt x="222274" y="352827"/>
                    <a:pt x="225519" y="351212"/>
                    <a:pt x="225519" y="351212"/>
                  </a:cubicBezTo>
                  <a:cubicBezTo>
                    <a:pt x="227141" y="351212"/>
                    <a:pt x="230386" y="347980"/>
                    <a:pt x="232009" y="347980"/>
                  </a:cubicBezTo>
                  <a:cubicBezTo>
                    <a:pt x="233632" y="347980"/>
                    <a:pt x="238499" y="346364"/>
                    <a:pt x="238499" y="346364"/>
                  </a:cubicBezTo>
                  <a:cubicBezTo>
                    <a:pt x="238499" y="346364"/>
                    <a:pt x="249857" y="346364"/>
                    <a:pt x="249857" y="346364"/>
                  </a:cubicBezTo>
                  <a:cubicBezTo>
                    <a:pt x="251479" y="346364"/>
                    <a:pt x="256347" y="344748"/>
                    <a:pt x="257969" y="344748"/>
                  </a:cubicBezTo>
                  <a:cubicBezTo>
                    <a:pt x="257969" y="344748"/>
                    <a:pt x="259592" y="343132"/>
                    <a:pt x="261214" y="343132"/>
                  </a:cubicBezTo>
                  <a:cubicBezTo>
                    <a:pt x="262837" y="343132"/>
                    <a:pt x="266082" y="341516"/>
                    <a:pt x="267704" y="339901"/>
                  </a:cubicBezTo>
                  <a:cubicBezTo>
                    <a:pt x="269327" y="336669"/>
                    <a:pt x="269327" y="335053"/>
                    <a:pt x="267704" y="336669"/>
                  </a:cubicBezTo>
                  <a:cubicBezTo>
                    <a:pt x="266082" y="336669"/>
                    <a:pt x="264459" y="336669"/>
                    <a:pt x="262837" y="338285"/>
                  </a:cubicBezTo>
                  <a:cubicBezTo>
                    <a:pt x="261214" y="339901"/>
                    <a:pt x="257969" y="339901"/>
                    <a:pt x="257969" y="339901"/>
                  </a:cubicBezTo>
                  <a:cubicBezTo>
                    <a:pt x="256347" y="341516"/>
                    <a:pt x="256347" y="338285"/>
                    <a:pt x="254724" y="341516"/>
                  </a:cubicBezTo>
                  <a:cubicBezTo>
                    <a:pt x="253102" y="344748"/>
                    <a:pt x="249857" y="344748"/>
                    <a:pt x="248234" y="344748"/>
                  </a:cubicBezTo>
                  <a:cubicBezTo>
                    <a:pt x="248234" y="344748"/>
                    <a:pt x="246612" y="341516"/>
                    <a:pt x="244989" y="341516"/>
                  </a:cubicBezTo>
                  <a:cubicBezTo>
                    <a:pt x="243367" y="341516"/>
                    <a:pt x="243367" y="341516"/>
                    <a:pt x="241744" y="341516"/>
                  </a:cubicBezTo>
                  <a:cubicBezTo>
                    <a:pt x="241744" y="339901"/>
                    <a:pt x="241744" y="339901"/>
                    <a:pt x="238499" y="339901"/>
                  </a:cubicBezTo>
                  <a:cubicBezTo>
                    <a:pt x="236877" y="341516"/>
                    <a:pt x="235254" y="341516"/>
                    <a:pt x="233632" y="343132"/>
                  </a:cubicBezTo>
                  <a:cubicBezTo>
                    <a:pt x="233632" y="344748"/>
                    <a:pt x="233632" y="344748"/>
                    <a:pt x="230386" y="343132"/>
                  </a:cubicBezTo>
                  <a:cubicBezTo>
                    <a:pt x="227141" y="343132"/>
                    <a:pt x="225519" y="339901"/>
                    <a:pt x="225519" y="344748"/>
                  </a:cubicBezTo>
                  <a:cubicBezTo>
                    <a:pt x="225519" y="347980"/>
                    <a:pt x="227141" y="349596"/>
                    <a:pt x="220651" y="347980"/>
                  </a:cubicBezTo>
                  <a:cubicBezTo>
                    <a:pt x="215784" y="346364"/>
                    <a:pt x="215784" y="346364"/>
                    <a:pt x="215784" y="346364"/>
                  </a:cubicBezTo>
                  <a:cubicBezTo>
                    <a:pt x="215784" y="346364"/>
                    <a:pt x="214161" y="344748"/>
                    <a:pt x="215784" y="343132"/>
                  </a:cubicBezTo>
                  <a:cubicBezTo>
                    <a:pt x="217406" y="339901"/>
                    <a:pt x="219029" y="336669"/>
                    <a:pt x="219029" y="336669"/>
                  </a:cubicBezTo>
                  <a:cubicBezTo>
                    <a:pt x="219029" y="336669"/>
                    <a:pt x="212539" y="331821"/>
                    <a:pt x="212539" y="333437"/>
                  </a:cubicBezTo>
                  <a:cubicBezTo>
                    <a:pt x="210916" y="339901"/>
                    <a:pt x="212539" y="341516"/>
                    <a:pt x="210916" y="341516"/>
                  </a:cubicBezTo>
                  <a:cubicBezTo>
                    <a:pt x="209294" y="341516"/>
                    <a:pt x="206049" y="338285"/>
                    <a:pt x="206049" y="339901"/>
                  </a:cubicBezTo>
                  <a:cubicBezTo>
                    <a:pt x="206049" y="341516"/>
                    <a:pt x="207671" y="343132"/>
                    <a:pt x="206049" y="344748"/>
                  </a:cubicBezTo>
                  <a:cubicBezTo>
                    <a:pt x="206049" y="346364"/>
                    <a:pt x="202804" y="347980"/>
                    <a:pt x="201181" y="347980"/>
                  </a:cubicBezTo>
                  <a:cubicBezTo>
                    <a:pt x="201181" y="346364"/>
                    <a:pt x="191446" y="347980"/>
                    <a:pt x="191446" y="347980"/>
                  </a:cubicBezTo>
                  <a:cubicBezTo>
                    <a:pt x="189823" y="346364"/>
                    <a:pt x="188201" y="347980"/>
                    <a:pt x="188201" y="346364"/>
                  </a:cubicBezTo>
                  <a:cubicBezTo>
                    <a:pt x="188201" y="344748"/>
                    <a:pt x="186578" y="343132"/>
                    <a:pt x="184956" y="344748"/>
                  </a:cubicBezTo>
                  <a:cubicBezTo>
                    <a:pt x="180088" y="346364"/>
                    <a:pt x="181711" y="344748"/>
                    <a:pt x="180088" y="346364"/>
                  </a:cubicBezTo>
                  <a:cubicBezTo>
                    <a:pt x="180088" y="347980"/>
                    <a:pt x="176843" y="346364"/>
                    <a:pt x="176843" y="346364"/>
                  </a:cubicBezTo>
                  <a:cubicBezTo>
                    <a:pt x="176843" y="346364"/>
                    <a:pt x="173598" y="343132"/>
                    <a:pt x="171976" y="343132"/>
                  </a:cubicBezTo>
                  <a:cubicBezTo>
                    <a:pt x="171976" y="341516"/>
                    <a:pt x="171976" y="339901"/>
                    <a:pt x="170353" y="339901"/>
                  </a:cubicBezTo>
                  <a:cubicBezTo>
                    <a:pt x="168731" y="341516"/>
                    <a:pt x="167108" y="339901"/>
                    <a:pt x="165486" y="341516"/>
                  </a:cubicBezTo>
                  <a:cubicBezTo>
                    <a:pt x="163863" y="341516"/>
                    <a:pt x="163863" y="343132"/>
                    <a:pt x="163863" y="343132"/>
                  </a:cubicBezTo>
                  <a:cubicBezTo>
                    <a:pt x="163863" y="343132"/>
                    <a:pt x="158996" y="343132"/>
                    <a:pt x="157373" y="343132"/>
                  </a:cubicBezTo>
                  <a:cubicBezTo>
                    <a:pt x="157373" y="343132"/>
                    <a:pt x="157373" y="339901"/>
                    <a:pt x="154128" y="339901"/>
                  </a:cubicBezTo>
                  <a:cubicBezTo>
                    <a:pt x="150883" y="339901"/>
                    <a:pt x="150883" y="339901"/>
                    <a:pt x="150883" y="339901"/>
                  </a:cubicBezTo>
                  <a:cubicBezTo>
                    <a:pt x="150883" y="339901"/>
                    <a:pt x="147638" y="335053"/>
                    <a:pt x="149260" y="333437"/>
                  </a:cubicBezTo>
                  <a:cubicBezTo>
                    <a:pt x="150883" y="333437"/>
                    <a:pt x="150883" y="331821"/>
                    <a:pt x="152505" y="331821"/>
                  </a:cubicBezTo>
                  <a:cubicBezTo>
                    <a:pt x="154128" y="330205"/>
                    <a:pt x="154128" y="328590"/>
                    <a:pt x="155750" y="330205"/>
                  </a:cubicBezTo>
                  <a:cubicBezTo>
                    <a:pt x="157373" y="330205"/>
                    <a:pt x="163863" y="330205"/>
                    <a:pt x="163863" y="330205"/>
                  </a:cubicBezTo>
                  <a:cubicBezTo>
                    <a:pt x="163863" y="330205"/>
                    <a:pt x="168731" y="330205"/>
                    <a:pt x="170353" y="331821"/>
                  </a:cubicBezTo>
                  <a:cubicBezTo>
                    <a:pt x="171976" y="333437"/>
                    <a:pt x="175221" y="331821"/>
                    <a:pt x="175221" y="331821"/>
                  </a:cubicBezTo>
                  <a:cubicBezTo>
                    <a:pt x="175221" y="331821"/>
                    <a:pt x="175221" y="331821"/>
                    <a:pt x="176843" y="330205"/>
                  </a:cubicBezTo>
                  <a:cubicBezTo>
                    <a:pt x="176843" y="330205"/>
                    <a:pt x="181711" y="326974"/>
                    <a:pt x="183333" y="326974"/>
                  </a:cubicBezTo>
                  <a:cubicBezTo>
                    <a:pt x="184956" y="325358"/>
                    <a:pt x="188201" y="325358"/>
                    <a:pt x="188201" y="325358"/>
                  </a:cubicBezTo>
                  <a:cubicBezTo>
                    <a:pt x="188201" y="325358"/>
                    <a:pt x="183333" y="323742"/>
                    <a:pt x="181711" y="325358"/>
                  </a:cubicBezTo>
                  <a:cubicBezTo>
                    <a:pt x="180088" y="325358"/>
                    <a:pt x="175221" y="326974"/>
                    <a:pt x="173598" y="326974"/>
                  </a:cubicBezTo>
                  <a:cubicBezTo>
                    <a:pt x="171976" y="326974"/>
                    <a:pt x="171976" y="326974"/>
                    <a:pt x="168731" y="328590"/>
                  </a:cubicBezTo>
                  <a:cubicBezTo>
                    <a:pt x="167108" y="328590"/>
                    <a:pt x="163863" y="326974"/>
                    <a:pt x="162241" y="326974"/>
                  </a:cubicBezTo>
                  <a:cubicBezTo>
                    <a:pt x="158996" y="326974"/>
                    <a:pt x="157373" y="326974"/>
                    <a:pt x="155750" y="325358"/>
                  </a:cubicBezTo>
                  <a:cubicBezTo>
                    <a:pt x="155750" y="325358"/>
                    <a:pt x="157373" y="322126"/>
                    <a:pt x="158996" y="322126"/>
                  </a:cubicBezTo>
                  <a:cubicBezTo>
                    <a:pt x="162241" y="320510"/>
                    <a:pt x="163863" y="318894"/>
                    <a:pt x="163863" y="318894"/>
                  </a:cubicBezTo>
                  <a:cubicBezTo>
                    <a:pt x="165486" y="317279"/>
                    <a:pt x="167108" y="317279"/>
                    <a:pt x="168731" y="317279"/>
                  </a:cubicBezTo>
                  <a:cubicBezTo>
                    <a:pt x="170353" y="318894"/>
                    <a:pt x="171976" y="317279"/>
                    <a:pt x="175221" y="318894"/>
                  </a:cubicBezTo>
                  <a:cubicBezTo>
                    <a:pt x="178466" y="318894"/>
                    <a:pt x="181711" y="317279"/>
                    <a:pt x="181711" y="317279"/>
                  </a:cubicBezTo>
                  <a:cubicBezTo>
                    <a:pt x="183333" y="318894"/>
                    <a:pt x="186578" y="317279"/>
                    <a:pt x="188201" y="317279"/>
                  </a:cubicBezTo>
                  <a:cubicBezTo>
                    <a:pt x="189823" y="317279"/>
                    <a:pt x="193068" y="315663"/>
                    <a:pt x="194691" y="315663"/>
                  </a:cubicBezTo>
                  <a:cubicBezTo>
                    <a:pt x="194691" y="315663"/>
                    <a:pt x="196314" y="314047"/>
                    <a:pt x="194691" y="314047"/>
                  </a:cubicBezTo>
                  <a:cubicBezTo>
                    <a:pt x="193068" y="314047"/>
                    <a:pt x="189823" y="312431"/>
                    <a:pt x="188201" y="314047"/>
                  </a:cubicBezTo>
                  <a:cubicBezTo>
                    <a:pt x="186578" y="314047"/>
                    <a:pt x="180088" y="315663"/>
                    <a:pt x="176843" y="315663"/>
                  </a:cubicBezTo>
                  <a:cubicBezTo>
                    <a:pt x="175221" y="315663"/>
                    <a:pt x="173598" y="317279"/>
                    <a:pt x="171976" y="315663"/>
                  </a:cubicBezTo>
                  <a:cubicBezTo>
                    <a:pt x="168731" y="314047"/>
                    <a:pt x="167108" y="314047"/>
                    <a:pt x="167108" y="312431"/>
                  </a:cubicBezTo>
                  <a:cubicBezTo>
                    <a:pt x="165486" y="312431"/>
                    <a:pt x="165486" y="309199"/>
                    <a:pt x="167108" y="307583"/>
                  </a:cubicBezTo>
                  <a:cubicBezTo>
                    <a:pt x="168731" y="305968"/>
                    <a:pt x="171976" y="304352"/>
                    <a:pt x="171976" y="304352"/>
                  </a:cubicBezTo>
                  <a:cubicBezTo>
                    <a:pt x="173598" y="304352"/>
                    <a:pt x="171976" y="302736"/>
                    <a:pt x="176843" y="304352"/>
                  </a:cubicBezTo>
                  <a:lnTo>
                    <a:pt x="181711" y="304352"/>
                  </a:lnTo>
                  <a:cubicBezTo>
                    <a:pt x="180088" y="302736"/>
                    <a:pt x="178466" y="301120"/>
                    <a:pt x="180088" y="301120"/>
                  </a:cubicBezTo>
                  <a:cubicBezTo>
                    <a:pt x="181711" y="301120"/>
                    <a:pt x="184956" y="297888"/>
                    <a:pt x="184956" y="297888"/>
                  </a:cubicBezTo>
                  <a:cubicBezTo>
                    <a:pt x="184956" y="297888"/>
                    <a:pt x="184956" y="296272"/>
                    <a:pt x="186578" y="294657"/>
                  </a:cubicBezTo>
                  <a:cubicBezTo>
                    <a:pt x="188201" y="294657"/>
                    <a:pt x="191446" y="293041"/>
                    <a:pt x="193068" y="293041"/>
                  </a:cubicBezTo>
                  <a:cubicBezTo>
                    <a:pt x="194691" y="293041"/>
                    <a:pt x="199559" y="291425"/>
                    <a:pt x="201181" y="293041"/>
                  </a:cubicBezTo>
                  <a:cubicBezTo>
                    <a:pt x="202804" y="293041"/>
                    <a:pt x="207671" y="289809"/>
                    <a:pt x="209294" y="291425"/>
                  </a:cubicBezTo>
                  <a:cubicBezTo>
                    <a:pt x="210916" y="294657"/>
                    <a:pt x="210916" y="291425"/>
                    <a:pt x="212539" y="296272"/>
                  </a:cubicBezTo>
                  <a:cubicBezTo>
                    <a:pt x="212539" y="301120"/>
                    <a:pt x="212539" y="301120"/>
                    <a:pt x="214161" y="302736"/>
                  </a:cubicBezTo>
                  <a:cubicBezTo>
                    <a:pt x="214161" y="304352"/>
                    <a:pt x="215784" y="302736"/>
                    <a:pt x="217406" y="302736"/>
                  </a:cubicBezTo>
                  <a:cubicBezTo>
                    <a:pt x="219029" y="302736"/>
                    <a:pt x="222274" y="301120"/>
                    <a:pt x="223896" y="301120"/>
                  </a:cubicBezTo>
                  <a:cubicBezTo>
                    <a:pt x="223896" y="302736"/>
                    <a:pt x="223896" y="301120"/>
                    <a:pt x="227141" y="301120"/>
                  </a:cubicBezTo>
                  <a:cubicBezTo>
                    <a:pt x="232009" y="302736"/>
                    <a:pt x="232009" y="301120"/>
                    <a:pt x="235254" y="302736"/>
                  </a:cubicBezTo>
                  <a:cubicBezTo>
                    <a:pt x="236877" y="304352"/>
                    <a:pt x="236877" y="305968"/>
                    <a:pt x="240122" y="307583"/>
                  </a:cubicBezTo>
                  <a:cubicBezTo>
                    <a:pt x="244989" y="307583"/>
                    <a:pt x="244989" y="305968"/>
                    <a:pt x="246612" y="309199"/>
                  </a:cubicBezTo>
                  <a:cubicBezTo>
                    <a:pt x="248234" y="312431"/>
                    <a:pt x="248234" y="309199"/>
                    <a:pt x="249857" y="312431"/>
                  </a:cubicBezTo>
                  <a:cubicBezTo>
                    <a:pt x="253102" y="314047"/>
                    <a:pt x="253102" y="314047"/>
                    <a:pt x="254724" y="314047"/>
                  </a:cubicBezTo>
                  <a:cubicBezTo>
                    <a:pt x="257969" y="315663"/>
                    <a:pt x="257969" y="314047"/>
                    <a:pt x="259592" y="315663"/>
                  </a:cubicBezTo>
                  <a:cubicBezTo>
                    <a:pt x="259592" y="317279"/>
                    <a:pt x="264459" y="315663"/>
                    <a:pt x="264459" y="318894"/>
                  </a:cubicBezTo>
                  <a:cubicBezTo>
                    <a:pt x="264459" y="320510"/>
                    <a:pt x="261214" y="320510"/>
                    <a:pt x="262837" y="323742"/>
                  </a:cubicBezTo>
                  <a:cubicBezTo>
                    <a:pt x="264459" y="325358"/>
                    <a:pt x="262837" y="328590"/>
                    <a:pt x="264459" y="326974"/>
                  </a:cubicBezTo>
                  <a:cubicBezTo>
                    <a:pt x="267704" y="326974"/>
                    <a:pt x="269327" y="325358"/>
                    <a:pt x="270949" y="325358"/>
                  </a:cubicBezTo>
                  <a:cubicBezTo>
                    <a:pt x="272572" y="326974"/>
                    <a:pt x="274194" y="323742"/>
                    <a:pt x="275817" y="325358"/>
                  </a:cubicBezTo>
                  <a:cubicBezTo>
                    <a:pt x="275817" y="326974"/>
                    <a:pt x="279062" y="325358"/>
                    <a:pt x="279062" y="325358"/>
                  </a:cubicBezTo>
                  <a:cubicBezTo>
                    <a:pt x="280685" y="326974"/>
                    <a:pt x="277440" y="326974"/>
                    <a:pt x="279062" y="328590"/>
                  </a:cubicBezTo>
                  <a:cubicBezTo>
                    <a:pt x="280685" y="330205"/>
                    <a:pt x="283930" y="328590"/>
                    <a:pt x="285552" y="328590"/>
                  </a:cubicBezTo>
                  <a:cubicBezTo>
                    <a:pt x="288797" y="328590"/>
                    <a:pt x="290420" y="325358"/>
                    <a:pt x="290420" y="326974"/>
                  </a:cubicBezTo>
                  <a:cubicBezTo>
                    <a:pt x="292042" y="326974"/>
                    <a:pt x="293665" y="328590"/>
                    <a:pt x="295287" y="326974"/>
                  </a:cubicBezTo>
                  <a:cubicBezTo>
                    <a:pt x="296910" y="326974"/>
                    <a:pt x="296910" y="325358"/>
                    <a:pt x="298532" y="325358"/>
                  </a:cubicBezTo>
                  <a:cubicBezTo>
                    <a:pt x="300155" y="326974"/>
                    <a:pt x="301777" y="326974"/>
                    <a:pt x="301777" y="325358"/>
                  </a:cubicBezTo>
                  <a:cubicBezTo>
                    <a:pt x="301777" y="322126"/>
                    <a:pt x="301777" y="322126"/>
                    <a:pt x="298532" y="322126"/>
                  </a:cubicBezTo>
                  <a:cubicBezTo>
                    <a:pt x="296910" y="320510"/>
                    <a:pt x="296910" y="320510"/>
                    <a:pt x="295287" y="320510"/>
                  </a:cubicBezTo>
                  <a:cubicBezTo>
                    <a:pt x="293665" y="320510"/>
                    <a:pt x="292042" y="320510"/>
                    <a:pt x="292042" y="318894"/>
                  </a:cubicBezTo>
                  <a:cubicBezTo>
                    <a:pt x="290420" y="318894"/>
                    <a:pt x="288797" y="318894"/>
                    <a:pt x="287175" y="318894"/>
                  </a:cubicBezTo>
                  <a:cubicBezTo>
                    <a:pt x="285552" y="317279"/>
                    <a:pt x="283930" y="317279"/>
                    <a:pt x="283930" y="317279"/>
                  </a:cubicBezTo>
                  <a:cubicBezTo>
                    <a:pt x="285552" y="315663"/>
                    <a:pt x="285552" y="314047"/>
                    <a:pt x="287175" y="314047"/>
                  </a:cubicBezTo>
                  <a:cubicBezTo>
                    <a:pt x="288797" y="314047"/>
                    <a:pt x="288797" y="314047"/>
                    <a:pt x="290420" y="314047"/>
                  </a:cubicBezTo>
                  <a:cubicBezTo>
                    <a:pt x="292042" y="312431"/>
                    <a:pt x="293665" y="312431"/>
                    <a:pt x="293665" y="310815"/>
                  </a:cubicBezTo>
                  <a:cubicBezTo>
                    <a:pt x="295287" y="310815"/>
                    <a:pt x="296910" y="309199"/>
                    <a:pt x="295287" y="309199"/>
                  </a:cubicBezTo>
                  <a:cubicBezTo>
                    <a:pt x="293665" y="307583"/>
                    <a:pt x="292042" y="305968"/>
                    <a:pt x="292042" y="305968"/>
                  </a:cubicBezTo>
                  <a:cubicBezTo>
                    <a:pt x="292042" y="305968"/>
                    <a:pt x="290420" y="304352"/>
                    <a:pt x="288797" y="304352"/>
                  </a:cubicBezTo>
                  <a:cubicBezTo>
                    <a:pt x="288797" y="304352"/>
                    <a:pt x="287175" y="302736"/>
                    <a:pt x="285552" y="302736"/>
                  </a:cubicBezTo>
                  <a:cubicBezTo>
                    <a:pt x="283930" y="301120"/>
                    <a:pt x="280685" y="304352"/>
                    <a:pt x="280685" y="301120"/>
                  </a:cubicBezTo>
                  <a:cubicBezTo>
                    <a:pt x="282307" y="296272"/>
                    <a:pt x="279062" y="299504"/>
                    <a:pt x="282307" y="296272"/>
                  </a:cubicBezTo>
                  <a:cubicBezTo>
                    <a:pt x="283930" y="293041"/>
                    <a:pt x="283930" y="291425"/>
                    <a:pt x="285552" y="291425"/>
                  </a:cubicBezTo>
                  <a:cubicBezTo>
                    <a:pt x="287175" y="293041"/>
                    <a:pt x="287175" y="291425"/>
                    <a:pt x="288797" y="289809"/>
                  </a:cubicBezTo>
                  <a:cubicBezTo>
                    <a:pt x="290420" y="288193"/>
                    <a:pt x="290420" y="286577"/>
                    <a:pt x="293665" y="284961"/>
                  </a:cubicBezTo>
                  <a:cubicBezTo>
                    <a:pt x="295287" y="283346"/>
                    <a:pt x="296910" y="281730"/>
                    <a:pt x="296910" y="281730"/>
                  </a:cubicBezTo>
                  <a:cubicBezTo>
                    <a:pt x="298532" y="281730"/>
                    <a:pt x="300155" y="278498"/>
                    <a:pt x="301777" y="280114"/>
                  </a:cubicBezTo>
                  <a:close/>
                  <a:moveTo>
                    <a:pt x="201612" y="278498"/>
                  </a:moveTo>
                  <a:cubicBezTo>
                    <a:pt x="204787" y="278498"/>
                    <a:pt x="207963" y="280085"/>
                    <a:pt x="209550" y="278498"/>
                  </a:cubicBezTo>
                  <a:cubicBezTo>
                    <a:pt x="211138" y="278498"/>
                    <a:pt x="214313" y="278498"/>
                    <a:pt x="214313" y="278498"/>
                  </a:cubicBezTo>
                  <a:cubicBezTo>
                    <a:pt x="215900" y="278498"/>
                    <a:pt x="223838" y="280085"/>
                    <a:pt x="223838" y="280085"/>
                  </a:cubicBezTo>
                  <a:cubicBezTo>
                    <a:pt x="223838" y="280085"/>
                    <a:pt x="223838" y="280085"/>
                    <a:pt x="223838" y="283260"/>
                  </a:cubicBezTo>
                  <a:cubicBezTo>
                    <a:pt x="223838" y="283260"/>
                    <a:pt x="223838" y="284848"/>
                    <a:pt x="222250" y="286435"/>
                  </a:cubicBezTo>
                  <a:cubicBezTo>
                    <a:pt x="222250" y="286435"/>
                    <a:pt x="220663" y="286435"/>
                    <a:pt x="219075" y="286435"/>
                  </a:cubicBezTo>
                  <a:cubicBezTo>
                    <a:pt x="217488" y="286435"/>
                    <a:pt x="217488" y="288023"/>
                    <a:pt x="214313" y="286435"/>
                  </a:cubicBezTo>
                  <a:cubicBezTo>
                    <a:pt x="211138" y="286435"/>
                    <a:pt x="211138" y="288023"/>
                    <a:pt x="209550" y="286435"/>
                  </a:cubicBezTo>
                  <a:cubicBezTo>
                    <a:pt x="207963" y="286435"/>
                    <a:pt x="207963" y="286435"/>
                    <a:pt x="204787" y="286435"/>
                  </a:cubicBezTo>
                  <a:cubicBezTo>
                    <a:pt x="203200" y="286435"/>
                    <a:pt x="203200" y="284848"/>
                    <a:pt x="201612" y="283260"/>
                  </a:cubicBezTo>
                  <a:cubicBezTo>
                    <a:pt x="200025" y="283260"/>
                    <a:pt x="200025" y="280085"/>
                    <a:pt x="201612" y="278498"/>
                  </a:cubicBezTo>
                  <a:close/>
                  <a:moveTo>
                    <a:pt x="533702" y="273736"/>
                  </a:moveTo>
                  <a:cubicBezTo>
                    <a:pt x="535328" y="273736"/>
                    <a:pt x="545079" y="273736"/>
                    <a:pt x="545079" y="273736"/>
                  </a:cubicBezTo>
                  <a:cubicBezTo>
                    <a:pt x="545079" y="273736"/>
                    <a:pt x="549955" y="275323"/>
                    <a:pt x="553206" y="275323"/>
                  </a:cubicBezTo>
                  <a:cubicBezTo>
                    <a:pt x="554831" y="275323"/>
                    <a:pt x="558082" y="276911"/>
                    <a:pt x="559707" y="276911"/>
                  </a:cubicBezTo>
                  <a:cubicBezTo>
                    <a:pt x="561332" y="276911"/>
                    <a:pt x="561332" y="276911"/>
                    <a:pt x="562958" y="276911"/>
                  </a:cubicBezTo>
                  <a:cubicBezTo>
                    <a:pt x="562958" y="278499"/>
                    <a:pt x="564583" y="278499"/>
                    <a:pt x="564583" y="278499"/>
                  </a:cubicBezTo>
                  <a:cubicBezTo>
                    <a:pt x="564583" y="278499"/>
                    <a:pt x="567834" y="278499"/>
                    <a:pt x="569459" y="276911"/>
                  </a:cubicBezTo>
                  <a:cubicBezTo>
                    <a:pt x="571084" y="276911"/>
                    <a:pt x="574335" y="278499"/>
                    <a:pt x="574335" y="278499"/>
                  </a:cubicBezTo>
                  <a:cubicBezTo>
                    <a:pt x="574335" y="278499"/>
                    <a:pt x="580836" y="280086"/>
                    <a:pt x="580836" y="280086"/>
                  </a:cubicBezTo>
                  <a:cubicBezTo>
                    <a:pt x="582462" y="281674"/>
                    <a:pt x="584087" y="283261"/>
                    <a:pt x="585712" y="286436"/>
                  </a:cubicBezTo>
                  <a:cubicBezTo>
                    <a:pt x="588963" y="291199"/>
                    <a:pt x="585712" y="289611"/>
                    <a:pt x="584087" y="291199"/>
                  </a:cubicBezTo>
                  <a:cubicBezTo>
                    <a:pt x="584087" y="292786"/>
                    <a:pt x="582462" y="294374"/>
                    <a:pt x="580836" y="294374"/>
                  </a:cubicBezTo>
                  <a:cubicBezTo>
                    <a:pt x="579211" y="294374"/>
                    <a:pt x="580836" y="295961"/>
                    <a:pt x="582462" y="297549"/>
                  </a:cubicBezTo>
                  <a:cubicBezTo>
                    <a:pt x="582462" y="297549"/>
                    <a:pt x="582462" y="300724"/>
                    <a:pt x="580836" y="300724"/>
                  </a:cubicBezTo>
                  <a:cubicBezTo>
                    <a:pt x="579211" y="300724"/>
                    <a:pt x="579211" y="302311"/>
                    <a:pt x="577586" y="302311"/>
                  </a:cubicBezTo>
                  <a:cubicBezTo>
                    <a:pt x="575960" y="302311"/>
                    <a:pt x="571084" y="303899"/>
                    <a:pt x="569459" y="303899"/>
                  </a:cubicBezTo>
                  <a:cubicBezTo>
                    <a:pt x="569459" y="303899"/>
                    <a:pt x="566208" y="303899"/>
                    <a:pt x="564583" y="303899"/>
                  </a:cubicBezTo>
                  <a:cubicBezTo>
                    <a:pt x="564583" y="302311"/>
                    <a:pt x="559707" y="302311"/>
                    <a:pt x="559707" y="302311"/>
                  </a:cubicBezTo>
                  <a:cubicBezTo>
                    <a:pt x="559707" y="302311"/>
                    <a:pt x="556457" y="300724"/>
                    <a:pt x="554831" y="300724"/>
                  </a:cubicBezTo>
                  <a:cubicBezTo>
                    <a:pt x="554831" y="299136"/>
                    <a:pt x="551581" y="300724"/>
                    <a:pt x="551581" y="299136"/>
                  </a:cubicBezTo>
                  <a:cubicBezTo>
                    <a:pt x="551581" y="297549"/>
                    <a:pt x="549955" y="299136"/>
                    <a:pt x="548330" y="297549"/>
                  </a:cubicBezTo>
                  <a:cubicBezTo>
                    <a:pt x="548330" y="295961"/>
                    <a:pt x="548330" y="297549"/>
                    <a:pt x="546705" y="297549"/>
                  </a:cubicBezTo>
                  <a:cubicBezTo>
                    <a:pt x="545079" y="297549"/>
                    <a:pt x="543454" y="299136"/>
                    <a:pt x="541829" y="297549"/>
                  </a:cubicBezTo>
                  <a:cubicBezTo>
                    <a:pt x="541829" y="295961"/>
                    <a:pt x="538578" y="297549"/>
                    <a:pt x="536953" y="295961"/>
                  </a:cubicBezTo>
                  <a:cubicBezTo>
                    <a:pt x="535328" y="295961"/>
                    <a:pt x="540203" y="292786"/>
                    <a:pt x="538578" y="292786"/>
                  </a:cubicBezTo>
                  <a:cubicBezTo>
                    <a:pt x="538578" y="291199"/>
                    <a:pt x="536953" y="291199"/>
                    <a:pt x="535328" y="291199"/>
                  </a:cubicBezTo>
                  <a:cubicBezTo>
                    <a:pt x="533702" y="292786"/>
                    <a:pt x="533702" y="292786"/>
                    <a:pt x="530452" y="291199"/>
                  </a:cubicBezTo>
                  <a:cubicBezTo>
                    <a:pt x="527201" y="288024"/>
                    <a:pt x="530452" y="291199"/>
                    <a:pt x="527201" y="288024"/>
                  </a:cubicBezTo>
                  <a:cubicBezTo>
                    <a:pt x="525576" y="289611"/>
                    <a:pt x="527201" y="288024"/>
                    <a:pt x="522325" y="286436"/>
                  </a:cubicBezTo>
                  <a:cubicBezTo>
                    <a:pt x="520700" y="286436"/>
                    <a:pt x="522325" y="284849"/>
                    <a:pt x="520700" y="283261"/>
                  </a:cubicBezTo>
                  <a:cubicBezTo>
                    <a:pt x="520700" y="281674"/>
                    <a:pt x="522325" y="281674"/>
                    <a:pt x="522325" y="278499"/>
                  </a:cubicBezTo>
                  <a:cubicBezTo>
                    <a:pt x="522325" y="276911"/>
                    <a:pt x="523950" y="276911"/>
                    <a:pt x="525576" y="276911"/>
                  </a:cubicBezTo>
                  <a:cubicBezTo>
                    <a:pt x="527201" y="275323"/>
                    <a:pt x="533702" y="273736"/>
                    <a:pt x="533702" y="273736"/>
                  </a:cubicBezTo>
                  <a:close/>
                  <a:moveTo>
                    <a:pt x="159994" y="253137"/>
                  </a:moveTo>
                  <a:cubicBezTo>
                    <a:pt x="159994" y="253137"/>
                    <a:pt x="168027" y="254763"/>
                    <a:pt x="169633" y="254763"/>
                  </a:cubicBezTo>
                  <a:cubicBezTo>
                    <a:pt x="171240" y="254763"/>
                    <a:pt x="174453" y="253137"/>
                    <a:pt x="177666" y="253137"/>
                  </a:cubicBezTo>
                  <a:cubicBezTo>
                    <a:pt x="179273" y="254763"/>
                    <a:pt x="179273" y="251511"/>
                    <a:pt x="182486" y="256390"/>
                  </a:cubicBezTo>
                  <a:cubicBezTo>
                    <a:pt x="187306" y="259642"/>
                    <a:pt x="188913" y="259642"/>
                    <a:pt x="188913" y="261268"/>
                  </a:cubicBezTo>
                  <a:cubicBezTo>
                    <a:pt x="187306" y="264521"/>
                    <a:pt x="185700" y="264521"/>
                    <a:pt x="182486" y="266147"/>
                  </a:cubicBezTo>
                  <a:cubicBezTo>
                    <a:pt x="180880" y="266147"/>
                    <a:pt x="177666" y="264521"/>
                    <a:pt x="176060" y="267773"/>
                  </a:cubicBezTo>
                  <a:cubicBezTo>
                    <a:pt x="176060" y="271026"/>
                    <a:pt x="171240" y="267773"/>
                    <a:pt x="176060" y="271026"/>
                  </a:cubicBezTo>
                  <a:cubicBezTo>
                    <a:pt x="179273" y="275904"/>
                    <a:pt x="179273" y="277530"/>
                    <a:pt x="179273" y="277530"/>
                  </a:cubicBezTo>
                  <a:cubicBezTo>
                    <a:pt x="177666" y="279157"/>
                    <a:pt x="174453" y="277530"/>
                    <a:pt x="174453" y="279157"/>
                  </a:cubicBezTo>
                  <a:cubicBezTo>
                    <a:pt x="176060" y="282409"/>
                    <a:pt x="177666" y="282409"/>
                    <a:pt x="177666" y="284035"/>
                  </a:cubicBezTo>
                  <a:cubicBezTo>
                    <a:pt x="179273" y="285662"/>
                    <a:pt x="177666" y="285662"/>
                    <a:pt x="177666" y="287288"/>
                  </a:cubicBezTo>
                  <a:cubicBezTo>
                    <a:pt x="176060" y="288914"/>
                    <a:pt x="171240" y="288914"/>
                    <a:pt x="169633" y="290540"/>
                  </a:cubicBezTo>
                  <a:cubicBezTo>
                    <a:pt x="168027" y="292166"/>
                    <a:pt x="166420" y="290540"/>
                    <a:pt x="164813" y="290540"/>
                  </a:cubicBezTo>
                  <a:cubicBezTo>
                    <a:pt x="163207" y="290540"/>
                    <a:pt x="163207" y="290540"/>
                    <a:pt x="161600" y="290540"/>
                  </a:cubicBezTo>
                  <a:cubicBezTo>
                    <a:pt x="161600" y="292166"/>
                    <a:pt x="159994" y="290540"/>
                    <a:pt x="159994" y="295419"/>
                  </a:cubicBezTo>
                  <a:cubicBezTo>
                    <a:pt x="159994" y="298671"/>
                    <a:pt x="159994" y="297045"/>
                    <a:pt x="159994" y="298671"/>
                  </a:cubicBezTo>
                  <a:cubicBezTo>
                    <a:pt x="158387" y="300298"/>
                    <a:pt x="155174" y="300298"/>
                    <a:pt x="153567" y="300298"/>
                  </a:cubicBezTo>
                  <a:cubicBezTo>
                    <a:pt x="150354" y="301924"/>
                    <a:pt x="147141" y="301924"/>
                    <a:pt x="145534" y="300298"/>
                  </a:cubicBezTo>
                  <a:cubicBezTo>
                    <a:pt x="145534" y="298671"/>
                    <a:pt x="142321" y="297045"/>
                    <a:pt x="142321" y="295419"/>
                  </a:cubicBezTo>
                  <a:cubicBezTo>
                    <a:pt x="142321" y="293793"/>
                    <a:pt x="142321" y="293793"/>
                    <a:pt x="142321" y="290540"/>
                  </a:cubicBezTo>
                  <a:cubicBezTo>
                    <a:pt x="143927" y="288914"/>
                    <a:pt x="145534" y="287288"/>
                    <a:pt x="143927" y="285662"/>
                  </a:cubicBezTo>
                  <a:cubicBezTo>
                    <a:pt x="139107" y="284035"/>
                    <a:pt x="137501" y="282409"/>
                    <a:pt x="137501" y="284035"/>
                  </a:cubicBezTo>
                  <a:cubicBezTo>
                    <a:pt x="135894" y="284035"/>
                    <a:pt x="135894" y="284035"/>
                    <a:pt x="135894" y="287288"/>
                  </a:cubicBezTo>
                  <a:cubicBezTo>
                    <a:pt x="134288" y="288914"/>
                    <a:pt x="135894" y="288914"/>
                    <a:pt x="134288" y="288914"/>
                  </a:cubicBezTo>
                  <a:cubicBezTo>
                    <a:pt x="131074" y="290540"/>
                    <a:pt x="129468" y="290540"/>
                    <a:pt x="129468" y="292166"/>
                  </a:cubicBezTo>
                  <a:cubicBezTo>
                    <a:pt x="129468" y="293793"/>
                    <a:pt x="129468" y="293793"/>
                    <a:pt x="129468" y="295419"/>
                  </a:cubicBezTo>
                  <a:cubicBezTo>
                    <a:pt x="131074" y="298671"/>
                    <a:pt x="131074" y="297045"/>
                    <a:pt x="129468" y="298671"/>
                  </a:cubicBezTo>
                  <a:cubicBezTo>
                    <a:pt x="127861" y="300298"/>
                    <a:pt x="126254" y="298671"/>
                    <a:pt x="126254" y="300298"/>
                  </a:cubicBezTo>
                  <a:cubicBezTo>
                    <a:pt x="124648" y="301924"/>
                    <a:pt x="126254" y="301924"/>
                    <a:pt x="124648" y="303550"/>
                  </a:cubicBezTo>
                  <a:cubicBezTo>
                    <a:pt x="123041" y="306802"/>
                    <a:pt x="123041" y="305176"/>
                    <a:pt x="121435" y="306802"/>
                  </a:cubicBezTo>
                  <a:cubicBezTo>
                    <a:pt x="119828" y="306802"/>
                    <a:pt x="124648" y="310055"/>
                    <a:pt x="118221" y="306802"/>
                  </a:cubicBezTo>
                  <a:cubicBezTo>
                    <a:pt x="113401" y="303550"/>
                    <a:pt x="113401" y="303550"/>
                    <a:pt x="113401" y="306802"/>
                  </a:cubicBezTo>
                  <a:cubicBezTo>
                    <a:pt x="113401" y="310055"/>
                    <a:pt x="113401" y="306802"/>
                    <a:pt x="113401" y="310055"/>
                  </a:cubicBezTo>
                  <a:cubicBezTo>
                    <a:pt x="115008" y="311681"/>
                    <a:pt x="116615" y="308429"/>
                    <a:pt x="115008" y="311681"/>
                  </a:cubicBezTo>
                  <a:cubicBezTo>
                    <a:pt x="113401" y="314933"/>
                    <a:pt x="111795" y="314933"/>
                    <a:pt x="108582" y="314933"/>
                  </a:cubicBezTo>
                  <a:cubicBezTo>
                    <a:pt x="106975" y="316560"/>
                    <a:pt x="105368" y="316560"/>
                    <a:pt x="103762" y="318186"/>
                  </a:cubicBezTo>
                  <a:cubicBezTo>
                    <a:pt x="102155" y="318186"/>
                    <a:pt x="98942" y="318186"/>
                    <a:pt x="97335" y="316560"/>
                  </a:cubicBezTo>
                  <a:cubicBezTo>
                    <a:pt x="97335" y="314933"/>
                    <a:pt x="97335" y="314933"/>
                    <a:pt x="95729" y="313307"/>
                  </a:cubicBezTo>
                  <a:cubicBezTo>
                    <a:pt x="92515" y="308429"/>
                    <a:pt x="95729" y="305176"/>
                    <a:pt x="92515" y="306802"/>
                  </a:cubicBezTo>
                  <a:cubicBezTo>
                    <a:pt x="89302" y="308429"/>
                    <a:pt x="89302" y="303550"/>
                    <a:pt x="89302" y="308429"/>
                  </a:cubicBezTo>
                  <a:cubicBezTo>
                    <a:pt x="89302" y="311681"/>
                    <a:pt x="89302" y="308429"/>
                    <a:pt x="89302" y="311681"/>
                  </a:cubicBezTo>
                  <a:cubicBezTo>
                    <a:pt x="87695" y="314933"/>
                    <a:pt x="86089" y="316560"/>
                    <a:pt x="84482" y="314933"/>
                  </a:cubicBezTo>
                  <a:cubicBezTo>
                    <a:pt x="84482" y="311681"/>
                    <a:pt x="79662" y="313307"/>
                    <a:pt x="78056" y="313307"/>
                  </a:cubicBezTo>
                  <a:cubicBezTo>
                    <a:pt x="76449" y="313307"/>
                    <a:pt x="74842" y="311681"/>
                    <a:pt x="73236" y="311681"/>
                  </a:cubicBezTo>
                  <a:cubicBezTo>
                    <a:pt x="68416" y="311681"/>
                    <a:pt x="70023" y="310055"/>
                    <a:pt x="68416" y="311681"/>
                  </a:cubicBezTo>
                  <a:cubicBezTo>
                    <a:pt x="66809" y="313307"/>
                    <a:pt x="63596" y="316560"/>
                    <a:pt x="63596" y="316560"/>
                  </a:cubicBezTo>
                  <a:cubicBezTo>
                    <a:pt x="61989" y="316560"/>
                    <a:pt x="60383" y="314933"/>
                    <a:pt x="60383" y="314933"/>
                  </a:cubicBezTo>
                  <a:cubicBezTo>
                    <a:pt x="58776" y="313307"/>
                    <a:pt x="58776" y="311681"/>
                    <a:pt x="58776" y="311681"/>
                  </a:cubicBezTo>
                  <a:cubicBezTo>
                    <a:pt x="58776" y="311681"/>
                    <a:pt x="61989" y="306802"/>
                    <a:pt x="60383" y="305176"/>
                  </a:cubicBezTo>
                  <a:cubicBezTo>
                    <a:pt x="58776" y="303550"/>
                    <a:pt x="55563" y="305176"/>
                    <a:pt x="57170" y="303550"/>
                  </a:cubicBezTo>
                  <a:cubicBezTo>
                    <a:pt x="58776" y="298671"/>
                    <a:pt x="61989" y="295419"/>
                    <a:pt x="61989" y="295419"/>
                  </a:cubicBezTo>
                  <a:cubicBezTo>
                    <a:pt x="68416" y="293793"/>
                    <a:pt x="73236" y="293793"/>
                    <a:pt x="76449" y="293793"/>
                  </a:cubicBezTo>
                  <a:cubicBezTo>
                    <a:pt x="78056" y="292166"/>
                    <a:pt x="82876" y="290540"/>
                    <a:pt x="84482" y="288914"/>
                  </a:cubicBezTo>
                  <a:cubicBezTo>
                    <a:pt x="86089" y="287288"/>
                    <a:pt x="89302" y="285662"/>
                    <a:pt x="89302" y="285662"/>
                  </a:cubicBezTo>
                  <a:cubicBezTo>
                    <a:pt x="89302" y="285662"/>
                    <a:pt x="95729" y="282409"/>
                    <a:pt x="95729" y="282409"/>
                  </a:cubicBezTo>
                  <a:cubicBezTo>
                    <a:pt x="95729" y="280783"/>
                    <a:pt x="95729" y="280783"/>
                    <a:pt x="98942" y="279157"/>
                  </a:cubicBezTo>
                  <a:cubicBezTo>
                    <a:pt x="100548" y="277530"/>
                    <a:pt x="94122" y="282409"/>
                    <a:pt x="103762" y="275904"/>
                  </a:cubicBezTo>
                  <a:cubicBezTo>
                    <a:pt x="113401" y="269399"/>
                    <a:pt x="110188" y="271026"/>
                    <a:pt x="116615" y="266147"/>
                  </a:cubicBezTo>
                  <a:cubicBezTo>
                    <a:pt x="121435" y="261268"/>
                    <a:pt x="124648" y="259642"/>
                    <a:pt x="126254" y="259642"/>
                  </a:cubicBezTo>
                  <a:cubicBezTo>
                    <a:pt x="126254" y="259642"/>
                    <a:pt x="129468" y="259642"/>
                    <a:pt x="129468" y="259642"/>
                  </a:cubicBezTo>
                  <a:cubicBezTo>
                    <a:pt x="131074" y="259642"/>
                    <a:pt x="140714" y="259642"/>
                    <a:pt x="142321" y="259642"/>
                  </a:cubicBezTo>
                  <a:cubicBezTo>
                    <a:pt x="143927" y="259642"/>
                    <a:pt x="145534" y="258016"/>
                    <a:pt x="148747" y="259642"/>
                  </a:cubicBezTo>
                  <a:cubicBezTo>
                    <a:pt x="150354" y="259642"/>
                    <a:pt x="155174" y="261268"/>
                    <a:pt x="155174" y="261268"/>
                  </a:cubicBezTo>
                  <a:cubicBezTo>
                    <a:pt x="158387" y="258016"/>
                    <a:pt x="158387" y="258016"/>
                    <a:pt x="158387" y="256390"/>
                  </a:cubicBezTo>
                  <a:cubicBezTo>
                    <a:pt x="158387" y="254763"/>
                    <a:pt x="159994" y="253137"/>
                    <a:pt x="159994" y="253137"/>
                  </a:cubicBezTo>
                  <a:close/>
                  <a:moveTo>
                    <a:pt x="642739" y="248244"/>
                  </a:moveTo>
                  <a:cubicBezTo>
                    <a:pt x="643334" y="248885"/>
                    <a:pt x="642144" y="250167"/>
                    <a:pt x="642937" y="251877"/>
                  </a:cubicBezTo>
                  <a:cubicBezTo>
                    <a:pt x="642937" y="255296"/>
                    <a:pt x="644525" y="253586"/>
                    <a:pt x="646112" y="255296"/>
                  </a:cubicBezTo>
                  <a:cubicBezTo>
                    <a:pt x="647700" y="255296"/>
                    <a:pt x="649287" y="255296"/>
                    <a:pt x="649287" y="258715"/>
                  </a:cubicBezTo>
                  <a:cubicBezTo>
                    <a:pt x="649287" y="260425"/>
                    <a:pt x="650875" y="267263"/>
                    <a:pt x="649287" y="267263"/>
                  </a:cubicBezTo>
                  <a:cubicBezTo>
                    <a:pt x="647700" y="267263"/>
                    <a:pt x="646112" y="268973"/>
                    <a:pt x="644525" y="268973"/>
                  </a:cubicBezTo>
                  <a:cubicBezTo>
                    <a:pt x="641350" y="268973"/>
                    <a:pt x="642937" y="267263"/>
                    <a:pt x="638175" y="267263"/>
                  </a:cubicBezTo>
                  <a:cubicBezTo>
                    <a:pt x="635000" y="265554"/>
                    <a:pt x="635000" y="263844"/>
                    <a:pt x="635000" y="265554"/>
                  </a:cubicBezTo>
                  <a:cubicBezTo>
                    <a:pt x="633412" y="267263"/>
                    <a:pt x="631825" y="263844"/>
                    <a:pt x="631825" y="263844"/>
                  </a:cubicBezTo>
                  <a:cubicBezTo>
                    <a:pt x="630237" y="263844"/>
                    <a:pt x="630237" y="265554"/>
                    <a:pt x="630237" y="267263"/>
                  </a:cubicBezTo>
                  <a:cubicBezTo>
                    <a:pt x="628650" y="268973"/>
                    <a:pt x="628650" y="267263"/>
                    <a:pt x="627062" y="268973"/>
                  </a:cubicBezTo>
                  <a:cubicBezTo>
                    <a:pt x="625475" y="268973"/>
                    <a:pt x="625475" y="267263"/>
                    <a:pt x="623887" y="267263"/>
                  </a:cubicBezTo>
                  <a:cubicBezTo>
                    <a:pt x="623887" y="265554"/>
                    <a:pt x="620712" y="265554"/>
                    <a:pt x="622300" y="263844"/>
                  </a:cubicBezTo>
                  <a:cubicBezTo>
                    <a:pt x="623887" y="263844"/>
                    <a:pt x="625475" y="262134"/>
                    <a:pt x="623887" y="260425"/>
                  </a:cubicBezTo>
                  <a:cubicBezTo>
                    <a:pt x="623887" y="258715"/>
                    <a:pt x="620712" y="258715"/>
                    <a:pt x="620712" y="257006"/>
                  </a:cubicBezTo>
                  <a:cubicBezTo>
                    <a:pt x="620712" y="255296"/>
                    <a:pt x="615950" y="250167"/>
                    <a:pt x="631825" y="248458"/>
                  </a:cubicBezTo>
                  <a:cubicBezTo>
                    <a:pt x="639762" y="247603"/>
                    <a:pt x="642144" y="247603"/>
                    <a:pt x="642739" y="248244"/>
                  </a:cubicBezTo>
                  <a:close/>
                  <a:moveTo>
                    <a:pt x="364728" y="244918"/>
                  </a:moveTo>
                  <a:cubicBezTo>
                    <a:pt x="366315" y="245756"/>
                    <a:pt x="367506" y="247013"/>
                    <a:pt x="368300" y="247013"/>
                  </a:cubicBezTo>
                  <a:cubicBezTo>
                    <a:pt x="369887" y="247013"/>
                    <a:pt x="371475" y="250365"/>
                    <a:pt x="373063" y="250365"/>
                  </a:cubicBezTo>
                  <a:cubicBezTo>
                    <a:pt x="376238" y="252040"/>
                    <a:pt x="377825" y="253716"/>
                    <a:pt x="377825" y="257067"/>
                  </a:cubicBezTo>
                  <a:cubicBezTo>
                    <a:pt x="379413" y="258743"/>
                    <a:pt x="382588" y="260419"/>
                    <a:pt x="382588" y="262095"/>
                  </a:cubicBezTo>
                  <a:cubicBezTo>
                    <a:pt x="384175" y="263770"/>
                    <a:pt x="387350" y="263770"/>
                    <a:pt x="387350" y="267122"/>
                  </a:cubicBezTo>
                  <a:cubicBezTo>
                    <a:pt x="388938" y="270473"/>
                    <a:pt x="388938" y="270473"/>
                    <a:pt x="387350" y="270473"/>
                  </a:cubicBezTo>
                  <a:cubicBezTo>
                    <a:pt x="384175" y="270473"/>
                    <a:pt x="382588" y="272149"/>
                    <a:pt x="381000" y="270473"/>
                  </a:cubicBezTo>
                  <a:cubicBezTo>
                    <a:pt x="377825" y="270473"/>
                    <a:pt x="376238" y="272149"/>
                    <a:pt x="374650" y="272149"/>
                  </a:cubicBezTo>
                  <a:cubicBezTo>
                    <a:pt x="371475" y="272149"/>
                    <a:pt x="371475" y="268797"/>
                    <a:pt x="369887" y="268797"/>
                  </a:cubicBezTo>
                  <a:cubicBezTo>
                    <a:pt x="368300" y="267122"/>
                    <a:pt x="361950" y="262095"/>
                    <a:pt x="360362" y="260419"/>
                  </a:cubicBezTo>
                  <a:cubicBezTo>
                    <a:pt x="358775" y="258743"/>
                    <a:pt x="358775" y="257067"/>
                    <a:pt x="357187" y="253716"/>
                  </a:cubicBezTo>
                  <a:cubicBezTo>
                    <a:pt x="355600" y="252040"/>
                    <a:pt x="358775" y="245337"/>
                    <a:pt x="358775" y="245337"/>
                  </a:cubicBezTo>
                  <a:cubicBezTo>
                    <a:pt x="361156" y="243662"/>
                    <a:pt x="363140" y="244081"/>
                    <a:pt x="364728" y="244918"/>
                  </a:cubicBezTo>
                  <a:close/>
                  <a:moveTo>
                    <a:pt x="564533" y="243718"/>
                  </a:moveTo>
                  <a:cubicBezTo>
                    <a:pt x="567797" y="242852"/>
                    <a:pt x="569020" y="243285"/>
                    <a:pt x="569836" y="243718"/>
                  </a:cubicBezTo>
                  <a:cubicBezTo>
                    <a:pt x="570652" y="244151"/>
                    <a:pt x="571060" y="244584"/>
                    <a:pt x="572691" y="243718"/>
                  </a:cubicBezTo>
                  <a:cubicBezTo>
                    <a:pt x="575954" y="243718"/>
                    <a:pt x="575954" y="245450"/>
                    <a:pt x="580849" y="245450"/>
                  </a:cubicBezTo>
                  <a:cubicBezTo>
                    <a:pt x="585744" y="245450"/>
                    <a:pt x="584113" y="247181"/>
                    <a:pt x="585744" y="250645"/>
                  </a:cubicBezTo>
                  <a:cubicBezTo>
                    <a:pt x="587376" y="252377"/>
                    <a:pt x="585744" y="254109"/>
                    <a:pt x="584113" y="254109"/>
                  </a:cubicBezTo>
                  <a:cubicBezTo>
                    <a:pt x="584113" y="255840"/>
                    <a:pt x="582481" y="257572"/>
                    <a:pt x="582481" y="257572"/>
                  </a:cubicBezTo>
                  <a:cubicBezTo>
                    <a:pt x="582481" y="257572"/>
                    <a:pt x="575954" y="259304"/>
                    <a:pt x="574323" y="259304"/>
                  </a:cubicBezTo>
                  <a:cubicBezTo>
                    <a:pt x="572691" y="257572"/>
                    <a:pt x="571060" y="259304"/>
                    <a:pt x="569428" y="259304"/>
                  </a:cubicBezTo>
                  <a:cubicBezTo>
                    <a:pt x="567796" y="259304"/>
                    <a:pt x="562902" y="257572"/>
                    <a:pt x="561270" y="257572"/>
                  </a:cubicBezTo>
                  <a:cubicBezTo>
                    <a:pt x="559638" y="257572"/>
                    <a:pt x="554744" y="259304"/>
                    <a:pt x="553112" y="259304"/>
                  </a:cubicBezTo>
                  <a:cubicBezTo>
                    <a:pt x="551480" y="257572"/>
                    <a:pt x="546585" y="259304"/>
                    <a:pt x="544954" y="261036"/>
                  </a:cubicBezTo>
                  <a:cubicBezTo>
                    <a:pt x="543322" y="261036"/>
                    <a:pt x="541691" y="259304"/>
                    <a:pt x="541691" y="257572"/>
                  </a:cubicBezTo>
                  <a:cubicBezTo>
                    <a:pt x="540059" y="255840"/>
                    <a:pt x="538427" y="257572"/>
                    <a:pt x="536796" y="257572"/>
                  </a:cubicBezTo>
                  <a:cubicBezTo>
                    <a:pt x="535164" y="257572"/>
                    <a:pt x="531901" y="254109"/>
                    <a:pt x="530269" y="254109"/>
                  </a:cubicBezTo>
                  <a:cubicBezTo>
                    <a:pt x="528638" y="252377"/>
                    <a:pt x="530269" y="250645"/>
                    <a:pt x="530269" y="250645"/>
                  </a:cubicBezTo>
                  <a:cubicBezTo>
                    <a:pt x="530269" y="250645"/>
                    <a:pt x="533533" y="247181"/>
                    <a:pt x="536796" y="245450"/>
                  </a:cubicBezTo>
                  <a:cubicBezTo>
                    <a:pt x="538427" y="243718"/>
                    <a:pt x="536796" y="247181"/>
                    <a:pt x="543322" y="245450"/>
                  </a:cubicBezTo>
                  <a:cubicBezTo>
                    <a:pt x="543322" y="245450"/>
                    <a:pt x="546585" y="247181"/>
                    <a:pt x="546585" y="247181"/>
                  </a:cubicBezTo>
                  <a:cubicBezTo>
                    <a:pt x="546585" y="247181"/>
                    <a:pt x="548217" y="247181"/>
                    <a:pt x="551480" y="245450"/>
                  </a:cubicBezTo>
                  <a:cubicBezTo>
                    <a:pt x="554744" y="245450"/>
                    <a:pt x="559638" y="243718"/>
                    <a:pt x="564533" y="243718"/>
                  </a:cubicBezTo>
                  <a:close/>
                  <a:moveTo>
                    <a:pt x="428625" y="238811"/>
                  </a:moveTo>
                  <a:cubicBezTo>
                    <a:pt x="428625" y="238811"/>
                    <a:pt x="428625" y="238811"/>
                    <a:pt x="433387" y="238811"/>
                  </a:cubicBezTo>
                  <a:cubicBezTo>
                    <a:pt x="433387" y="238811"/>
                    <a:pt x="436562" y="240399"/>
                    <a:pt x="439737" y="241986"/>
                  </a:cubicBezTo>
                  <a:cubicBezTo>
                    <a:pt x="439737" y="241986"/>
                    <a:pt x="439737" y="241986"/>
                    <a:pt x="444500" y="245161"/>
                  </a:cubicBezTo>
                  <a:cubicBezTo>
                    <a:pt x="444500" y="245161"/>
                    <a:pt x="444500" y="245161"/>
                    <a:pt x="444500" y="248336"/>
                  </a:cubicBezTo>
                  <a:cubicBezTo>
                    <a:pt x="442912" y="249924"/>
                    <a:pt x="436562" y="249924"/>
                    <a:pt x="434975" y="249924"/>
                  </a:cubicBezTo>
                  <a:cubicBezTo>
                    <a:pt x="431800" y="248336"/>
                    <a:pt x="433387" y="249924"/>
                    <a:pt x="431800" y="248336"/>
                  </a:cubicBezTo>
                  <a:cubicBezTo>
                    <a:pt x="430212" y="248336"/>
                    <a:pt x="430212" y="248336"/>
                    <a:pt x="427037" y="248336"/>
                  </a:cubicBezTo>
                  <a:cubicBezTo>
                    <a:pt x="425450" y="246749"/>
                    <a:pt x="423862" y="248336"/>
                    <a:pt x="422275" y="248336"/>
                  </a:cubicBezTo>
                  <a:cubicBezTo>
                    <a:pt x="422275" y="246749"/>
                    <a:pt x="422275" y="246749"/>
                    <a:pt x="420687" y="245161"/>
                  </a:cubicBezTo>
                  <a:cubicBezTo>
                    <a:pt x="419100" y="243574"/>
                    <a:pt x="420687" y="243574"/>
                    <a:pt x="420687" y="241986"/>
                  </a:cubicBezTo>
                  <a:cubicBezTo>
                    <a:pt x="422275" y="240399"/>
                    <a:pt x="422275" y="240399"/>
                    <a:pt x="423862" y="240399"/>
                  </a:cubicBezTo>
                  <a:cubicBezTo>
                    <a:pt x="425450" y="238811"/>
                    <a:pt x="428625" y="238811"/>
                    <a:pt x="428625" y="238811"/>
                  </a:cubicBezTo>
                  <a:close/>
                  <a:moveTo>
                    <a:pt x="204788" y="234048"/>
                  </a:moveTo>
                  <a:cubicBezTo>
                    <a:pt x="206376" y="234048"/>
                    <a:pt x="207963" y="234048"/>
                    <a:pt x="209551" y="234048"/>
                  </a:cubicBezTo>
                  <a:cubicBezTo>
                    <a:pt x="211138" y="235635"/>
                    <a:pt x="212726" y="237223"/>
                    <a:pt x="214313" y="237223"/>
                  </a:cubicBezTo>
                  <a:cubicBezTo>
                    <a:pt x="215901" y="238811"/>
                    <a:pt x="219076" y="238811"/>
                    <a:pt x="219076" y="240398"/>
                  </a:cubicBezTo>
                  <a:cubicBezTo>
                    <a:pt x="220663" y="240398"/>
                    <a:pt x="222251" y="240398"/>
                    <a:pt x="220663" y="241986"/>
                  </a:cubicBezTo>
                  <a:cubicBezTo>
                    <a:pt x="220663" y="245161"/>
                    <a:pt x="220663" y="243573"/>
                    <a:pt x="217488" y="245161"/>
                  </a:cubicBezTo>
                  <a:cubicBezTo>
                    <a:pt x="215901" y="246748"/>
                    <a:pt x="212726" y="248336"/>
                    <a:pt x="211138" y="246748"/>
                  </a:cubicBezTo>
                  <a:cubicBezTo>
                    <a:pt x="209551" y="245161"/>
                    <a:pt x="206376" y="246748"/>
                    <a:pt x="203201" y="245161"/>
                  </a:cubicBezTo>
                  <a:cubicBezTo>
                    <a:pt x="200025" y="245161"/>
                    <a:pt x="198438" y="246748"/>
                    <a:pt x="198438" y="245161"/>
                  </a:cubicBezTo>
                  <a:cubicBezTo>
                    <a:pt x="196850" y="243573"/>
                    <a:pt x="195263" y="241986"/>
                    <a:pt x="195263" y="241986"/>
                  </a:cubicBezTo>
                  <a:cubicBezTo>
                    <a:pt x="195263" y="241986"/>
                    <a:pt x="195263" y="238811"/>
                    <a:pt x="195263" y="238811"/>
                  </a:cubicBezTo>
                  <a:cubicBezTo>
                    <a:pt x="196850" y="238811"/>
                    <a:pt x="198438" y="235635"/>
                    <a:pt x="200025" y="235635"/>
                  </a:cubicBezTo>
                  <a:cubicBezTo>
                    <a:pt x="201613" y="235635"/>
                    <a:pt x="203201" y="234048"/>
                    <a:pt x="204788" y="234048"/>
                  </a:cubicBezTo>
                  <a:close/>
                  <a:moveTo>
                    <a:pt x="262807" y="232461"/>
                  </a:moveTo>
                  <a:cubicBezTo>
                    <a:pt x="264432" y="232461"/>
                    <a:pt x="269308" y="232461"/>
                    <a:pt x="270933" y="232461"/>
                  </a:cubicBezTo>
                  <a:cubicBezTo>
                    <a:pt x="274184" y="232461"/>
                    <a:pt x="275809" y="232461"/>
                    <a:pt x="279060" y="232461"/>
                  </a:cubicBezTo>
                  <a:cubicBezTo>
                    <a:pt x="280685" y="234137"/>
                    <a:pt x="285561" y="234137"/>
                    <a:pt x="287187" y="234137"/>
                  </a:cubicBezTo>
                  <a:cubicBezTo>
                    <a:pt x="288812" y="234137"/>
                    <a:pt x="288812" y="235812"/>
                    <a:pt x="292062" y="234137"/>
                  </a:cubicBezTo>
                  <a:cubicBezTo>
                    <a:pt x="293688" y="234137"/>
                    <a:pt x="293688" y="235812"/>
                    <a:pt x="290437" y="239164"/>
                  </a:cubicBezTo>
                  <a:cubicBezTo>
                    <a:pt x="290437" y="239164"/>
                    <a:pt x="287187" y="240840"/>
                    <a:pt x="283936" y="239164"/>
                  </a:cubicBezTo>
                  <a:cubicBezTo>
                    <a:pt x="282311" y="237488"/>
                    <a:pt x="282311" y="239164"/>
                    <a:pt x="280685" y="239164"/>
                  </a:cubicBezTo>
                  <a:cubicBezTo>
                    <a:pt x="279060" y="239164"/>
                    <a:pt x="275809" y="240840"/>
                    <a:pt x="274184" y="244191"/>
                  </a:cubicBezTo>
                  <a:cubicBezTo>
                    <a:pt x="274184" y="244191"/>
                    <a:pt x="279060" y="244191"/>
                    <a:pt x="280685" y="245867"/>
                  </a:cubicBezTo>
                  <a:cubicBezTo>
                    <a:pt x="283936" y="245867"/>
                    <a:pt x="282311" y="245867"/>
                    <a:pt x="283936" y="247542"/>
                  </a:cubicBezTo>
                  <a:cubicBezTo>
                    <a:pt x="285561" y="249218"/>
                    <a:pt x="283936" y="247542"/>
                    <a:pt x="283936" y="249218"/>
                  </a:cubicBezTo>
                  <a:cubicBezTo>
                    <a:pt x="283936" y="252570"/>
                    <a:pt x="285561" y="252570"/>
                    <a:pt x="285561" y="252570"/>
                  </a:cubicBezTo>
                  <a:cubicBezTo>
                    <a:pt x="285561" y="252570"/>
                    <a:pt x="283936" y="254245"/>
                    <a:pt x="283936" y="255921"/>
                  </a:cubicBezTo>
                  <a:cubicBezTo>
                    <a:pt x="282311" y="255921"/>
                    <a:pt x="279060" y="257597"/>
                    <a:pt x="274184" y="257597"/>
                  </a:cubicBezTo>
                  <a:cubicBezTo>
                    <a:pt x="274184" y="257597"/>
                    <a:pt x="270933" y="259272"/>
                    <a:pt x="269308" y="259272"/>
                  </a:cubicBezTo>
                  <a:cubicBezTo>
                    <a:pt x="269308" y="259272"/>
                    <a:pt x="267683" y="259272"/>
                    <a:pt x="264432" y="260948"/>
                  </a:cubicBezTo>
                  <a:cubicBezTo>
                    <a:pt x="262807" y="260948"/>
                    <a:pt x="261182" y="260948"/>
                    <a:pt x="261182" y="260948"/>
                  </a:cubicBezTo>
                  <a:cubicBezTo>
                    <a:pt x="261182" y="260948"/>
                    <a:pt x="261182" y="260948"/>
                    <a:pt x="254680" y="260948"/>
                  </a:cubicBezTo>
                  <a:cubicBezTo>
                    <a:pt x="254680" y="260948"/>
                    <a:pt x="254680" y="260948"/>
                    <a:pt x="249805" y="262624"/>
                  </a:cubicBezTo>
                  <a:cubicBezTo>
                    <a:pt x="249805" y="262624"/>
                    <a:pt x="249805" y="262624"/>
                    <a:pt x="244929" y="262624"/>
                  </a:cubicBezTo>
                  <a:cubicBezTo>
                    <a:pt x="244929" y="262624"/>
                    <a:pt x="241678" y="262624"/>
                    <a:pt x="241678" y="260948"/>
                  </a:cubicBezTo>
                  <a:cubicBezTo>
                    <a:pt x="240053" y="259272"/>
                    <a:pt x="236802" y="259272"/>
                    <a:pt x="236802" y="259272"/>
                  </a:cubicBezTo>
                  <a:cubicBezTo>
                    <a:pt x="235177" y="259272"/>
                    <a:pt x="228675" y="259272"/>
                    <a:pt x="227050" y="257597"/>
                  </a:cubicBezTo>
                  <a:cubicBezTo>
                    <a:pt x="225425" y="255921"/>
                    <a:pt x="225425" y="254245"/>
                    <a:pt x="225425" y="250894"/>
                  </a:cubicBezTo>
                  <a:cubicBezTo>
                    <a:pt x="225425" y="249218"/>
                    <a:pt x="227050" y="244191"/>
                    <a:pt x="227050" y="242515"/>
                  </a:cubicBezTo>
                  <a:cubicBezTo>
                    <a:pt x="227050" y="240840"/>
                    <a:pt x="227050" y="240840"/>
                    <a:pt x="228675" y="240840"/>
                  </a:cubicBezTo>
                  <a:cubicBezTo>
                    <a:pt x="228675" y="240840"/>
                    <a:pt x="230301" y="239164"/>
                    <a:pt x="231926" y="237488"/>
                  </a:cubicBezTo>
                  <a:cubicBezTo>
                    <a:pt x="231926" y="237488"/>
                    <a:pt x="233551" y="237488"/>
                    <a:pt x="236802" y="237488"/>
                  </a:cubicBezTo>
                  <a:cubicBezTo>
                    <a:pt x="238427" y="237488"/>
                    <a:pt x="240053" y="237488"/>
                    <a:pt x="240053" y="235812"/>
                  </a:cubicBezTo>
                  <a:cubicBezTo>
                    <a:pt x="241678" y="235812"/>
                    <a:pt x="243303" y="235812"/>
                    <a:pt x="246554" y="234137"/>
                  </a:cubicBezTo>
                  <a:cubicBezTo>
                    <a:pt x="248179" y="232461"/>
                    <a:pt x="249805" y="234137"/>
                    <a:pt x="253055" y="235812"/>
                  </a:cubicBezTo>
                  <a:cubicBezTo>
                    <a:pt x="254680" y="235812"/>
                    <a:pt x="257931" y="235812"/>
                    <a:pt x="257931" y="234137"/>
                  </a:cubicBezTo>
                  <a:cubicBezTo>
                    <a:pt x="259556" y="232461"/>
                    <a:pt x="261182" y="234137"/>
                    <a:pt x="262807" y="232461"/>
                  </a:cubicBezTo>
                  <a:close/>
                  <a:moveTo>
                    <a:pt x="275742" y="207061"/>
                  </a:moveTo>
                  <a:cubicBezTo>
                    <a:pt x="277364" y="208648"/>
                    <a:pt x="282231" y="207061"/>
                    <a:pt x="282231" y="207061"/>
                  </a:cubicBezTo>
                  <a:cubicBezTo>
                    <a:pt x="283853" y="208648"/>
                    <a:pt x="283853" y="208648"/>
                    <a:pt x="287097" y="210236"/>
                  </a:cubicBezTo>
                  <a:cubicBezTo>
                    <a:pt x="288719" y="211824"/>
                    <a:pt x="291963" y="211824"/>
                    <a:pt x="293585" y="213411"/>
                  </a:cubicBezTo>
                  <a:cubicBezTo>
                    <a:pt x="295207" y="214999"/>
                    <a:pt x="296829" y="213411"/>
                    <a:pt x="298451" y="216586"/>
                  </a:cubicBezTo>
                  <a:cubicBezTo>
                    <a:pt x="298451" y="219761"/>
                    <a:pt x="298451" y="222936"/>
                    <a:pt x="296829" y="224524"/>
                  </a:cubicBezTo>
                  <a:cubicBezTo>
                    <a:pt x="295207" y="226111"/>
                    <a:pt x="296829" y="226111"/>
                    <a:pt x="291963" y="226111"/>
                  </a:cubicBezTo>
                  <a:cubicBezTo>
                    <a:pt x="288719" y="227699"/>
                    <a:pt x="287097" y="227699"/>
                    <a:pt x="283853" y="226111"/>
                  </a:cubicBezTo>
                  <a:cubicBezTo>
                    <a:pt x="280609" y="226111"/>
                    <a:pt x="277364" y="224524"/>
                    <a:pt x="275742" y="226111"/>
                  </a:cubicBezTo>
                  <a:cubicBezTo>
                    <a:pt x="272498" y="226111"/>
                    <a:pt x="269254" y="226111"/>
                    <a:pt x="267632" y="224524"/>
                  </a:cubicBezTo>
                  <a:cubicBezTo>
                    <a:pt x="266010" y="224524"/>
                    <a:pt x="267632" y="222936"/>
                    <a:pt x="264388" y="224524"/>
                  </a:cubicBezTo>
                  <a:cubicBezTo>
                    <a:pt x="261144" y="224524"/>
                    <a:pt x="262766" y="222936"/>
                    <a:pt x="261144" y="224524"/>
                  </a:cubicBezTo>
                  <a:cubicBezTo>
                    <a:pt x="259522" y="227699"/>
                    <a:pt x="257900" y="227699"/>
                    <a:pt x="256278" y="227699"/>
                  </a:cubicBezTo>
                  <a:cubicBezTo>
                    <a:pt x="254656" y="227699"/>
                    <a:pt x="253034" y="226111"/>
                    <a:pt x="251412" y="226111"/>
                  </a:cubicBezTo>
                  <a:cubicBezTo>
                    <a:pt x="249790" y="224524"/>
                    <a:pt x="249790" y="224524"/>
                    <a:pt x="248168" y="224524"/>
                  </a:cubicBezTo>
                  <a:cubicBezTo>
                    <a:pt x="246546" y="224524"/>
                    <a:pt x="246546" y="222936"/>
                    <a:pt x="244924" y="224524"/>
                  </a:cubicBezTo>
                  <a:cubicBezTo>
                    <a:pt x="241680" y="224524"/>
                    <a:pt x="241680" y="224524"/>
                    <a:pt x="240058" y="226111"/>
                  </a:cubicBezTo>
                  <a:cubicBezTo>
                    <a:pt x="238436" y="226111"/>
                    <a:pt x="236814" y="227699"/>
                    <a:pt x="236814" y="227699"/>
                  </a:cubicBezTo>
                  <a:cubicBezTo>
                    <a:pt x="233570" y="226111"/>
                    <a:pt x="231948" y="226111"/>
                    <a:pt x="228704" y="226111"/>
                  </a:cubicBezTo>
                  <a:cubicBezTo>
                    <a:pt x="227082" y="227699"/>
                    <a:pt x="225460" y="227699"/>
                    <a:pt x="225460" y="226111"/>
                  </a:cubicBezTo>
                  <a:cubicBezTo>
                    <a:pt x="225460" y="226111"/>
                    <a:pt x="223838" y="224524"/>
                    <a:pt x="225460" y="224524"/>
                  </a:cubicBezTo>
                  <a:cubicBezTo>
                    <a:pt x="228704" y="221349"/>
                    <a:pt x="233570" y="218174"/>
                    <a:pt x="233570" y="219761"/>
                  </a:cubicBezTo>
                  <a:cubicBezTo>
                    <a:pt x="235192" y="219761"/>
                    <a:pt x="235192" y="218174"/>
                    <a:pt x="236814" y="218174"/>
                  </a:cubicBezTo>
                  <a:cubicBezTo>
                    <a:pt x="238436" y="218174"/>
                    <a:pt x="238436" y="216586"/>
                    <a:pt x="240058" y="216586"/>
                  </a:cubicBezTo>
                  <a:cubicBezTo>
                    <a:pt x="241680" y="216586"/>
                    <a:pt x="241680" y="216586"/>
                    <a:pt x="243302" y="216586"/>
                  </a:cubicBezTo>
                  <a:cubicBezTo>
                    <a:pt x="244924" y="218174"/>
                    <a:pt x="246546" y="216586"/>
                    <a:pt x="248168" y="216586"/>
                  </a:cubicBezTo>
                  <a:cubicBezTo>
                    <a:pt x="249790" y="216586"/>
                    <a:pt x="253034" y="214999"/>
                    <a:pt x="253034" y="214999"/>
                  </a:cubicBezTo>
                  <a:cubicBezTo>
                    <a:pt x="253034" y="214999"/>
                    <a:pt x="256278" y="213411"/>
                    <a:pt x="257900" y="213411"/>
                  </a:cubicBezTo>
                  <a:cubicBezTo>
                    <a:pt x="257900" y="211824"/>
                    <a:pt x="264388" y="210236"/>
                    <a:pt x="264388" y="210236"/>
                  </a:cubicBezTo>
                  <a:cubicBezTo>
                    <a:pt x="264388" y="210236"/>
                    <a:pt x="266010" y="208648"/>
                    <a:pt x="267632" y="208648"/>
                  </a:cubicBezTo>
                  <a:cubicBezTo>
                    <a:pt x="269254" y="207061"/>
                    <a:pt x="272498" y="207061"/>
                    <a:pt x="275742" y="207061"/>
                  </a:cubicBezTo>
                  <a:close/>
                  <a:moveTo>
                    <a:pt x="495342" y="205473"/>
                  </a:moveTo>
                  <a:cubicBezTo>
                    <a:pt x="498601" y="205473"/>
                    <a:pt x="503488" y="203886"/>
                    <a:pt x="505118" y="205473"/>
                  </a:cubicBezTo>
                  <a:cubicBezTo>
                    <a:pt x="506747" y="205473"/>
                    <a:pt x="510006" y="207061"/>
                    <a:pt x="513264" y="208648"/>
                  </a:cubicBezTo>
                  <a:cubicBezTo>
                    <a:pt x="514894" y="208648"/>
                    <a:pt x="518152" y="208648"/>
                    <a:pt x="519781" y="210236"/>
                  </a:cubicBezTo>
                  <a:cubicBezTo>
                    <a:pt x="523040" y="211823"/>
                    <a:pt x="529557" y="210236"/>
                    <a:pt x="531186" y="211823"/>
                  </a:cubicBezTo>
                  <a:cubicBezTo>
                    <a:pt x="531186" y="211823"/>
                    <a:pt x="534445" y="211823"/>
                    <a:pt x="532816" y="214998"/>
                  </a:cubicBezTo>
                  <a:cubicBezTo>
                    <a:pt x="532816" y="218173"/>
                    <a:pt x="534445" y="218173"/>
                    <a:pt x="536074" y="218173"/>
                  </a:cubicBezTo>
                  <a:cubicBezTo>
                    <a:pt x="537704" y="219761"/>
                    <a:pt x="534445" y="218173"/>
                    <a:pt x="540962" y="218173"/>
                  </a:cubicBezTo>
                  <a:cubicBezTo>
                    <a:pt x="545850" y="219761"/>
                    <a:pt x="550738" y="219761"/>
                    <a:pt x="550738" y="219761"/>
                  </a:cubicBezTo>
                  <a:cubicBezTo>
                    <a:pt x="550738" y="219761"/>
                    <a:pt x="553996" y="219761"/>
                    <a:pt x="553996" y="222936"/>
                  </a:cubicBezTo>
                  <a:cubicBezTo>
                    <a:pt x="553996" y="224523"/>
                    <a:pt x="555626" y="224523"/>
                    <a:pt x="555626" y="224523"/>
                  </a:cubicBezTo>
                  <a:cubicBezTo>
                    <a:pt x="555626" y="224523"/>
                    <a:pt x="550738" y="227698"/>
                    <a:pt x="550738" y="229286"/>
                  </a:cubicBezTo>
                  <a:cubicBezTo>
                    <a:pt x="550738" y="230873"/>
                    <a:pt x="555626" y="230873"/>
                    <a:pt x="555626" y="232461"/>
                  </a:cubicBezTo>
                  <a:cubicBezTo>
                    <a:pt x="553996" y="234048"/>
                    <a:pt x="555626" y="235636"/>
                    <a:pt x="553996" y="237223"/>
                  </a:cubicBezTo>
                  <a:cubicBezTo>
                    <a:pt x="550738" y="238811"/>
                    <a:pt x="550738" y="238811"/>
                    <a:pt x="547479" y="240398"/>
                  </a:cubicBezTo>
                  <a:cubicBezTo>
                    <a:pt x="544221" y="240398"/>
                    <a:pt x="542591" y="240398"/>
                    <a:pt x="540962" y="240398"/>
                  </a:cubicBezTo>
                  <a:cubicBezTo>
                    <a:pt x="536074" y="241986"/>
                    <a:pt x="536074" y="243573"/>
                    <a:pt x="532816" y="243573"/>
                  </a:cubicBezTo>
                  <a:cubicBezTo>
                    <a:pt x="529557" y="241986"/>
                    <a:pt x="529557" y="240398"/>
                    <a:pt x="529557" y="240398"/>
                  </a:cubicBezTo>
                  <a:cubicBezTo>
                    <a:pt x="529557" y="240398"/>
                    <a:pt x="531186" y="238811"/>
                    <a:pt x="526299" y="241986"/>
                  </a:cubicBezTo>
                  <a:cubicBezTo>
                    <a:pt x="523040" y="245161"/>
                    <a:pt x="523040" y="243573"/>
                    <a:pt x="523040" y="245161"/>
                  </a:cubicBezTo>
                  <a:cubicBezTo>
                    <a:pt x="518152" y="245161"/>
                    <a:pt x="514894" y="243573"/>
                    <a:pt x="514894" y="241986"/>
                  </a:cubicBezTo>
                  <a:cubicBezTo>
                    <a:pt x="513264" y="240398"/>
                    <a:pt x="511635" y="240398"/>
                    <a:pt x="511635" y="238811"/>
                  </a:cubicBezTo>
                  <a:cubicBezTo>
                    <a:pt x="511635" y="237223"/>
                    <a:pt x="511635" y="235636"/>
                    <a:pt x="510006" y="235636"/>
                  </a:cubicBezTo>
                  <a:cubicBezTo>
                    <a:pt x="506747" y="235636"/>
                    <a:pt x="505118" y="234048"/>
                    <a:pt x="505118" y="234048"/>
                  </a:cubicBezTo>
                  <a:cubicBezTo>
                    <a:pt x="514894" y="232461"/>
                    <a:pt x="518152" y="234048"/>
                    <a:pt x="514894" y="232461"/>
                  </a:cubicBezTo>
                  <a:cubicBezTo>
                    <a:pt x="511635" y="230873"/>
                    <a:pt x="510006" y="227698"/>
                    <a:pt x="508376" y="227698"/>
                  </a:cubicBezTo>
                  <a:cubicBezTo>
                    <a:pt x="506747" y="229286"/>
                    <a:pt x="506747" y="229286"/>
                    <a:pt x="503488" y="227698"/>
                  </a:cubicBezTo>
                  <a:cubicBezTo>
                    <a:pt x="498601" y="226111"/>
                    <a:pt x="501859" y="232461"/>
                    <a:pt x="498601" y="224523"/>
                  </a:cubicBezTo>
                  <a:cubicBezTo>
                    <a:pt x="495342" y="218173"/>
                    <a:pt x="495342" y="219761"/>
                    <a:pt x="495342" y="216586"/>
                  </a:cubicBezTo>
                  <a:cubicBezTo>
                    <a:pt x="495342" y="211823"/>
                    <a:pt x="495342" y="211823"/>
                    <a:pt x="495342" y="210236"/>
                  </a:cubicBezTo>
                  <a:cubicBezTo>
                    <a:pt x="495342" y="208648"/>
                    <a:pt x="493713" y="207061"/>
                    <a:pt x="495342" y="205473"/>
                  </a:cubicBezTo>
                  <a:close/>
                  <a:moveTo>
                    <a:pt x="383165" y="184835"/>
                  </a:moveTo>
                  <a:cubicBezTo>
                    <a:pt x="386423" y="184835"/>
                    <a:pt x="388051" y="186423"/>
                    <a:pt x="389680" y="186423"/>
                  </a:cubicBezTo>
                  <a:cubicBezTo>
                    <a:pt x="392938" y="184835"/>
                    <a:pt x="392938" y="186423"/>
                    <a:pt x="396195" y="184835"/>
                  </a:cubicBezTo>
                  <a:cubicBezTo>
                    <a:pt x="399453" y="183248"/>
                    <a:pt x="399453" y="184835"/>
                    <a:pt x="401081" y="184835"/>
                  </a:cubicBezTo>
                  <a:cubicBezTo>
                    <a:pt x="402710" y="186423"/>
                    <a:pt x="402710" y="186423"/>
                    <a:pt x="407596" y="188010"/>
                  </a:cubicBezTo>
                  <a:cubicBezTo>
                    <a:pt x="407596" y="188010"/>
                    <a:pt x="410854" y="188010"/>
                    <a:pt x="412482" y="189598"/>
                  </a:cubicBezTo>
                  <a:cubicBezTo>
                    <a:pt x="414111" y="189598"/>
                    <a:pt x="415740" y="191185"/>
                    <a:pt x="415740" y="191185"/>
                  </a:cubicBezTo>
                  <a:cubicBezTo>
                    <a:pt x="415740" y="191185"/>
                    <a:pt x="415740" y="194360"/>
                    <a:pt x="415740" y="199123"/>
                  </a:cubicBezTo>
                  <a:cubicBezTo>
                    <a:pt x="415740" y="203885"/>
                    <a:pt x="415740" y="202298"/>
                    <a:pt x="418997" y="199123"/>
                  </a:cubicBezTo>
                  <a:cubicBezTo>
                    <a:pt x="420626" y="197535"/>
                    <a:pt x="423884" y="199123"/>
                    <a:pt x="425512" y="195948"/>
                  </a:cubicBezTo>
                  <a:cubicBezTo>
                    <a:pt x="428770" y="192773"/>
                    <a:pt x="428770" y="195948"/>
                    <a:pt x="430399" y="195948"/>
                  </a:cubicBezTo>
                  <a:cubicBezTo>
                    <a:pt x="432027" y="195948"/>
                    <a:pt x="433656" y="195948"/>
                    <a:pt x="436914" y="195948"/>
                  </a:cubicBezTo>
                  <a:cubicBezTo>
                    <a:pt x="441800" y="195948"/>
                    <a:pt x="438542" y="197535"/>
                    <a:pt x="441800" y="197535"/>
                  </a:cubicBezTo>
                  <a:cubicBezTo>
                    <a:pt x="445057" y="199123"/>
                    <a:pt x="443429" y="200710"/>
                    <a:pt x="445057" y="200710"/>
                  </a:cubicBezTo>
                  <a:cubicBezTo>
                    <a:pt x="446686" y="202298"/>
                    <a:pt x="446686" y="203885"/>
                    <a:pt x="449943" y="207060"/>
                  </a:cubicBezTo>
                  <a:cubicBezTo>
                    <a:pt x="449943" y="207060"/>
                    <a:pt x="451572" y="207060"/>
                    <a:pt x="454830" y="203885"/>
                  </a:cubicBezTo>
                  <a:cubicBezTo>
                    <a:pt x="456458" y="203885"/>
                    <a:pt x="459716" y="205473"/>
                    <a:pt x="461345" y="205473"/>
                  </a:cubicBezTo>
                  <a:cubicBezTo>
                    <a:pt x="464602" y="203885"/>
                    <a:pt x="464602" y="207060"/>
                    <a:pt x="464602" y="208648"/>
                  </a:cubicBezTo>
                  <a:cubicBezTo>
                    <a:pt x="464602" y="208648"/>
                    <a:pt x="462973" y="210235"/>
                    <a:pt x="467860" y="213410"/>
                  </a:cubicBezTo>
                  <a:cubicBezTo>
                    <a:pt x="467860" y="213410"/>
                    <a:pt x="471117" y="211823"/>
                    <a:pt x="472746" y="213410"/>
                  </a:cubicBezTo>
                  <a:cubicBezTo>
                    <a:pt x="476003" y="216585"/>
                    <a:pt x="472746" y="216585"/>
                    <a:pt x="472746" y="216585"/>
                  </a:cubicBezTo>
                  <a:cubicBezTo>
                    <a:pt x="472746" y="216585"/>
                    <a:pt x="471117" y="219760"/>
                    <a:pt x="471117" y="219760"/>
                  </a:cubicBezTo>
                  <a:cubicBezTo>
                    <a:pt x="469488" y="221348"/>
                    <a:pt x="471117" y="221348"/>
                    <a:pt x="474375" y="226110"/>
                  </a:cubicBezTo>
                  <a:cubicBezTo>
                    <a:pt x="474375" y="226110"/>
                    <a:pt x="474375" y="226110"/>
                    <a:pt x="477632" y="227698"/>
                  </a:cubicBezTo>
                  <a:cubicBezTo>
                    <a:pt x="477632" y="227698"/>
                    <a:pt x="480890" y="230873"/>
                    <a:pt x="482518" y="230873"/>
                  </a:cubicBezTo>
                  <a:cubicBezTo>
                    <a:pt x="482518" y="230873"/>
                    <a:pt x="482518" y="232460"/>
                    <a:pt x="482518" y="235635"/>
                  </a:cubicBezTo>
                  <a:cubicBezTo>
                    <a:pt x="482518" y="240398"/>
                    <a:pt x="484147" y="240398"/>
                    <a:pt x="484147" y="240398"/>
                  </a:cubicBezTo>
                  <a:cubicBezTo>
                    <a:pt x="485776" y="240398"/>
                    <a:pt x="480890" y="243573"/>
                    <a:pt x="479261" y="245160"/>
                  </a:cubicBezTo>
                  <a:cubicBezTo>
                    <a:pt x="477632" y="246748"/>
                    <a:pt x="472746" y="246748"/>
                    <a:pt x="467860" y="243573"/>
                  </a:cubicBezTo>
                  <a:cubicBezTo>
                    <a:pt x="467860" y="243573"/>
                    <a:pt x="464602" y="245160"/>
                    <a:pt x="462973" y="243573"/>
                  </a:cubicBezTo>
                  <a:cubicBezTo>
                    <a:pt x="461345" y="243573"/>
                    <a:pt x="458087" y="245160"/>
                    <a:pt x="453201" y="241985"/>
                  </a:cubicBezTo>
                  <a:cubicBezTo>
                    <a:pt x="451572" y="240398"/>
                    <a:pt x="448315" y="240398"/>
                    <a:pt x="448315" y="240398"/>
                  </a:cubicBezTo>
                  <a:cubicBezTo>
                    <a:pt x="448315" y="240398"/>
                    <a:pt x="448315" y="237223"/>
                    <a:pt x="448315" y="235635"/>
                  </a:cubicBezTo>
                  <a:cubicBezTo>
                    <a:pt x="446686" y="234048"/>
                    <a:pt x="445057" y="234048"/>
                    <a:pt x="445057" y="234048"/>
                  </a:cubicBezTo>
                  <a:cubicBezTo>
                    <a:pt x="445057" y="234048"/>
                    <a:pt x="445057" y="234048"/>
                    <a:pt x="445057" y="232460"/>
                  </a:cubicBezTo>
                  <a:cubicBezTo>
                    <a:pt x="445057" y="232460"/>
                    <a:pt x="443429" y="230873"/>
                    <a:pt x="438542" y="230873"/>
                  </a:cubicBezTo>
                  <a:cubicBezTo>
                    <a:pt x="432027" y="230873"/>
                    <a:pt x="438542" y="230873"/>
                    <a:pt x="435285" y="230873"/>
                  </a:cubicBezTo>
                  <a:cubicBezTo>
                    <a:pt x="435285" y="230873"/>
                    <a:pt x="435285" y="230873"/>
                    <a:pt x="430399" y="230873"/>
                  </a:cubicBezTo>
                  <a:cubicBezTo>
                    <a:pt x="430399" y="230873"/>
                    <a:pt x="430399" y="227698"/>
                    <a:pt x="430399" y="227698"/>
                  </a:cubicBezTo>
                  <a:cubicBezTo>
                    <a:pt x="428770" y="227698"/>
                    <a:pt x="425512" y="226110"/>
                    <a:pt x="425512" y="226110"/>
                  </a:cubicBezTo>
                  <a:cubicBezTo>
                    <a:pt x="422255" y="226110"/>
                    <a:pt x="423884" y="226110"/>
                    <a:pt x="422255" y="226110"/>
                  </a:cubicBezTo>
                  <a:cubicBezTo>
                    <a:pt x="418997" y="227698"/>
                    <a:pt x="418997" y="226110"/>
                    <a:pt x="417369" y="226110"/>
                  </a:cubicBezTo>
                  <a:cubicBezTo>
                    <a:pt x="414111" y="226110"/>
                    <a:pt x="415740" y="227698"/>
                    <a:pt x="414111" y="226110"/>
                  </a:cubicBezTo>
                  <a:cubicBezTo>
                    <a:pt x="414111" y="224523"/>
                    <a:pt x="414111" y="222935"/>
                    <a:pt x="412482" y="222935"/>
                  </a:cubicBezTo>
                  <a:cubicBezTo>
                    <a:pt x="412482" y="221348"/>
                    <a:pt x="410854" y="224523"/>
                    <a:pt x="407596" y="224523"/>
                  </a:cubicBezTo>
                  <a:cubicBezTo>
                    <a:pt x="404339" y="222935"/>
                    <a:pt x="404339" y="226110"/>
                    <a:pt x="402710" y="226110"/>
                  </a:cubicBezTo>
                  <a:cubicBezTo>
                    <a:pt x="401081" y="226110"/>
                    <a:pt x="399453" y="227698"/>
                    <a:pt x="399453" y="227698"/>
                  </a:cubicBezTo>
                  <a:cubicBezTo>
                    <a:pt x="399453" y="227698"/>
                    <a:pt x="396195" y="227698"/>
                    <a:pt x="394566" y="226110"/>
                  </a:cubicBezTo>
                  <a:cubicBezTo>
                    <a:pt x="394566" y="226110"/>
                    <a:pt x="391309" y="227698"/>
                    <a:pt x="388051" y="227698"/>
                  </a:cubicBezTo>
                  <a:cubicBezTo>
                    <a:pt x="384794" y="227698"/>
                    <a:pt x="386423" y="229285"/>
                    <a:pt x="384794" y="226110"/>
                  </a:cubicBezTo>
                  <a:cubicBezTo>
                    <a:pt x="383165" y="224523"/>
                    <a:pt x="381536" y="226110"/>
                    <a:pt x="379908" y="224523"/>
                  </a:cubicBezTo>
                  <a:cubicBezTo>
                    <a:pt x="379908" y="224523"/>
                    <a:pt x="378279" y="224523"/>
                    <a:pt x="375021" y="221348"/>
                  </a:cubicBezTo>
                  <a:cubicBezTo>
                    <a:pt x="370135" y="218173"/>
                    <a:pt x="375021" y="218173"/>
                    <a:pt x="375021" y="214998"/>
                  </a:cubicBezTo>
                  <a:cubicBezTo>
                    <a:pt x="376650" y="213410"/>
                    <a:pt x="378279" y="214998"/>
                    <a:pt x="381536" y="213410"/>
                  </a:cubicBezTo>
                  <a:cubicBezTo>
                    <a:pt x="384794" y="211823"/>
                    <a:pt x="384794" y="213410"/>
                    <a:pt x="388051" y="211823"/>
                  </a:cubicBezTo>
                  <a:cubicBezTo>
                    <a:pt x="389680" y="210235"/>
                    <a:pt x="389680" y="214998"/>
                    <a:pt x="391309" y="214998"/>
                  </a:cubicBezTo>
                  <a:cubicBezTo>
                    <a:pt x="391309" y="214998"/>
                    <a:pt x="392938" y="216585"/>
                    <a:pt x="394566" y="216585"/>
                  </a:cubicBezTo>
                  <a:cubicBezTo>
                    <a:pt x="396195" y="214998"/>
                    <a:pt x="397824" y="216585"/>
                    <a:pt x="399453" y="216585"/>
                  </a:cubicBezTo>
                  <a:cubicBezTo>
                    <a:pt x="401081" y="214998"/>
                    <a:pt x="399453" y="213410"/>
                    <a:pt x="399453" y="213410"/>
                  </a:cubicBezTo>
                  <a:cubicBezTo>
                    <a:pt x="397824" y="213410"/>
                    <a:pt x="396195" y="213410"/>
                    <a:pt x="394566" y="211823"/>
                  </a:cubicBezTo>
                  <a:cubicBezTo>
                    <a:pt x="394566" y="211823"/>
                    <a:pt x="396195" y="213410"/>
                    <a:pt x="399453" y="211823"/>
                  </a:cubicBezTo>
                  <a:cubicBezTo>
                    <a:pt x="401081" y="210235"/>
                    <a:pt x="402710" y="213410"/>
                    <a:pt x="402710" y="213410"/>
                  </a:cubicBezTo>
                  <a:cubicBezTo>
                    <a:pt x="402710" y="213410"/>
                    <a:pt x="402710" y="211823"/>
                    <a:pt x="401081" y="207060"/>
                  </a:cubicBezTo>
                  <a:cubicBezTo>
                    <a:pt x="399453" y="207060"/>
                    <a:pt x="394566" y="207060"/>
                    <a:pt x="394566" y="207060"/>
                  </a:cubicBezTo>
                  <a:cubicBezTo>
                    <a:pt x="392938" y="205473"/>
                    <a:pt x="391309" y="207060"/>
                    <a:pt x="391309" y="203885"/>
                  </a:cubicBezTo>
                  <a:cubicBezTo>
                    <a:pt x="391309" y="200710"/>
                    <a:pt x="392938" y="203885"/>
                    <a:pt x="392938" y="200710"/>
                  </a:cubicBezTo>
                  <a:cubicBezTo>
                    <a:pt x="394566" y="199123"/>
                    <a:pt x="389680" y="200710"/>
                    <a:pt x="388051" y="200710"/>
                  </a:cubicBezTo>
                  <a:cubicBezTo>
                    <a:pt x="388051" y="199123"/>
                    <a:pt x="384794" y="200710"/>
                    <a:pt x="384794" y="200710"/>
                  </a:cubicBezTo>
                  <a:cubicBezTo>
                    <a:pt x="384794" y="200710"/>
                    <a:pt x="384794" y="200710"/>
                    <a:pt x="384794" y="203885"/>
                  </a:cubicBezTo>
                  <a:cubicBezTo>
                    <a:pt x="384794" y="203885"/>
                    <a:pt x="381536" y="205473"/>
                    <a:pt x="378279" y="205473"/>
                  </a:cubicBezTo>
                  <a:cubicBezTo>
                    <a:pt x="375021" y="205473"/>
                    <a:pt x="376650" y="205473"/>
                    <a:pt x="375021" y="202298"/>
                  </a:cubicBezTo>
                  <a:cubicBezTo>
                    <a:pt x="373393" y="200710"/>
                    <a:pt x="375021" y="202298"/>
                    <a:pt x="376650" y="200710"/>
                  </a:cubicBezTo>
                  <a:cubicBezTo>
                    <a:pt x="378279" y="197535"/>
                    <a:pt x="376650" y="199123"/>
                    <a:pt x="375021" y="197535"/>
                  </a:cubicBezTo>
                  <a:cubicBezTo>
                    <a:pt x="373393" y="197535"/>
                    <a:pt x="371764" y="197535"/>
                    <a:pt x="368506" y="197535"/>
                  </a:cubicBezTo>
                  <a:cubicBezTo>
                    <a:pt x="365249" y="197535"/>
                    <a:pt x="365249" y="199123"/>
                    <a:pt x="361991" y="194360"/>
                  </a:cubicBezTo>
                  <a:cubicBezTo>
                    <a:pt x="360363" y="192773"/>
                    <a:pt x="361991" y="191185"/>
                    <a:pt x="363620" y="189598"/>
                  </a:cubicBezTo>
                  <a:cubicBezTo>
                    <a:pt x="365249" y="186423"/>
                    <a:pt x="366878" y="186423"/>
                    <a:pt x="368506" y="186423"/>
                  </a:cubicBezTo>
                  <a:cubicBezTo>
                    <a:pt x="370135" y="186423"/>
                    <a:pt x="373393" y="186423"/>
                    <a:pt x="375021" y="186423"/>
                  </a:cubicBezTo>
                  <a:cubicBezTo>
                    <a:pt x="376650" y="186423"/>
                    <a:pt x="379908" y="186423"/>
                    <a:pt x="383165" y="184835"/>
                  </a:cubicBezTo>
                  <a:close/>
                  <a:moveTo>
                    <a:pt x="468842" y="151498"/>
                  </a:moveTo>
                  <a:cubicBezTo>
                    <a:pt x="470518" y="151498"/>
                    <a:pt x="472194" y="153085"/>
                    <a:pt x="473869" y="153085"/>
                  </a:cubicBezTo>
                  <a:cubicBezTo>
                    <a:pt x="475545" y="153085"/>
                    <a:pt x="478896" y="154673"/>
                    <a:pt x="480572" y="153085"/>
                  </a:cubicBezTo>
                  <a:cubicBezTo>
                    <a:pt x="482248" y="153085"/>
                    <a:pt x="487275" y="157848"/>
                    <a:pt x="487275" y="157848"/>
                  </a:cubicBezTo>
                  <a:cubicBezTo>
                    <a:pt x="487275" y="156260"/>
                    <a:pt x="488951" y="161023"/>
                    <a:pt x="488951" y="162610"/>
                  </a:cubicBezTo>
                  <a:cubicBezTo>
                    <a:pt x="488951" y="164198"/>
                    <a:pt x="487275" y="165785"/>
                    <a:pt x="485599" y="168960"/>
                  </a:cubicBezTo>
                  <a:cubicBezTo>
                    <a:pt x="483924" y="170548"/>
                    <a:pt x="482248" y="168960"/>
                    <a:pt x="477221" y="168960"/>
                  </a:cubicBezTo>
                  <a:cubicBezTo>
                    <a:pt x="475545" y="167373"/>
                    <a:pt x="473869" y="165785"/>
                    <a:pt x="470518" y="164198"/>
                  </a:cubicBezTo>
                  <a:cubicBezTo>
                    <a:pt x="468842" y="164198"/>
                    <a:pt x="468842" y="165785"/>
                    <a:pt x="465491" y="165785"/>
                  </a:cubicBezTo>
                  <a:cubicBezTo>
                    <a:pt x="462139" y="165785"/>
                    <a:pt x="462139" y="162610"/>
                    <a:pt x="460463" y="159435"/>
                  </a:cubicBezTo>
                  <a:cubicBezTo>
                    <a:pt x="458788" y="157848"/>
                    <a:pt x="462139" y="154673"/>
                    <a:pt x="465491" y="153085"/>
                  </a:cubicBezTo>
                  <a:cubicBezTo>
                    <a:pt x="465491" y="153085"/>
                    <a:pt x="467166" y="151498"/>
                    <a:pt x="468842" y="151498"/>
                  </a:cubicBezTo>
                  <a:close/>
                  <a:moveTo>
                    <a:pt x="572616" y="100698"/>
                  </a:moveTo>
                  <a:cubicBezTo>
                    <a:pt x="574241" y="100698"/>
                    <a:pt x="577490" y="100698"/>
                    <a:pt x="579115" y="100698"/>
                  </a:cubicBezTo>
                  <a:cubicBezTo>
                    <a:pt x="580740" y="100698"/>
                    <a:pt x="582364" y="100698"/>
                    <a:pt x="585614" y="100698"/>
                  </a:cubicBezTo>
                  <a:cubicBezTo>
                    <a:pt x="587238" y="102323"/>
                    <a:pt x="588863" y="102323"/>
                    <a:pt x="592113" y="103949"/>
                  </a:cubicBezTo>
                  <a:cubicBezTo>
                    <a:pt x="593737" y="103949"/>
                    <a:pt x="596987" y="103949"/>
                    <a:pt x="600236" y="103949"/>
                  </a:cubicBezTo>
                  <a:cubicBezTo>
                    <a:pt x="603486" y="103949"/>
                    <a:pt x="601861" y="107199"/>
                    <a:pt x="605110" y="107199"/>
                  </a:cubicBezTo>
                  <a:cubicBezTo>
                    <a:pt x="606735" y="108824"/>
                    <a:pt x="608360" y="108824"/>
                    <a:pt x="609984" y="108824"/>
                  </a:cubicBezTo>
                  <a:cubicBezTo>
                    <a:pt x="609984" y="108824"/>
                    <a:pt x="611609" y="112075"/>
                    <a:pt x="614859" y="115326"/>
                  </a:cubicBezTo>
                  <a:cubicBezTo>
                    <a:pt x="619733" y="118576"/>
                    <a:pt x="618108" y="118576"/>
                    <a:pt x="619733" y="120202"/>
                  </a:cubicBezTo>
                  <a:cubicBezTo>
                    <a:pt x="622982" y="121827"/>
                    <a:pt x="622982" y="123452"/>
                    <a:pt x="626232" y="123452"/>
                  </a:cubicBezTo>
                  <a:cubicBezTo>
                    <a:pt x="631106" y="123452"/>
                    <a:pt x="629481" y="128328"/>
                    <a:pt x="631106" y="128328"/>
                  </a:cubicBezTo>
                  <a:cubicBezTo>
                    <a:pt x="632730" y="129953"/>
                    <a:pt x="632730" y="134829"/>
                    <a:pt x="632730" y="134829"/>
                  </a:cubicBezTo>
                  <a:cubicBezTo>
                    <a:pt x="632730" y="134829"/>
                    <a:pt x="639229" y="134829"/>
                    <a:pt x="644103" y="134829"/>
                  </a:cubicBezTo>
                  <a:cubicBezTo>
                    <a:pt x="648977" y="134829"/>
                    <a:pt x="648977" y="136454"/>
                    <a:pt x="652227" y="136454"/>
                  </a:cubicBezTo>
                  <a:cubicBezTo>
                    <a:pt x="655476" y="136454"/>
                    <a:pt x="655476" y="138080"/>
                    <a:pt x="657101" y="138080"/>
                  </a:cubicBezTo>
                  <a:cubicBezTo>
                    <a:pt x="660350" y="138080"/>
                    <a:pt x="658726" y="139705"/>
                    <a:pt x="658726" y="142956"/>
                  </a:cubicBezTo>
                  <a:cubicBezTo>
                    <a:pt x="658726" y="144581"/>
                    <a:pt x="658726" y="146206"/>
                    <a:pt x="658726" y="147832"/>
                  </a:cubicBezTo>
                  <a:cubicBezTo>
                    <a:pt x="658726" y="149457"/>
                    <a:pt x="660350" y="151082"/>
                    <a:pt x="661975" y="151082"/>
                  </a:cubicBezTo>
                  <a:cubicBezTo>
                    <a:pt x="661975" y="151082"/>
                    <a:pt x="666849" y="154333"/>
                    <a:pt x="668474" y="154333"/>
                  </a:cubicBezTo>
                  <a:cubicBezTo>
                    <a:pt x="671723" y="155958"/>
                    <a:pt x="671723" y="152707"/>
                    <a:pt x="671723" y="151082"/>
                  </a:cubicBezTo>
                  <a:cubicBezTo>
                    <a:pt x="670099" y="149457"/>
                    <a:pt x="668474" y="147832"/>
                    <a:pt x="666849" y="146206"/>
                  </a:cubicBezTo>
                  <a:cubicBezTo>
                    <a:pt x="665225" y="144581"/>
                    <a:pt x="666849" y="142956"/>
                    <a:pt x="666849" y="141330"/>
                  </a:cubicBezTo>
                  <a:cubicBezTo>
                    <a:pt x="668474" y="139705"/>
                    <a:pt x="670099" y="139705"/>
                    <a:pt x="671723" y="139705"/>
                  </a:cubicBezTo>
                  <a:cubicBezTo>
                    <a:pt x="673348" y="138080"/>
                    <a:pt x="683096" y="142956"/>
                    <a:pt x="683096" y="142956"/>
                  </a:cubicBezTo>
                  <a:cubicBezTo>
                    <a:pt x="684721" y="144581"/>
                    <a:pt x="686346" y="146206"/>
                    <a:pt x="686346" y="146206"/>
                  </a:cubicBezTo>
                  <a:cubicBezTo>
                    <a:pt x="687971" y="147832"/>
                    <a:pt x="687971" y="149457"/>
                    <a:pt x="687971" y="149457"/>
                  </a:cubicBezTo>
                  <a:cubicBezTo>
                    <a:pt x="687971" y="149457"/>
                    <a:pt x="674973" y="154333"/>
                    <a:pt x="676598" y="154333"/>
                  </a:cubicBezTo>
                  <a:cubicBezTo>
                    <a:pt x="678222" y="154333"/>
                    <a:pt x="679847" y="154333"/>
                    <a:pt x="683096" y="152707"/>
                  </a:cubicBezTo>
                  <a:cubicBezTo>
                    <a:pt x="684721" y="152707"/>
                    <a:pt x="691220" y="157583"/>
                    <a:pt x="691220" y="157583"/>
                  </a:cubicBezTo>
                  <a:cubicBezTo>
                    <a:pt x="691220" y="157583"/>
                    <a:pt x="694469" y="159209"/>
                    <a:pt x="696094" y="159209"/>
                  </a:cubicBezTo>
                  <a:cubicBezTo>
                    <a:pt x="696094" y="159209"/>
                    <a:pt x="692845" y="164085"/>
                    <a:pt x="692845" y="164085"/>
                  </a:cubicBezTo>
                  <a:cubicBezTo>
                    <a:pt x="692845" y="164085"/>
                    <a:pt x="694469" y="165710"/>
                    <a:pt x="696094" y="165710"/>
                  </a:cubicBezTo>
                  <a:cubicBezTo>
                    <a:pt x="696094" y="164085"/>
                    <a:pt x="697719" y="167335"/>
                    <a:pt x="697719" y="167335"/>
                  </a:cubicBezTo>
                  <a:cubicBezTo>
                    <a:pt x="699344" y="167335"/>
                    <a:pt x="697719" y="170586"/>
                    <a:pt x="696094" y="170586"/>
                  </a:cubicBezTo>
                  <a:cubicBezTo>
                    <a:pt x="696094" y="172211"/>
                    <a:pt x="696094" y="175462"/>
                    <a:pt x="696094" y="175462"/>
                  </a:cubicBezTo>
                  <a:cubicBezTo>
                    <a:pt x="696094" y="175462"/>
                    <a:pt x="700968" y="173836"/>
                    <a:pt x="702593" y="173836"/>
                  </a:cubicBezTo>
                  <a:cubicBezTo>
                    <a:pt x="704218" y="172211"/>
                    <a:pt x="705842" y="173836"/>
                    <a:pt x="709092" y="173836"/>
                  </a:cubicBezTo>
                  <a:cubicBezTo>
                    <a:pt x="710717" y="172211"/>
                    <a:pt x="712341" y="173836"/>
                    <a:pt x="712341" y="175462"/>
                  </a:cubicBezTo>
                  <a:cubicBezTo>
                    <a:pt x="712341" y="175462"/>
                    <a:pt x="713966" y="177087"/>
                    <a:pt x="715591" y="177087"/>
                  </a:cubicBezTo>
                  <a:cubicBezTo>
                    <a:pt x="717215" y="178712"/>
                    <a:pt x="717215" y="177087"/>
                    <a:pt x="717215" y="173836"/>
                  </a:cubicBezTo>
                  <a:cubicBezTo>
                    <a:pt x="718840" y="170586"/>
                    <a:pt x="720465" y="175462"/>
                    <a:pt x="722089" y="173836"/>
                  </a:cubicBezTo>
                  <a:cubicBezTo>
                    <a:pt x="723714" y="173836"/>
                    <a:pt x="723714" y="175462"/>
                    <a:pt x="725339" y="177087"/>
                  </a:cubicBezTo>
                  <a:cubicBezTo>
                    <a:pt x="725339" y="177087"/>
                    <a:pt x="725339" y="178712"/>
                    <a:pt x="726964" y="180338"/>
                  </a:cubicBezTo>
                  <a:cubicBezTo>
                    <a:pt x="728588" y="181963"/>
                    <a:pt x="728588" y="183588"/>
                    <a:pt x="728588" y="183588"/>
                  </a:cubicBezTo>
                  <a:cubicBezTo>
                    <a:pt x="728588" y="183588"/>
                    <a:pt x="730213" y="185213"/>
                    <a:pt x="730213" y="186839"/>
                  </a:cubicBezTo>
                  <a:cubicBezTo>
                    <a:pt x="731838" y="186839"/>
                    <a:pt x="726964" y="190089"/>
                    <a:pt x="726964" y="190089"/>
                  </a:cubicBezTo>
                  <a:cubicBezTo>
                    <a:pt x="726964" y="190089"/>
                    <a:pt x="726964" y="190089"/>
                    <a:pt x="730213" y="190089"/>
                  </a:cubicBezTo>
                  <a:cubicBezTo>
                    <a:pt x="730213" y="190089"/>
                    <a:pt x="726964" y="191715"/>
                    <a:pt x="723714" y="193340"/>
                  </a:cubicBezTo>
                  <a:cubicBezTo>
                    <a:pt x="723714" y="193340"/>
                    <a:pt x="720465" y="194965"/>
                    <a:pt x="718840" y="194965"/>
                  </a:cubicBezTo>
                  <a:cubicBezTo>
                    <a:pt x="715591" y="194965"/>
                    <a:pt x="717215" y="194965"/>
                    <a:pt x="704218" y="199841"/>
                  </a:cubicBezTo>
                  <a:cubicBezTo>
                    <a:pt x="692845" y="203092"/>
                    <a:pt x="704218" y="199841"/>
                    <a:pt x="696094" y="204717"/>
                  </a:cubicBezTo>
                  <a:cubicBezTo>
                    <a:pt x="689595" y="207968"/>
                    <a:pt x="694469" y="206342"/>
                    <a:pt x="692845" y="206342"/>
                  </a:cubicBezTo>
                  <a:cubicBezTo>
                    <a:pt x="691220" y="207968"/>
                    <a:pt x="692845" y="207968"/>
                    <a:pt x="686346" y="211218"/>
                  </a:cubicBezTo>
                  <a:cubicBezTo>
                    <a:pt x="681472" y="214469"/>
                    <a:pt x="683096" y="211218"/>
                    <a:pt x="681472" y="211218"/>
                  </a:cubicBezTo>
                  <a:cubicBezTo>
                    <a:pt x="679847" y="212843"/>
                    <a:pt x="679847" y="207968"/>
                    <a:pt x="679847" y="206342"/>
                  </a:cubicBezTo>
                  <a:cubicBezTo>
                    <a:pt x="678222" y="203092"/>
                    <a:pt x="681472" y="203092"/>
                    <a:pt x="683096" y="201466"/>
                  </a:cubicBezTo>
                  <a:cubicBezTo>
                    <a:pt x="684721" y="198216"/>
                    <a:pt x="679847" y="199841"/>
                    <a:pt x="678222" y="199841"/>
                  </a:cubicBezTo>
                  <a:cubicBezTo>
                    <a:pt x="676598" y="198216"/>
                    <a:pt x="676598" y="199841"/>
                    <a:pt x="674973" y="203092"/>
                  </a:cubicBezTo>
                  <a:cubicBezTo>
                    <a:pt x="673348" y="206342"/>
                    <a:pt x="674973" y="206342"/>
                    <a:pt x="676598" y="209593"/>
                  </a:cubicBezTo>
                  <a:cubicBezTo>
                    <a:pt x="676598" y="211218"/>
                    <a:pt x="678222" y="212843"/>
                    <a:pt x="679847" y="212843"/>
                  </a:cubicBezTo>
                  <a:cubicBezTo>
                    <a:pt x="681472" y="212843"/>
                    <a:pt x="679847" y="216094"/>
                    <a:pt x="681472" y="216094"/>
                  </a:cubicBezTo>
                  <a:cubicBezTo>
                    <a:pt x="681472" y="217719"/>
                    <a:pt x="678222" y="222595"/>
                    <a:pt x="678222" y="220970"/>
                  </a:cubicBezTo>
                  <a:cubicBezTo>
                    <a:pt x="676598" y="219345"/>
                    <a:pt x="678222" y="220970"/>
                    <a:pt x="678222" y="219345"/>
                  </a:cubicBezTo>
                  <a:cubicBezTo>
                    <a:pt x="678222" y="216094"/>
                    <a:pt x="676598" y="217719"/>
                    <a:pt x="670099" y="217719"/>
                  </a:cubicBezTo>
                  <a:cubicBezTo>
                    <a:pt x="665225" y="219345"/>
                    <a:pt x="670099" y="220970"/>
                    <a:pt x="670099" y="220970"/>
                  </a:cubicBezTo>
                  <a:cubicBezTo>
                    <a:pt x="670099" y="220970"/>
                    <a:pt x="670099" y="225846"/>
                    <a:pt x="668474" y="229096"/>
                  </a:cubicBezTo>
                  <a:cubicBezTo>
                    <a:pt x="668474" y="230722"/>
                    <a:pt x="665225" y="230722"/>
                    <a:pt x="665225" y="230722"/>
                  </a:cubicBezTo>
                  <a:cubicBezTo>
                    <a:pt x="663600" y="230722"/>
                    <a:pt x="661975" y="229096"/>
                    <a:pt x="658726" y="227471"/>
                  </a:cubicBezTo>
                  <a:cubicBezTo>
                    <a:pt x="653852" y="224221"/>
                    <a:pt x="653852" y="224221"/>
                    <a:pt x="653852" y="224221"/>
                  </a:cubicBezTo>
                  <a:cubicBezTo>
                    <a:pt x="652227" y="222595"/>
                    <a:pt x="653852" y="227471"/>
                    <a:pt x="653852" y="227471"/>
                  </a:cubicBezTo>
                  <a:cubicBezTo>
                    <a:pt x="653852" y="229096"/>
                    <a:pt x="653852" y="229096"/>
                    <a:pt x="652227" y="230722"/>
                  </a:cubicBezTo>
                  <a:cubicBezTo>
                    <a:pt x="648977" y="230722"/>
                    <a:pt x="648977" y="230722"/>
                    <a:pt x="648977" y="227471"/>
                  </a:cubicBezTo>
                  <a:cubicBezTo>
                    <a:pt x="648977" y="225846"/>
                    <a:pt x="647353" y="225846"/>
                    <a:pt x="644103" y="222595"/>
                  </a:cubicBezTo>
                  <a:cubicBezTo>
                    <a:pt x="642479" y="222595"/>
                    <a:pt x="639229" y="222595"/>
                    <a:pt x="637605" y="224221"/>
                  </a:cubicBezTo>
                  <a:cubicBezTo>
                    <a:pt x="635980" y="224221"/>
                    <a:pt x="637605" y="225846"/>
                    <a:pt x="639229" y="230722"/>
                  </a:cubicBezTo>
                  <a:cubicBezTo>
                    <a:pt x="640854" y="237223"/>
                    <a:pt x="635980" y="230722"/>
                    <a:pt x="631106" y="230722"/>
                  </a:cubicBezTo>
                  <a:cubicBezTo>
                    <a:pt x="627856" y="229096"/>
                    <a:pt x="627856" y="230722"/>
                    <a:pt x="624607" y="232347"/>
                  </a:cubicBezTo>
                  <a:cubicBezTo>
                    <a:pt x="621357" y="232347"/>
                    <a:pt x="621357" y="232347"/>
                    <a:pt x="618108" y="232347"/>
                  </a:cubicBezTo>
                  <a:cubicBezTo>
                    <a:pt x="614859" y="232347"/>
                    <a:pt x="614859" y="232347"/>
                    <a:pt x="613234" y="229096"/>
                  </a:cubicBezTo>
                  <a:cubicBezTo>
                    <a:pt x="611609" y="227471"/>
                    <a:pt x="611609" y="229096"/>
                    <a:pt x="606735" y="227471"/>
                  </a:cubicBezTo>
                  <a:cubicBezTo>
                    <a:pt x="601861" y="225846"/>
                    <a:pt x="600236" y="225846"/>
                    <a:pt x="598611" y="225846"/>
                  </a:cubicBezTo>
                  <a:cubicBezTo>
                    <a:pt x="596987" y="224221"/>
                    <a:pt x="592113" y="222595"/>
                    <a:pt x="592113" y="217719"/>
                  </a:cubicBezTo>
                  <a:cubicBezTo>
                    <a:pt x="593737" y="216094"/>
                    <a:pt x="595362" y="217719"/>
                    <a:pt x="598611" y="217719"/>
                  </a:cubicBezTo>
                  <a:cubicBezTo>
                    <a:pt x="600236" y="217719"/>
                    <a:pt x="609984" y="216094"/>
                    <a:pt x="609984" y="216094"/>
                  </a:cubicBezTo>
                  <a:cubicBezTo>
                    <a:pt x="608360" y="214469"/>
                    <a:pt x="605110" y="214469"/>
                    <a:pt x="603486" y="212843"/>
                  </a:cubicBezTo>
                  <a:cubicBezTo>
                    <a:pt x="601861" y="211218"/>
                    <a:pt x="600236" y="214469"/>
                    <a:pt x="598611" y="214469"/>
                  </a:cubicBezTo>
                  <a:cubicBezTo>
                    <a:pt x="596987" y="212843"/>
                    <a:pt x="593737" y="214469"/>
                    <a:pt x="592113" y="214469"/>
                  </a:cubicBezTo>
                  <a:cubicBezTo>
                    <a:pt x="588863" y="214469"/>
                    <a:pt x="588863" y="214469"/>
                    <a:pt x="588863" y="212843"/>
                  </a:cubicBezTo>
                  <a:cubicBezTo>
                    <a:pt x="587238" y="211218"/>
                    <a:pt x="588863" y="211218"/>
                    <a:pt x="587238" y="207968"/>
                  </a:cubicBezTo>
                  <a:cubicBezTo>
                    <a:pt x="585614" y="204717"/>
                    <a:pt x="583989" y="209593"/>
                    <a:pt x="580740" y="207968"/>
                  </a:cubicBezTo>
                  <a:cubicBezTo>
                    <a:pt x="577490" y="207968"/>
                    <a:pt x="579115" y="207968"/>
                    <a:pt x="575866" y="206342"/>
                  </a:cubicBezTo>
                  <a:cubicBezTo>
                    <a:pt x="574241" y="204717"/>
                    <a:pt x="570991" y="203092"/>
                    <a:pt x="566117" y="196590"/>
                  </a:cubicBezTo>
                  <a:cubicBezTo>
                    <a:pt x="562868" y="191715"/>
                    <a:pt x="566117" y="196590"/>
                    <a:pt x="570991" y="196590"/>
                  </a:cubicBezTo>
                  <a:cubicBezTo>
                    <a:pt x="574241" y="194965"/>
                    <a:pt x="574241" y="198216"/>
                    <a:pt x="577490" y="194965"/>
                  </a:cubicBezTo>
                  <a:cubicBezTo>
                    <a:pt x="579115" y="191715"/>
                    <a:pt x="577490" y="194965"/>
                    <a:pt x="580740" y="194965"/>
                  </a:cubicBezTo>
                  <a:cubicBezTo>
                    <a:pt x="583989" y="193340"/>
                    <a:pt x="585614" y="193340"/>
                    <a:pt x="588863" y="193340"/>
                  </a:cubicBezTo>
                  <a:cubicBezTo>
                    <a:pt x="592113" y="193340"/>
                    <a:pt x="593737" y="193340"/>
                    <a:pt x="596987" y="193340"/>
                  </a:cubicBezTo>
                  <a:cubicBezTo>
                    <a:pt x="598611" y="193340"/>
                    <a:pt x="608360" y="193340"/>
                    <a:pt x="609984" y="193340"/>
                  </a:cubicBezTo>
                  <a:cubicBezTo>
                    <a:pt x="611609" y="193340"/>
                    <a:pt x="621357" y="190089"/>
                    <a:pt x="619733" y="188464"/>
                  </a:cubicBezTo>
                  <a:cubicBezTo>
                    <a:pt x="616483" y="188464"/>
                    <a:pt x="616483" y="188464"/>
                    <a:pt x="614859" y="190089"/>
                  </a:cubicBezTo>
                  <a:cubicBezTo>
                    <a:pt x="614859" y="190089"/>
                    <a:pt x="609984" y="190089"/>
                    <a:pt x="601861" y="190089"/>
                  </a:cubicBezTo>
                  <a:cubicBezTo>
                    <a:pt x="593737" y="191715"/>
                    <a:pt x="596987" y="191715"/>
                    <a:pt x="595362" y="188464"/>
                  </a:cubicBezTo>
                  <a:cubicBezTo>
                    <a:pt x="593737" y="185213"/>
                    <a:pt x="596987" y="188464"/>
                    <a:pt x="598611" y="188464"/>
                  </a:cubicBezTo>
                  <a:cubicBezTo>
                    <a:pt x="600236" y="186839"/>
                    <a:pt x="605110" y="186839"/>
                    <a:pt x="606735" y="186839"/>
                  </a:cubicBezTo>
                  <a:cubicBezTo>
                    <a:pt x="609984" y="186839"/>
                    <a:pt x="611609" y="185213"/>
                    <a:pt x="609984" y="183588"/>
                  </a:cubicBezTo>
                  <a:cubicBezTo>
                    <a:pt x="609984" y="183588"/>
                    <a:pt x="605110" y="185213"/>
                    <a:pt x="603486" y="185213"/>
                  </a:cubicBezTo>
                  <a:cubicBezTo>
                    <a:pt x="600236" y="185213"/>
                    <a:pt x="600236" y="185213"/>
                    <a:pt x="600236" y="183588"/>
                  </a:cubicBezTo>
                  <a:cubicBezTo>
                    <a:pt x="600236" y="181963"/>
                    <a:pt x="598611" y="181963"/>
                    <a:pt x="593737" y="180338"/>
                  </a:cubicBezTo>
                  <a:cubicBezTo>
                    <a:pt x="587238" y="177087"/>
                    <a:pt x="592113" y="178712"/>
                    <a:pt x="588863" y="180338"/>
                  </a:cubicBezTo>
                  <a:cubicBezTo>
                    <a:pt x="585614" y="181963"/>
                    <a:pt x="583989" y="181963"/>
                    <a:pt x="582364" y="183588"/>
                  </a:cubicBezTo>
                  <a:cubicBezTo>
                    <a:pt x="580740" y="183588"/>
                    <a:pt x="579115" y="185213"/>
                    <a:pt x="579115" y="185213"/>
                  </a:cubicBezTo>
                  <a:cubicBezTo>
                    <a:pt x="579115" y="185213"/>
                    <a:pt x="572616" y="188464"/>
                    <a:pt x="570991" y="188464"/>
                  </a:cubicBezTo>
                  <a:cubicBezTo>
                    <a:pt x="567742" y="188464"/>
                    <a:pt x="570991" y="188464"/>
                    <a:pt x="569367" y="183588"/>
                  </a:cubicBezTo>
                  <a:cubicBezTo>
                    <a:pt x="569367" y="180338"/>
                    <a:pt x="569367" y="183588"/>
                    <a:pt x="567742" y="183588"/>
                  </a:cubicBezTo>
                  <a:cubicBezTo>
                    <a:pt x="564493" y="183588"/>
                    <a:pt x="564493" y="185213"/>
                    <a:pt x="562868" y="185213"/>
                  </a:cubicBezTo>
                  <a:cubicBezTo>
                    <a:pt x="562868" y="185213"/>
                    <a:pt x="561243" y="188464"/>
                    <a:pt x="557994" y="188464"/>
                  </a:cubicBezTo>
                  <a:cubicBezTo>
                    <a:pt x="556369" y="188464"/>
                    <a:pt x="556369" y="186839"/>
                    <a:pt x="556369" y="186839"/>
                  </a:cubicBezTo>
                  <a:cubicBezTo>
                    <a:pt x="556369" y="186839"/>
                    <a:pt x="549870" y="186839"/>
                    <a:pt x="548245" y="183588"/>
                  </a:cubicBezTo>
                  <a:cubicBezTo>
                    <a:pt x="544996" y="180338"/>
                    <a:pt x="541747" y="180338"/>
                    <a:pt x="543371" y="175462"/>
                  </a:cubicBezTo>
                  <a:cubicBezTo>
                    <a:pt x="543371" y="170586"/>
                    <a:pt x="546621" y="175462"/>
                    <a:pt x="549870" y="173836"/>
                  </a:cubicBezTo>
                  <a:cubicBezTo>
                    <a:pt x="553120" y="172211"/>
                    <a:pt x="556369" y="173836"/>
                    <a:pt x="561243" y="172211"/>
                  </a:cubicBezTo>
                  <a:cubicBezTo>
                    <a:pt x="566117" y="172211"/>
                    <a:pt x="562868" y="170586"/>
                    <a:pt x="562868" y="168960"/>
                  </a:cubicBezTo>
                  <a:cubicBezTo>
                    <a:pt x="561243" y="167335"/>
                    <a:pt x="559618" y="170586"/>
                    <a:pt x="556369" y="170586"/>
                  </a:cubicBezTo>
                  <a:cubicBezTo>
                    <a:pt x="553120" y="170586"/>
                    <a:pt x="551495" y="172211"/>
                    <a:pt x="549870" y="172211"/>
                  </a:cubicBezTo>
                  <a:cubicBezTo>
                    <a:pt x="549870" y="172211"/>
                    <a:pt x="543371" y="173836"/>
                    <a:pt x="540122" y="173836"/>
                  </a:cubicBezTo>
                  <a:cubicBezTo>
                    <a:pt x="536872" y="172211"/>
                    <a:pt x="536872" y="173836"/>
                    <a:pt x="535248" y="172211"/>
                  </a:cubicBezTo>
                  <a:cubicBezTo>
                    <a:pt x="535248" y="170586"/>
                    <a:pt x="533623" y="168960"/>
                    <a:pt x="531998" y="165710"/>
                  </a:cubicBezTo>
                  <a:cubicBezTo>
                    <a:pt x="531998" y="162459"/>
                    <a:pt x="527124" y="160834"/>
                    <a:pt x="525499" y="155958"/>
                  </a:cubicBezTo>
                  <a:cubicBezTo>
                    <a:pt x="523875" y="152707"/>
                    <a:pt x="525499" y="152707"/>
                    <a:pt x="525499" y="152707"/>
                  </a:cubicBezTo>
                  <a:cubicBezTo>
                    <a:pt x="525499" y="152707"/>
                    <a:pt x="528749" y="151082"/>
                    <a:pt x="533623" y="152707"/>
                  </a:cubicBezTo>
                  <a:cubicBezTo>
                    <a:pt x="536872" y="155958"/>
                    <a:pt x="533623" y="155958"/>
                    <a:pt x="538497" y="155958"/>
                  </a:cubicBezTo>
                  <a:cubicBezTo>
                    <a:pt x="541747" y="155958"/>
                    <a:pt x="541747" y="157583"/>
                    <a:pt x="544996" y="155958"/>
                  </a:cubicBezTo>
                  <a:cubicBezTo>
                    <a:pt x="548245" y="154333"/>
                    <a:pt x="549870" y="157583"/>
                    <a:pt x="556369" y="155958"/>
                  </a:cubicBezTo>
                  <a:cubicBezTo>
                    <a:pt x="561243" y="155958"/>
                    <a:pt x="562868" y="154333"/>
                    <a:pt x="567742" y="149457"/>
                  </a:cubicBezTo>
                  <a:cubicBezTo>
                    <a:pt x="570991" y="146206"/>
                    <a:pt x="562868" y="151082"/>
                    <a:pt x="561243" y="152707"/>
                  </a:cubicBezTo>
                  <a:cubicBezTo>
                    <a:pt x="561243" y="154333"/>
                    <a:pt x="556369" y="151082"/>
                    <a:pt x="551495" y="151082"/>
                  </a:cubicBezTo>
                  <a:cubicBezTo>
                    <a:pt x="546621" y="152707"/>
                    <a:pt x="548245" y="152707"/>
                    <a:pt x="546621" y="151082"/>
                  </a:cubicBezTo>
                  <a:cubicBezTo>
                    <a:pt x="543371" y="149457"/>
                    <a:pt x="541747" y="151082"/>
                    <a:pt x="540122" y="151082"/>
                  </a:cubicBezTo>
                  <a:cubicBezTo>
                    <a:pt x="536872" y="151082"/>
                    <a:pt x="535248" y="149457"/>
                    <a:pt x="528749" y="149457"/>
                  </a:cubicBezTo>
                  <a:cubicBezTo>
                    <a:pt x="523875" y="149457"/>
                    <a:pt x="527124" y="147832"/>
                    <a:pt x="527124" y="144581"/>
                  </a:cubicBezTo>
                  <a:cubicBezTo>
                    <a:pt x="527124" y="141330"/>
                    <a:pt x="527124" y="144581"/>
                    <a:pt x="528749" y="142956"/>
                  </a:cubicBezTo>
                  <a:cubicBezTo>
                    <a:pt x="530374" y="141330"/>
                    <a:pt x="538497" y="144581"/>
                    <a:pt x="538497" y="142956"/>
                  </a:cubicBezTo>
                  <a:cubicBezTo>
                    <a:pt x="538497" y="141330"/>
                    <a:pt x="535248" y="139705"/>
                    <a:pt x="535248" y="139705"/>
                  </a:cubicBezTo>
                  <a:cubicBezTo>
                    <a:pt x="535248" y="139705"/>
                    <a:pt x="538497" y="136454"/>
                    <a:pt x="540122" y="134829"/>
                  </a:cubicBezTo>
                  <a:cubicBezTo>
                    <a:pt x="540122" y="133204"/>
                    <a:pt x="535248" y="131579"/>
                    <a:pt x="535248" y="131579"/>
                  </a:cubicBezTo>
                  <a:cubicBezTo>
                    <a:pt x="536872" y="129953"/>
                    <a:pt x="538497" y="131579"/>
                    <a:pt x="541747" y="129953"/>
                  </a:cubicBezTo>
                  <a:cubicBezTo>
                    <a:pt x="543371" y="128328"/>
                    <a:pt x="544996" y="131579"/>
                    <a:pt x="546621" y="129953"/>
                  </a:cubicBezTo>
                  <a:cubicBezTo>
                    <a:pt x="548245" y="128328"/>
                    <a:pt x="551495" y="129953"/>
                    <a:pt x="553120" y="129953"/>
                  </a:cubicBezTo>
                  <a:cubicBezTo>
                    <a:pt x="554744" y="129953"/>
                    <a:pt x="556369" y="133204"/>
                    <a:pt x="557994" y="134829"/>
                  </a:cubicBezTo>
                  <a:cubicBezTo>
                    <a:pt x="557994" y="134829"/>
                    <a:pt x="561243" y="134829"/>
                    <a:pt x="561243" y="133204"/>
                  </a:cubicBezTo>
                  <a:cubicBezTo>
                    <a:pt x="562868" y="133204"/>
                    <a:pt x="566117" y="131579"/>
                    <a:pt x="566117" y="131579"/>
                  </a:cubicBezTo>
                  <a:cubicBezTo>
                    <a:pt x="566117" y="131579"/>
                    <a:pt x="566117" y="129953"/>
                    <a:pt x="564493" y="128328"/>
                  </a:cubicBezTo>
                  <a:cubicBezTo>
                    <a:pt x="562868" y="128328"/>
                    <a:pt x="559618" y="128328"/>
                    <a:pt x="557994" y="128328"/>
                  </a:cubicBezTo>
                  <a:cubicBezTo>
                    <a:pt x="556369" y="128328"/>
                    <a:pt x="553120" y="128328"/>
                    <a:pt x="549870" y="126703"/>
                  </a:cubicBezTo>
                  <a:cubicBezTo>
                    <a:pt x="548245" y="126703"/>
                    <a:pt x="546621" y="126703"/>
                    <a:pt x="546621" y="123452"/>
                  </a:cubicBezTo>
                  <a:cubicBezTo>
                    <a:pt x="544996" y="121827"/>
                    <a:pt x="544996" y="121827"/>
                    <a:pt x="546621" y="118576"/>
                  </a:cubicBezTo>
                  <a:cubicBezTo>
                    <a:pt x="546621" y="116951"/>
                    <a:pt x="549870" y="116951"/>
                    <a:pt x="551495" y="115326"/>
                  </a:cubicBezTo>
                  <a:cubicBezTo>
                    <a:pt x="553120" y="115326"/>
                    <a:pt x="557994" y="115326"/>
                    <a:pt x="561243" y="118576"/>
                  </a:cubicBezTo>
                  <a:cubicBezTo>
                    <a:pt x="561243" y="118576"/>
                    <a:pt x="561243" y="118576"/>
                    <a:pt x="564493" y="118576"/>
                  </a:cubicBezTo>
                  <a:cubicBezTo>
                    <a:pt x="564493" y="118576"/>
                    <a:pt x="567742" y="115326"/>
                    <a:pt x="567742" y="113700"/>
                  </a:cubicBezTo>
                  <a:cubicBezTo>
                    <a:pt x="566117" y="112075"/>
                    <a:pt x="567742" y="113700"/>
                    <a:pt x="570991" y="113700"/>
                  </a:cubicBezTo>
                  <a:cubicBezTo>
                    <a:pt x="572616" y="115326"/>
                    <a:pt x="575866" y="113700"/>
                    <a:pt x="579115" y="113700"/>
                  </a:cubicBezTo>
                  <a:cubicBezTo>
                    <a:pt x="582364" y="113700"/>
                    <a:pt x="587238" y="115326"/>
                    <a:pt x="588863" y="113700"/>
                  </a:cubicBezTo>
                  <a:cubicBezTo>
                    <a:pt x="590488" y="113700"/>
                    <a:pt x="585614" y="112075"/>
                    <a:pt x="583989" y="110450"/>
                  </a:cubicBezTo>
                  <a:cubicBezTo>
                    <a:pt x="583989" y="108824"/>
                    <a:pt x="580740" y="110450"/>
                    <a:pt x="577490" y="110450"/>
                  </a:cubicBezTo>
                  <a:cubicBezTo>
                    <a:pt x="574241" y="110450"/>
                    <a:pt x="570991" y="108824"/>
                    <a:pt x="567742" y="108824"/>
                  </a:cubicBezTo>
                  <a:cubicBezTo>
                    <a:pt x="564493" y="108824"/>
                    <a:pt x="564493" y="107199"/>
                    <a:pt x="566117" y="103949"/>
                  </a:cubicBezTo>
                  <a:cubicBezTo>
                    <a:pt x="566117" y="103949"/>
                    <a:pt x="570991" y="100698"/>
                    <a:pt x="572616" y="100698"/>
                  </a:cubicBezTo>
                  <a:close/>
                  <a:moveTo>
                    <a:pt x="991378" y="24498"/>
                  </a:moveTo>
                  <a:cubicBezTo>
                    <a:pt x="993003" y="24498"/>
                    <a:pt x="994628" y="26122"/>
                    <a:pt x="996252" y="26122"/>
                  </a:cubicBezTo>
                  <a:cubicBezTo>
                    <a:pt x="996252" y="26122"/>
                    <a:pt x="997877" y="26122"/>
                    <a:pt x="997877" y="26122"/>
                  </a:cubicBezTo>
                  <a:cubicBezTo>
                    <a:pt x="997877" y="26122"/>
                    <a:pt x="997877" y="26122"/>
                    <a:pt x="1001127" y="27746"/>
                  </a:cubicBezTo>
                  <a:cubicBezTo>
                    <a:pt x="1001127" y="27746"/>
                    <a:pt x="1007626" y="29371"/>
                    <a:pt x="1009250" y="29371"/>
                  </a:cubicBezTo>
                  <a:cubicBezTo>
                    <a:pt x="1010875" y="29371"/>
                    <a:pt x="1012500" y="29371"/>
                    <a:pt x="1012500" y="29371"/>
                  </a:cubicBezTo>
                  <a:cubicBezTo>
                    <a:pt x="1012500" y="29371"/>
                    <a:pt x="1014124" y="30995"/>
                    <a:pt x="1015749" y="30995"/>
                  </a:cubicBezTo>
                  <a:cubicBezTo>
                    <a:pt x="1017374" y="29371"/>
                    <a:pt x="1020623" y="30995"/>
                    <a:pt x="1020623" y="30995"/>
                  </a:cubicBezTo>
                  <a:cubicBezTo>
                    <a:pt x="1022248" y="30995"/>
                    <a:pt x="1022248" y="32619"/>
                    <a:pt x="1023873" y="32619"/>
                  </a:cubicBezTo>
                  <a:cubicBezTo>
                    <a:pt x="1025498" y="32619"/>
                    <a:pt x="1027122" y="32619"/>
                    <a:pt x="1028747" y="30995"/>
                  </a:cubicBezTo>
                  <a:cubicBezTo>
                    <a:pt x="1030372" y="30995"/>
                    <a:pt x="1031997" y="30995"/>
                    <a:pt x="1033621" y="30995"/>
                  </a:cubicBezTo>
                  <a:cubicBezTo>
                    <a:pt x="1035246" y="30995"/>
                    <a:pt x="1038496" y="32619"/>
                    <a:pt x="1040120" y="32619"/>
                  </a:cubicBezTo>
                  <a:cubicBezTo>
                    <a:pt x="1041745" y="32619"/>
                    <a:pt x="1040120" y="34243"/>
                    <a:pt x="1041745" y="34243"/>
                  </a:cubicBezTo>
                  <a:cubicBezTo>
                    <a:pt x="1041745" y="32619"/>
                    <a:pt x="1043370" y="34243"/>
                    <a:pt x="1044995" y="34243"/>
                  </a:cubicBezTo>
                  <a:cubicBezTo>
                    <a:pt x="1046619" y="35867"/>
                    <a:pt x="1053118" y="35867"/>
                    <a:pt x="1054743" y="35867"/>
                  </a:cubicBezTo>
                  <a:cubicBezTo>
                    <a:pt x="1056368" y="35867"/>
                    <a:pt x="1059617" y="34243"/>
                    <a:pt x="1059617" y="34243"/>
                  </a:cubicBezTo>
                  <a:cubicBezTo>
                    <a:pt x="1059617" y="34243"/>
                    <a:pt x="1064492" y="34243"/>
                    <a:pt x="1066116" y="35867"/>
                  </a:cubicBezTo>
                  <a:cubicBezTo>
                    <a:pt x="1067741" y="35867"/>
                    <a:pt x="1066116" y="35867"/>
                    <a:pt x="1066116" y="37492"/>
                  </a:cubicBezTo>
                  <a:cubicBezTo>
                    <a:pt x="1064492" y="37492"/>
                    <a:pt x="1062867" y="39116"/>
                    <a:pt x="1062867" y="39116"/>
                  </a:cubicBezTo>
                  <a:cubicBezTo>
                    <a:pt x="1059617" y="40740"/>
                    <a:pt x="1057993" y="42364"/>
                    <a:pt x="1053118" y="42364"/>
                  </a:cubicBezTo>
                  <a:cubicBezTo>
                    <a:pt x="1048244" y="42364"/>
                    <a:pt x="1049869" y="42364"/>
                    <a:pt x="1043370" y="42364"/>
                  </a:cubicBezTo>
                  <a:cubicBezTo>
                    <a:pt x="1036871" y="43988"/>
                    <a:pt x="1023873" y="50485"/>
                    <a:pt x="1023873" y="50485"/>
                  </a:cubicBezTo>
                  <a:cubicBezTo>
                    <a:pt x="1023873" y="50485"/>
                    <a:pt x="1028747" y="48861"/>
                    <a:pt x="1031997" y="47237"/>
                  </a:cubicBezTo>
                  <a:cubicBezTo>
                    <a:pt x="1035246" y="47237"/>
                    <a:pt x="1040120" y="47237"/>
                    <a:pt x="1040120" y="47237"/>
                  </a:cubicBezTo>
                  <a:cubicBezTo>
                    <a:pt x="1040120" y="47237"/>
                    <a:pt x="1040120" y="47237"/>
                    <a:pt x="1044995" y="47237"/>
                  </a:cubicBezTo>
                  <a:cubicBezTo>
                    <a:pt x="1044995" y="47237"/>
                    <a:pt x="1051494" y="47237"/>
                    <a:pt x="1057993" y="43988"/>
                  </a:cubicBezTo>
                  <a:cubicBezTo>
                    <a:pt x="1059617" y="43988"/>
                    <a:pt x="1062867" y="43988"/>
                    <a:pt x="1064492" y="42364"/>
                  </a:cubicBezTo>
                  <a:cubicBezTo>
                    <a:pt x="1066116" y="40740"/>
                    <a:pt x="1069366" y="42364"/>
                    <a:pt x="1070991" y="39116"/>
                  </a:cubicBezTo>
                  <a:cubicBezTo>
                    <a:pt x="1072615" y="37492"/>
                    <a:pt x="1077490" y="40740"/>
                    <a:pt x="1077490" y="40740"/>
                  </a:cubicBezTo>
                  <a:cubicBezTo>
                    <a:pt x="1077490" y="40740"/>
                    <a:pt x="1080739" y="40740"/>
                    <a:pt x="1082364" y="40740"/>
                  </a:cubicBezTo>
                  <a:cubicBezTo>
                    <a:pt x="1083989" y="40740"/>
                    <a:pt x="1087238" y="37492"/>
                    <a:pt x="1085613" y="35867"/>
                  </a:cubicBezTo>
                  <a:cubicBezTo>
                    <a:pt x="1085613" y="32619"/>
                    <a:pt x="1090488" y="35867"/>
                    <a:pt x="1096986" y="37492"/>
                  </a:cubicBezTo>
                  <a:cubicBezTo>
                    <a:pt x="1096986" y="37492"/>
                    <a:pt x="1103485" y="40740"/>
                    <a:pt x="1108360" y="37492"/>
                  </a:cubicBezTo>
                  <a:cubicBezTo>
                    <a:pt x="1111609" y="34243"/>
                    <a:pt x="1114859" y="39116"/>
                    <a:pt x="1119733" y="37492"/>
                  </a:cubicBezTo>
                  <a:cubicBezTo>
                    <a:pt x="1124607" y="37492"/>
                    <a:pt x="1122982" y="39116"/>
                    <a:pt x="1116483" y="45613"/>
                  </a:cubicBezTo>
                  <a:cubicBezTo>
                    <a:pt x="1116483" y="45613"/>
                    <a:pt x="1121358" y="47237"/>
                    <a:pt x="1127857" y="53734"/>
                  </a:cubicBezTo>
                  <a:cubicBezTo>
                    <a:pt x="1131106" y="58606"/>
                    <a:pt x="1135980" y="53734"/>
                    <a:pt x="1135980" y="53734"/>
                  </a:cubicBezTo>
                  <a:cubicBezTo>
                    <a:pt x="1135980" y="53734"/>
                    <a:pt x="1139230" y="53734"/>
                    <a:pt x="1145729" y="53734"/>
                  </a:cubicBezTo>
                  <a:cubicBezTo>
                    <a:pt x="1152228" y="52109"/>
                    <a:pt x="1152228" y="53734"/>
                    <a:pt x="1157102" y="56982"/>
                  </a:cubicBezTo>
                  <a:cubicBezTo>
                    <a:pt x="1161976" y="60231"/>
                    <a:pt x="1158727" y="63479"/>
                    <a:pt x="1163601" y="61855"/>
                  </a:cubicBezTo>
                  <a:cubicBezTo>
                    <a:pt x="1163601" y="61855"/>
                    <a:pt x="1165226" y="63479"/>
                    <a:pt x="1161976" y="65103"/>
                  </a:cubicBezTo>
                  <a:cubicBezTo>
                    <a:pt x="1160352" y="66727"/>
                    <a:pt x="1158727" y="68352"/>
                    <a:pt x="1157102" y="66727"/>
                  </a:cubicBezTo>
                  <a:cubicBezTo>
                    <a:pt x="1155477" y="66727"/>
                    <a:pt x="1155477" y="68352"/>
                    <a:pt x="1155477" y="68352"/>
                  </a:cubicBezTo>
                  <a:cubicBezTo>
                    <a:pt x="1155477" y="68352"/>
                    <a:pt x="1155477" y="68352"/>
                    <a:pt x="1153853" y="69976"/>
                  </a:cubicBezTo>
                  <a:cubicBezTo>
                    <a:pt x="1153853" y="69976"/>
                    <a:pt x="1153853" y="69976"/>
                    <a:pt x="1150603" y="73224"/>
                  </a:cubicBezTo>
                  <a:cubicBezTo>
                    <a:pt x="1150603" y="73224"/>
                    <a:pt x="1145729" y="73224"/>
                    <a:pt x="1144104" y="73224"/>
                  </a:cubicBezTo>
                  <a:cubicBezTo>
                    <a:pt x="1144104" y="73224"/>
                    <a:pt x="1137605" y="76473"/>
                    <a:pt x="1137605" y="78097"/>
                  </a:cubicBezTo>
                  <a:cubicBezTo>
                    <a:pt x="1135980" y="78097"/>
                    <a:pt x="1132731" y="79721"/>
                    <a:pt x="1132731" y="79721"/>
                  </a:cubicBezTo>
                  <a:cubicBezTo>
                    <a:pt x="1131106" y="79721"/>
                    <a:pt x="1127857" y="81345"/>
                    <a:pt x="1124607" y="81345"/>
                  </a:cubicBezTo>
                  <a:cubicBezTo>
                    <a:pt x="1121358" y="81345"/>
                    <a:pt x="1122982" y="82969"/>
                    <a:pt x="1121358" y="81345"/>
                  </a:cubicBezTo>
                  <a:cubicBezTo>
                    <a:pt x="1119733" y="81345"/>
                    <a:pt x="1119733" y="82969"/>
                    <a:pt x="1118108" y="82969"/>
                  </a:cubicBezTo>
                  <a:cubicBezTo>
                    <a:pt x="1116483" y="82969"/>
                    <a:pt x="1116483" y="82969"/>
                    <a:pt x="1114859" y="82969"/>
                  </a:cubicBezTo>
                  <a:cubicBezTo>
                    <a:pt x="1113234" y="82969"/>
                    <a:pt x="1109984" y="84594"/>
                    <a:pt x="1108360" y="84594"/>
                  </a:cubicBezTo>
                  <a:cubicBezTo>
                    <a:pt x="1106735" y="84594"/>
                    <a:pt x="1106735" y="84594"/>
                    <a:pt x="1106735" y="86218"/>
                  </a:cubicBezTo>
                  <a:cubicBezTo>
                    <a:pt x="1105110" y="86218"/>
                    <a:pt x="1101861" y="86218"/>
                    <a:pt x="1096986" y="87842"/>
                  </a:cubicBezTo>
                  <a:cubicBezTo>
                    <a:pt x="1093737" y="89466"/>
                    <a:pt x="1095362" y="89466"/>
                    <a:pt x="1092112" y="89466"/>
                  </a:cubicBezTo>
                  <a:cubicBezTo>
                    <a:pt x="1087238" y="89466"/>
                    <a:pt x="1085613" y="91090"/>
                    <a:pt x="1075865" y="92715"/>
                  </a:cubicBezTo>
                  <a:cubicBezTo>
                    <a:pt x="1064492" y="94339"/>
                    <a:pt x="1070991" y="94339"/>
                    <a:pt x="1069366" y="94339"/>
                  </a:cubicBezTo>
                  <a:cubicBezTo>
                    <a:pt x="1067741" y="94339"/>
                    <a:pt x="1062867" y="95963"/>
                    <a:pt x="1059617" y="97587"/>
                  </a:cubicBezTo>
                  <a:cubicBezTo>
                    <a:pt x="1056368" y="97587"/>
                    <a:pt x="1056368" y="99212"/>
                    <a:pt x="1056368" y="99212"/>
                  </a:cubicBezTo>
                  <a:cubicBezTo>
                    <a:pt x="1057993" y="99212"/>
                    <a:pt x="1061242" y="100836"/>
                    <a:pt x="1062867" y="100836"/>
                  </a:cubicBezTo>
                  <a:cubicBezTo>
                    <a:pt x="1064492" y="100836"/>
                    <a:pt x="1069366" y="99212"/>
                    <a:pt x="1070991" y="97587"/>
                  </a:cubicBezTo>
                  <a:cubicBezTo>
                    <a:pt x="1072615" y="97587"/>
                    <a:pt x="1075865" y="97587"/>
                    <a:pt x="1075865" y="95963"/>
                  </a:cubicBezTo>
                  <a:cubicBezTo>
                    <a:pt x="1077490" y="95963"/>
                    <a:pt x="1082364" y="95963"/>
                    <a:pt x="1082364" y="95963"/>
                  </a:cubicBezTo>
                  <a:cubicBezTo>
                    <a:pt x="1082364" y="95963"/>
                    <a:pt x="1082364" y="95963"/>
                    <a:pt x="1092112" y="94339"/>
                  </a:cubicBezTo>
                  <a:cubicBezTo>
                    <a:pt x="1092112" y="94339"/>
                    <a:pt x="1096986" y="92715"/>
                    <a:pt x="1100236" y="92715"/>
                  </a:cubicBezTo>
                  <a:cubicBezTo>
                    <a:pt x="1103485" y="91090"/>
                    <a:pt x="1105110" y="94339"/>
                    <a:pt x="1105110" y="94339"/>
                  </a:cubicBezTo>
                  <a:cubicBezTo>
                    <a:pt x="1106735" y="94339"/>
                    <a:pt x="1105110" y="94339"/>
                    <a:pt x="1105110" y="95963"/>
                  </a:cubicBezTo>
                  <a:cubicBezTo>
                    <a:pt x="1105110" y="95963"/>
                    <a:pt x="1082364" y="105708"/>
                    <a:pt x="1077490" y="107333"/>
                  </a:cubicBezTo>
                  <a:cubicBezTo>
                    <a:pt x="1074240" y="108957"/>
                    <a:pt x="1074240" y="108957"/>
                    <a:pt x="1074240" y="108957"/>
                  </a:cubicBezTo>
                  <a:cubicBezTo>
                    <a:pt x="1072615" y="110581"/>
                    <a:pt x="1069366" y="112205"/>
                    <a:pt x="1069366" y="112205"/>
                  </a:cubicBezTo>
                  <a:cubicBezTo>
                    <a:pt x="1069366" y="112205"/>
                    <a:pt x="1064492" y="113829"/>
                    <a:pt x="1064492" y="113829"/>
                  </a:cubicBezTo>
                  <a:cubicBezTo>
                    <a:pt x="1062867" y="115454"/>
                    <a:pt x="1059617" y="117078"/>
                    <a:pt x="1059617" y="117078"/>
                  </a:cubicBezTo>
                  <a:cubicBezTo>
                    <a:pt x="1057993" y="117078"/>
                    <a:pt x="1054743" y="117078"/>
                    <a:pt x="1053118" y="117078"/>
                  </a:cubicBezTo>
                  <a:cubicBezTo>
                    <a:pt x="1051494" y="118702"/>
                    <a:pt x="1048244" y="120326"/>
                    <a:pt x="1048244" y="120326"/>
                  </a:cubicBezTo>
                  <a:cubicBezTo>
                    <a:pt x="1046619" y="121950"/>
                    <a:pt x="1041745" y="121950"/>
                    <a:pt x="1041745" y="120326"/>
                  </a:cubicBezTo>
                  <a:cubicBezTo>
                    <a:pt x="1041745" y="120326"/>
                    <a:pt x="1025498" y="133320"/>
                    <a:pt x="1025498" y="133320"/>
                  </a:cubicBezTo>
                  <a:cubicBezTo>
                    <a:pt x="1025498" y="133320"/>
                    <a:pt x="1025498" y="133320"/>
                    <a:pt x="1017374" y="139817"/>
                  </a:cubicBezTo>
                  <a:cubicBezTo>
                    <a:pt x="1017374" y="139817"/>
                    <a:pt x="1014124" y="141441"/>
                    <a:pt x="1012500" y="141441"/>
                  </a:cubicBezTo>
                  <a:cubicBezTo>
                    <a:pt x="1010875" y="141441"/>
                    <a:pt x="1009250" y="141441"/>
                    <a:pt x="1007626" y="141441"/>
                  </a:cubicBezTo>
                  <a:cubicBezTo>
                    <a:pt x="1006001" y="141441"/>
                    <a:pt x="1002751" y="141441"/>
                    <a:pt x="1001127" y="141441"/>
                  </a:cubicBezTo>
                  <a:cubicBezTo>
                    <a:pt x="999502" y="141441"/>
                    <a:pt x="996252" y="141441"/>
                    <a:pt x="997877" y="143065"/>
                  </a:cubicBezTo>
                  <a:cubicBezTo>
                    <a:pt x="997877" y="143065"/>
                    <a:pt x="1001127" y="146314"/>
                    <a:pt x="1001127" y="146314"/>
                  </a:cubicBezTo>
                  <a:cubicBezTo>
                    <a:pt x="1001127" y="146314"/>
                    <a:pt x="1001127" y="146314"/>
                    <a:pt x="999502" y="147938"/>
                  </a:cubicBezTo>
                  <a:cubicBezTo>
                    <a:pt x="999502" y="147938"/>
                    <a:pt x="997877" y="149562"/>
                    <a:pt x="997877" y="149562"/>
                  </a:cubicBezTo>
                  <a:cubicBezTo>
                    <a:pt x="996252" y="149562"/>
                    <a:pt x="991378" y="149562"/>
                    <a:pt x="991378" y="149562"/>
                  </a:cubicBezTo>
                  <a:cubicBezTo>
                    <a:pt x="991378" y="149562"/>
                    <a:pt x="981630" y="151186"/>
                    <a:pt x="978380" y="152810"/>
                  </a:cubicBezTo>
                  <a:cubicBezTo>
                    <a:pt x="976755" y="152810"/>
                    <a:pt x="978380" y="152810"/>
                    <a:pt x="980005" y="152810"/>
                  </a:cubicBezTo>
                  <a:cubicBezTo>
                    <a:pt x="983254" y="152810"/>
                    <a:pt x="981630" y="152810"/>
                    <a:pt x="984879" y="152810"/>
                  </a:cubicBezTo>
                  <a:cubicBezTo>
                    <a:pt x="989753" y="151186"/>
                    <a:pt x="988129" y="152810"/>
                    <a:pt x="991378" y="152810"/>
                  </a:cubicBezTo>
                  <a:cubicBezTo>
                    <a:pt x="994628" y="152810"/>
                    <a:pt x="993003" y="154435"/>
                    <a:pt x="993003" y="154435"/>
                  </a:cubicBezTo>
                  <a:cubicBezTo>
                    <a:pt x="993003" y="154435"/>
                    <a:pt x="986504" y="154435"/>
                    <a:pt x="984879" y="156059"/>
                  </a:cubicBezTo>
                  <a:cubicBezTo>
                    <a:pt x="984879" y="156059"/>
                    <a:pt x="986504" y="157683"/>
                    <a:pt x="986504" y="157683"/>
                  </a:cubicBezTo>
                  <a:cubicBezTo>
                    <a:pt x="986504" y="157683"/>
                    <a:pt x="986504" y="157683"/>
                    <a:pt x="986504" y="160931"/>
                  </a:cubicBezTo>
                  <a:cubicBezTo>
                    <a:pt x="988129" y="160931"/>
                    <a:pt x="986504" y="162556"/>
                    <a:pt x="986504" y="162556"/>
                  </a:cubicBezTo>
                  <a:cubicBezTo>
                    <a:pt x="986504" y="164180"/>
                    <a:pt x="980005" y="169052"/>
                    <a:pt x="980005" y="169052"/>
                  </a:cubicBezTo>
                  <a:cubicBezTo>
                    <a:pt x="980005" y="169052"/>
                    <a:pt x="976755" y="170677"/>
                    <a:pt x="975131" y="170677"/>
                  </a:cubicBezTo>
                  <a:cubicBezTo>
                    <a:pt x="975131" y="170677"/>
                    <a:pt x="971881" y="170677"/>
                    <a:pt x="971881" y="170677"/>
                  </a:cubicBezTo>
                  <a:cubicBezTo>
                    <a:pt x="970256" y="170677"/>
                    <a:pt x="968632" y="172301"/>
                    <a:pt x="967007" y="170677"/>
                  </a:cubicBezTo>
                  <a:cubicBezTo>
                    <a:pt x="967007" y="170677"/>
                    <a:pt x="963757" y="170677"/>
                    <a:pt x="963757" y="170677"/>
                  </a:cubicBezTo>
                  <a:cubicBezTo>
                    <a:pt x="962133" y="170677"/>
                    <a:pt x="957258" y="170677"/>
                    <a:pt x="955634" y="170677"/>
                  </a:cubicBezTo>
                  <a:cubicBezTo>
                    <a:pt x="954009" y="170677"/>
                    <a:pt x="952384" y="170677"/>
                    <a:pt x="950759" y="169052"/>
                  </a:cubicBezTo>
                  <a:cubicBezTo>
                    <a:pt x="949135" y="169052"/>
                    <a:pt x="949135" y="169052"/>
                    <a:pt x="947510" y="167428"/>
                  </a:cubicBezTo>
                  <a:cubicBezTo>
                    <a:pt x="945885" y="167428"/>
                    <a:pt x="945885" y="167428"/>
                    <a:pt x="944260" y="167428"/>
                  </a:cubicBezTo>
                  <a:cubicBezTo>
                    <a:pt x="942636" y="165804"/>
                    <a:pt x="937761" y="165804"/>
                    <a:pt x="937761" y="165804"/>
                  </a:cubicBezTo>
                  <a:cubicBezTo>
                    <a:pt x="937761" y="165804"/>
                    <a:pt x="941011" y="167428"/>
                    <a:pt x="941011" y="169052"/>
                  </a:cubicBezTo>
                  <a:cubicBezTo>
                    <a:pt x="942636" y="169052"/>
                    <a:pt x="942636" y="170677"/>
                    <a:pt x="944260" y="170677"/>
                  </a:cubicBezTo>
                  <a:cubicBezTo>
                    <a:pt x="945885" y="170677"/>
                    <a:pt x="947510" y="172301"/>
                    <a:pt x="947510" y="173925"/>
                  </a:cubicBezTo>
                  <a:cubicBezTo>
                    <a:pt x="947510" y="175549"/>
                    <a:pt x="947510" y="175549"/>
                    <a:pt x="945885" y="177173"/>
                  </a:cubicBezTo>
                  <a:cubicBezTo>
                    <a:pt x="945885" y="178798"/>
                    <a:pt x="944260" y="177173"/>
                    <a:pt x="942636" y="177173"/>
                  </a:cubicBezTo>
                  <a:cubicBezTo>
                    <a:pt x="941011" y="177173"/>
                    <a:pt x="939386" y="178798"/>
                    <a:pt x="939386" y="178798"/>
                  </a:cubicBezTo>
                  <a:cubicBezTo>
                    <a:pt x="937761" y="178798"/>
                    <a:pt x="934512" y="180422"/>
                    <a:pt x="934512" y="180422"/>
                  </a:cubicBezTo>
                  <a:cubicBezTo>
                    <a:pt x="934512" y="180422"/>
                    <a:pt x="934512" y="180422"/>
                    <a:pt x="929638" y="180422"/>
                  </a:cubicBezTo>
                  <a:cubicBezTo>
                    <a:pt x="928013" y="180422"/>
                    <a:pt x="926388" y="182046"/>
                    <a:pt x="924764" y="182046"/>
                  </a:cubicBezTo>
                  <a:cubicBezTo>
                    <a:pt x="924764" y="182046"/>
                    <a:pt x="921514" y="180422"/>
                    <a:pt x="921514" y="180422"/>
                  </a:cubicBezTo>
                  <a:cubicBezTo>
                    <a:pt x="921514" y="180422"/>
                    <a:pt x="921514" y="180422"/>
                    <a:pt x="915015" y="183670"/>
                  </a:cubicBezTo>
                  <a:cubicBezTo>
                    <a:pt x="915015" y="183670"/>
                    <a:pt x="915015" y="183670"/>
                    <a:pt x="910141" y="183670"/>
                  </a:cubicBezTo>
                  <a:cubicBezTo>
                    <a:pt x="910141" y="183670"/>
                    <a:pt x="906891" y="183670"/>
                    <a:pt x="905267" y="183670"/>
                  </a:cubicBezTo>
                  <a:cubicBezTo>
                    <a:pt x="903642" y="183670"/>
                    <a:pt x="902017" y="183670"/>
                    <a:pt x="900392" y="183670"/>
                  </a:cubicBezTo>
                  <a:cubicBezTo>
                    <a:pt x="900392" y="183670"/>
                    <a:pt x="897143" y="183670"/>
                    <a:pt x="895518" y="182046"/>
                  </a:cubicBezTo>
                  <a:cubicBezTo>
                    <a:pt x="893893" y="180422"/>
                    <a:pt x="893893" y="180422"/>
                    <a:pt x="893893" y="180422"/>
                  </a:cubicBezTo>
                  <a:cubicBezTo>
                    <a:pt x="893893" y="180422"/>
                    <a:pt x="890644" y="180422"/>
                    <a:pt x="890644" y="180422"/>
                  </a:cubicBezTo>
                  <a:lnTo>
                    <a:pt x="888091" y="179784"/>
                  </a:lnTo>
                  <a:lnTo>
                    <a:pt x="888207" y="179407"/>
                  </a:lnTo>
                  <a:lnTo>
                    <a:pt x="887394" y="179610"/>
                  </a:lnTo>
                  <a:lnTo>
                    <a:pt x="884145" y="178798"/>
                  </a:lnTo>
                  <a:cubicBezTo>
                    <a:pt x="884145" y="177173"/>
                    <a:pt x="880895" y="178798"/>
                    <a:pt x="879271" y="178798"/>
                  </a:cubicBezTo>
                  <a:cubicBezTo>
                    <a:pt x="877646" y="180422"/>
                    <a:pt x="874396" y="182046"/>
                    <a:pt x="874396" y="182046"/>
                  </a:cubicBezTo>
                  <a:cubicBezTo>
                    <a:pt x="872772" y="183670"/>
                    <a:pt x="872772" y="185295"/>
                    <a:pt x="874396" y="183670"/>
                  </a:cubicBezTo>
                  <a:cubicBezTo>
                    <a:pt x="874396" y="183670"/>
                    <a:pt x="874396" y="183670"/>
                    <a:pt x="884145" y="180422"/>
                  </a:cubicBezTo>
                  <a:lnTo>
                    <a:pt x="887394" y="179610"/>
                  </a:lnTo>
                  <a:lnTo>
                    <a:pt x="888091" y="179784"/>
                  </a:lnTo>
                  <a:lnTo>
                    <a:pt x="887394" y="182046"/>
                  </a:lnTo>
                  <a:cubicBezTo>
                    <a:pt x="890644" y="182046"/>
                    <a:pt x="887394" y="182046"/>
                    <a:pt x="887394" y="183670"/>
                  </a:cubicBezTo>
                  <a:cubicBezTo>
                    <a:pt x="887394" y="185295"/>
                    <a:pt x="889019" y="185295"/>
                    <a:pt x="892269" y="185295"/>
                  </a:cubicBezTo>
                  <a:cubicBezTo>
                    <a:pt x="893893" y="183670"/>
                    <a:pt x="893893" y="185295"/>
                    <a:pt x="895518" y="185295"/>
                  </a:cubicBezTo>
                  <a:cubicBezTo>
                    <a:pt x="897143" y="185295"/>
                    <a:pt x="897143" y="186919"/>
                    <a:pt x="898768" y="186919"/>
                  </a:cubicBezTo>
                  <a:cubicBezTo>
                    <a:pt x="900392" y="186919"/>
                    <a:pt x="900392" y="186919"/>
                    <a:pt x="902017" y="186919"/>
                  </a:cubicBezTo>
                  <a:cubicBezTo>
                    <a:pt x="903642" y="185295"/>
                    <a:pt x="905267" y="186919"/>
                    <a:pt x="908516" y="186919"/>
                  </a:cubicBezTo>
                  <a:cubicBezTo>
                    <a:pt x="911766" y="186919"/>
                    <a:pt x="913390" y="186919"/>
                    <a:pt x="915015" y="186919"/>
                  </a:cubicBezTo>
                  <a:cubicBezTo>
                    <a:pt x="916640" y="186919"/>
                    <a:pt x="918265" y="188543"/>
                    <a:pt x="919889" y="188543"/>
                  </a:cubicBezTo>
                  <a:cubicBezTo>
                    <a:pt x="921514" y="188543"/>
                    <a:pt x="919889" y="191791"/>
                    <a:pt x="919889" y="191791"/>
                  </a:cubicBezTo>
                  <a:cubicBezTo>
                    <a:pt x="919889" y="191791"/>
                    <a:pt x="921514" y="198288"/>
                    <a:pt x="919889" y="198288"/>
                  </a:cubicBezTo>
                  <a:cubicBezTo>
                    <a:pt x="919889" y="198288"/>
                    <a:pt x="916640" y="198288"/>
                    <a:pt x="915015" y="198288"/>
                  </a:cubicBezTo>
                  <a:cubicBezTo>
                    <a:pt x="915015" y="198288"/>
                    <a:pt x="911766" y="198288"/>
                    <a:pt x="910141" y="198288"/>
                  </a:cubicBezTo>
                  <a:cubicBezTo>
                    <a:pt x="908516" y="196664"/>
                    <a:pt x="902017" y="198288"/>
                    <a:pt x="902017" y="198288"/>
                  </a:cubicBezTo>
                  <a:cubicBezTo>
                    <a:pt x="902017" y="198288"/>
                    <a:pt x="902017" y="198288"/>
                    <a:pt x="898768" y="198288"/>
                  </a:cubicBezTo>
                  <a:cubicBezTo>
                    <a:pt x="898768" y="198288"/>
                    <a:pt x="906891" y="201537"/>
                    <a:pt x="908516" y="201537"/>
                  </a:cubicBezTo>
                  <a:cubicBezTo>
                    <a:pt x="911766" y="201537"/>
                    <a:pt x="910141" y="203161"/>
                    <a:pt x="913390" y="203161"/>
                  </a:cubicBezTo>
                  <a:cubicBezTo>
                    <a:pt x="916640" y="204785"/>
                    <a:pt x="916640" y="206409"/>
                    <a:pt x="916640" y="206409"/>
                  </a:cubicBezTo>
                  <a:cubicBezTo>
                    <a:pt x="918265" y="206409"/>
                    <a:pt x="923139" y="208033"/>
                    <a:pt x="924764" y="208033"/>
                  </a:cubicBezTo>
                  <a:cubicBezTo>
                    <a:pt x="924764" y="208033"/>
                    <a:pt x="921514" y="209658"/>
                    <a:pt x="921514" y="209658"/>
                  </a:cubicBezTo>
                  <a:cubicBezTo>
                    <a:pt x="921514" y="209658"/>
                    <a:pt x="921514" y="209658"/>
                    <a:pt x="918265" y="209658"/>
                  </a:cubicBezTo>
                  <a:cubicBezTo>
                    <a:pt x="918265" y="209658"/>
                    <a:pt x="918265" y="209658"/>
                    <a:pt x="918265" y="212906"/>
                  </a:cubicBezTo>
                  <a:cubicBezTo>
                    <a:pt x="918265" y="212906"/>
                    <a:pt x="918265" y="212906"/>
                    <a:pt x="918265" y="214530"/>
                  </a:cubicBezTo>
                  <a:cubicBezTo>
                    <a:pt x="918265" y="214530"/>
                    <a:pt x="916640" y="216154"/>
                    <a:pt x="915015" y="216154"/>
                  </a:cubicBezTo>
                  <a:cubicBezTo>
                    <a:pt x="913390" y="216154"/>
                    <a:pt x="913390" y="216154"/>
                    <a:pt x="911766" y="216154"/>
                  </a:cubicBezTo>
                  <a:cubicBezTo>
                    <a:pt x="910141" y="216154"/>
                    <a:pt x="908516" y="216154"/>
                    <a:pt x="905267" y="216154"/>
                  </a:cubicBezTo>
                  <a:cubicBezTo>
                    <a:pt x="903642" y="216154"/>
                    <a:pt x="902017" y="216154"/>
                    <a:pt x="902017" y="216154"/>
                  </a:cubicBezTo>
                  <a:cubicBezTo>
                    <a:pt x="900392" y="217779"/>
                    <a:pt x="900392" y="217779"/>
                    <a:pt x="902017" y="219403"/>
                  </a:cubicBezTo>
                  <a:cubicBezTo>
                    <a:pt x="903642" y="219403"/>
                    <a:pt x="905267" y="219403"/>
                    <a:pt x="905267" y="219403"/>
                  </a:cubicBezTo>
                  <a:cubicBezTo>
                    <a:pt x="906891" y="219403"/>
                    <a:pt x="911766" y="222651"/>
                    <a:pt x="910141" y="224276"/>
                  </a:cubicBezTo>
                  <a:cubicBezTo>
                    <a:pt x="908516" y="225900"/>
                    <a:pt x="906891" y="225900"/>
                    <a:pt x="906891" y="225900"/>
                  </a:cubicBezTo>
                  <a:cubicBezTo>
                    <a:pt x="905267" y="227524"/>
                    <a:pt x="903642" y="227524"/>
                    <a:pt x="903642" y="227524"/>
                  </a:cubicBezTo>
                  <a:cubicBezTo>
                    <a:pt x="902017" y="229148"/>
                    <a:pt x="903642" y="230772"/>
                    <a:pt x="903642" y="230772"/>
                  </a:cubicBezTo>
                  <a:cubicBezTo>
                    <a:pt x="903642" y="232397"/>
                    <a:pt x="903642" y="235645"/>
                    <a:pt x="903642" y="235645"/>
                  </a:cubicBezTo>
                  <a:cubicBezTo>
                    <a:pt x="903642" y="235645"/>
                    <a:pt x="903642" y="235645"/>
                    <a:pt x="900392" y="237269"/>
                  </a:cubicBezTo>
                  <a:cubicBezTo>
                    <a:pt x="900392" y="237269"/>
                    <a:pt x="900392" y="237269"/>
                    <a:pt x="893893" y="237269"/>
                  </a:cubicBezTo>
                  <a:cubicBezTo>
                    <a:pt x="893893" y="237269"/>
                    <a:pt x="892269" y="238893"/>
                    <a:pt x="892269" y="238893"/>
                  </a:cubicBezTo>
                  <a:cubicBezTo>
                    <a:pt x="890644" y="238893"/>
                    <a:pt x="887394" y="240518"/>
                    <a:pt x="887394" y="240518"/>
                  </a:cubicBezTo>
                  <a:cubicBezTo>
                    <a:pt x="887394" y="240518"/>
                    <a:pt x="882520" y="240518"/>
                    <a:pt x="880895" y="240518"/>
                  </a:cubicBezTo>
                  <a:cubicBezTo>
                    <a:pt x="879271" y="240518"/>
                    <a:pt x="877646" y="240518"/>
                    <a:pt x="877646" y="240518"/>
                  </a:cubicBezTo>
                  <a:cubicBezTo>
                    <a:pt x="877646" y="238893"/>
                    <a:pt x="876021" y="240518"/>
                    <a:pt x="874396" y="240518"/>
                  </a:cubicBezTo>
                  <a:cubicBezTo>
                    <a:pt x="872772" y="240518"/>
                    <a:pt x="869522" y="240518"/>
                    <a:pt x="869522" y="240518"/>
                  </a:cubicBezTo>
                  <a:cubicBezTo>
                    <a:pt x="867897" y="240518"/>
                    <a:pt x="866273" y="240518"/>
                    <a:pt x="866273" y="240518"/>
                  </a:cubicBezTo>
                  <a:cubicBezTo>
                    <a:pt x="866273" y="240518"/>
                    <a:pt x="866273" y="240518"/>
                    <a:pt x="861398" y="238893"/>
                  </a:cubicBezTo>
                  <a:cubicBezTo>
                    <a:pt x="861398" y="238893"/>
                    <a:pt x="861398" y="238893"/>
                    <a:pt x="856524" y="240518"/>
                  </a:cubicBezTo>
                  <a:cubicBezTo>
                    <a:pt x="856524" y="240518"/>
                    <a:pt x="856524" y="242142"/>
                    <a:pt x="856524" y="242142"/>
                  </a:cubicBezTo>
                  <a:cubicBezTo>
                    <a:pt x="858149" y="243766"/>
                    <a:pt x="858149" y="243766"/>
                    <a:pt x="861398" y="250263"/>
                  </a:cubicBezTo>
                  <a:cubicBezTo>
                    <a:pt x="864648" y="255135"/>
                    <a:pt x="861398" y="251887"/>
                    <a:pt x="863023" y="253511"/>
                  </a:cubicBezTo>
                  <a:cubicBezTo>
                    <a:pt x="863023" y="253511"/>
                    <a:pt x="861398" y="255135"/>
                    <a:pt x="861398" y="255135"/>
                  </a:cubicBezTo>
                  <a:cubicBezTo>
                    <a:pt x="861398" y="255135"/>
                    <a:pt x="853275" y="261632"/>
                    <a:pt x="851650" y="261632"/>
                  </a:cubicBezTo>
                  <a:cubicBezTo>
                    <a:pt x="851650" y="263257"/>
                    <a:pt x="850025" y="263257"/>
                    <a:pt x="846776" y="261632"/>
                  </a:cubicBezTo>
                  <a:cubicBezTo>
                    <a:pt x="845151" y="261632"/>
                    <a:pt x="846776" y="261632"/>
                    <a:pt x="845151" y="263257"/>
                  </a:cubicBezTo>
                  <a:cubicBezTo>
                    <a:pt x="843526" y="263257"/>
                    <a:pt x="841902" y="263257"/>
                    <a:pt x="841902" y="263257"/>
                  </a:cubicBezTo>
                  <a:cubicBezTo>
                    <a:pt x="840277" y="263257"/>
                    <a:pt x="838652" y="264881"/>
                    <a:pt x="838652" y="266505"/>
                  </a:cubicBezTo>
                  <a:cubicBezTo>
                    <a:pt x="838652" y="268129"/>
                    <a:pt x="838652" y="268129"/>
                    <a:pt x="840277" y="268129"/>
                  </a:cubicBezTo>
                  <a:cubicBezTo>
                    <a:pt x="840277" y="269753"/>
                    <a:pt x="838652" y="269753"/>
                    <a:pt x="838652" y="271378"/>
                  </a:cubicBezTo>
                  <a:cubicBezTo>
                    <a:pt x="838652" y="273002"/>
                    <a:pt x="837027" y="273002"/>
                    <a:pt x="835403" y="274626"/>
                  </a:cubicBezTo>
                  <a:cubicBezTo>
                    <a:pt x="833778" y="274626"/>
                    <a:pt x="835403" y="276250"/>
                    <a:pt x="837027" y="276250"/>
                  </a:cubicBezTo>
                  <a:cubicBezTo>
                    <a:pt x="837027" y="276250"/>
                    <a:pt x="838652" y="276250"/>
                    <a:pt x="843526" y="277874"/>
                  </a:cubicBezTo>
                  <a:cubicBezTo>
                    <a:pt x="843526" y="277874"/>
                    <a:pt x="846776" y="279499"/>
                    <a:pt x="846776" y="279499"/>
                  </a:cubicBezTo>
                  <a:cubicBezTo>
                    <a:pt x="848401" y="277874"/>
                    <a:pt x="848401" y="277874"/>
                    <a:pt x="850025" y="276250"/>
                  </a:cubicBezTo>
                  <a:cubicBezTo>
                    <a:pt x="851650" y="274626"/>
                    <a:pt x="853275" y="274626"/>
                    <a:pt x="854899" y="273002"/>
                  </a:cubicBezTo>
                  <a:cubicBezTo>
                    <a:pt x="854899" y="273002"/>
                    <a:pt x="854899" y="273002"/>
                    <a:pt x="856524" y="273002"/>
                  </a:cubicBezTo>
                  <a:cubicBezTo>
                    <a:pt x="856524" y="273002"/>
                    <a:pt x="863023" y="279499"/>
                    <a:pt x="863023" y="281123"/>
                  </a:cubicBezTo>
                  <a:cubicBezTo>
                    <a:pt x="864648" y="282747"/>
                    <a:pt x="864648" y="284371"/>
                    <a:pt x="864648" y="284371"/>
                  </a:cubicBezTo>
                  <a:cubicBezTo>
                    <a:pt x="864648" y="284371"/>
                    <a:pt x="863023" y="285995"/>
                    <a:pt x="863023" y="287620"/>
                  </a:cubicBezTo>
                  <a:cubicBezTo>
                    <a:pt x="863023" y="289244"/>
                    <a:pt x="861398" y="289244"/>
                    <a:pt x="861398" y="289244"/>
                  </a:cubicBezTo>
                  <a:cubicBezTo>
                    <a:pt x="861398" y="289244"/>
                    <a:pt x="861398" y="289244"/>
                    <a:pt x="851650" y="294116"/>
                  </a:cubicBezTo>
                  <a:cubicBezTo>
                    <a:pt x="851650" y="294116"/>
                    <a:pt x="850025" y="294116"/>
                    <a:pt x="850025" y="292492"/>
                  </a:cubicBezTo>
                  <a:cubicBezTo>
                    <a:pt x="850025" y="290868"/>
                    <a:pt x="850025" y="290868"/>
                    <a:pt x="848401" y="290868"/>
                  </a:cubicBezTo>
                  <a:cubicBezTo>
                    <a:pt x="846776" y="289244"/>
                    <a:pt x="846776" y="290868"/>
                    <a:pt x="845151" y="290868"/>
                  </a:cubicBezTo>
                  <a:cubicBezTo>
                    <a:pt x="845151" y="290868"/>
                    <a:pt x="845151" y="292492"/>
                    <a:pt x="845151" y="294116"/>
                  </a:cubicBezTo>
                  <a:cubicBezTo>
                    <a:pt x="845151" y="294116"/>
                    <a:pt x="843526" y="294116"/>
                    <a:pt x="843526" y="295741"/>
                  </a:cubicBezTo>
                  <a:cubicBezTo>
                    <a:pt x="841902" y="295741"/>
                    <a:pt x="838652" y="298989"/>
                    <a:pt x="838652" y="298989"/>
                  </a:cubicBezTo>
                  <a:cubicBezTo>
                    <a:pt x="838652" y="298989"/>
                    <a:pt x="833778" y="298989"/>
                    <a:pt x="832153" y="300613"/>
                  </a:cubicBezTo>
                  <a:cubicBezTo>
                    <a:pt x="830528" y="300613"/>
                    <a:pt x="830528" y="300613"/>
                    <a:pt x="828904" y="300613"/>
                  </a:cubicBezTo>
                  <a:cubicBezTo>
                    <a:pt x="828904" y="300613"/>
                    <a:pt x="827279" y="300613"/>
                    <a:pt x="825654" y="300613"/>
                  </a:cubicBezTo>
                  <a:cubicBezTo>
                    <a:pt x="825654" y="300613"/>
                    <a:pt x="824029" y="302238"/>
                    <a:pt x="822405" y="302238"/>
                  </a:cubicBezTo>
                  <a:cubicBezTo>
                    <a:pt x="822405" y="302238"/>
                    <a:pt x="820780" y="302238"/>
                    <a:pt x="820780" y="302238"/>
                  </a:cubicBezTo>
                  <a:cubicBezTo>
                    <a:pt x="819155" y="303862"/>
                    <a:pt x="817530" y="305486"/>
                    <a:pt x="817530" y="305486"/>
                  </a:cubicBezTo>
                  <a:cubicBezTo>
                    <a:pt x="817530" y="305486"/>
                    <a:pt x="817530" y="305486"/>
                    <a:pt x="812656" y="305486"/>
                  </a:cubicBezTo>
                  <a:cubicBezTo>
                    <a:pt x="812656" y="305486"/>
                    <a:pt x="807782" y="305486"/>
                    <a:pt x="807782" y="305486"/>
                  </a:cubicBezTo>
                  <a:cubicBezTo>
                    <a:pt x="806157" y="303862"/>
                    <a:pt x="806157" y="303862"/>
                    <a:pt x="806157" y="302238"/>
                  </a:cubicBezTo>
                  <a:cubicBezTo>
                    <a:pt x="806157" y="302238"/>
                    <a:pt x="806157" y="302238"/>
                    <a:pt x="807782" y="300613"/>
                  </a:cubicBezTo>
                  <a:cubicBezTo>
                    <a:pt x="809407" y="298989"/>
                    <a:pt x="809407" y="297365"/>
                    <a:pt x="809407" y="295741"/>
                  </a:cubicBezTo>
                  <a:cubicBezTo>
                    <a:pt x="811031" y="295741"/>
                    <a:pt x="807782" y="294116"/>
                    <a:pt x="806157" y="294116"/>
                  </a:cubicBezTo>
                  <a:cubicBezTo>
                    <a:pt x="806157" y="294116"/>
                    <a:pt x="804532" y="294116"/>
                    <a:pt x="804532" y="294116"/>
                  </a:cubicBezTo>
                  <a:cubicBezTo>
                    <a:pt x="802908" y="294116"/>
                    <a:pt x="802908" y="294116"/>
                    <a:pt x="799658" y="294116"/>
                  </a:cubicBezTo>
                  <a:cubicBezTo>
                    <a:pt x="798033" y="294116"/>
                    <a:pt x="799658" y="294116"/>
                    <a:pt x="798033" y="294116"/>
                  </a:cubicBezTo>
                  <a:cubicBezTo>
                    <a:pt x="798033" y="294116"/>
                    <a:pt x="796409" y="294116"/>
                    <a:pt x="796409" y="292492"/>
                  </a:cubicBezTo>
                  <a:cubicBezTo>
                    <a:pt x="796409" y="292492"/>
                    <a:pt x="796409" y="292492"/>
                    <a:pt x="793159" y="292492"/>
                  </a:cubicBezTo>
                  <a:cubicBezTo>
                    <a:pt x="793159" y="292492"/>
                    <a:pt x="789910" y="289244"/>
                    <a:pt x="789910" y="289244"/>
                  </a:cubicBezTo>
                  <a:cubicBezTo>
                    <a:pt x="789910" y="287620"/>
                    <a:pt x="786660" y="285995"/>
                    <a:pt x="786660" y="285995"/>
                  </a:cubicBezTo>
                  <a:cubicBezTo>
                    <a:pt x="785035" y="285995"/>
                    <a:pt x="783411" y="285995"/>
                    <a:pt x="783411" y="287620"/>
                  </a:cubicBezTo>
                  <a:cubicBezTo>
                    <a:pt x="783411" y="289244"/>
                    <a:pt x="785035" y="289244"/>
                    <a:pt x="785035" y="290868"/>
                  </a:cubicBezTo>
                  <a:cubicBezTo>
                    <a:pt x="786660" y="292492"/>
                    <a:pt x="788285" y="292492"/>
                    <a:pt x="788285" y="292492"/>
                  </a:cubicBezTo>
                  <a:cubicBezTo>
                    <a:pt x="789910" y="292492"/>
                    <a:pt x="789910" y="294116"/>
                    <a:pt x="791534" y="294116"/>
                  </a:cubicBezTo>
                  <a:cubicBezTo>
                    <a:pt x="793159" y="295741"/>
                    <a:pt x="791534" y="295741"/>
                    <a:pt x="791534" y="295741"/>
                  </a:cubicBezTo>
                  <a:cubicBezTo>
                    <a:pt x="791534" y="297365"/>
                    <a:pt x="789910" y="300613"/>
                    <a:pt x="788285" y="300613"/>
                  </a:cubicBezTo>
                  <a:cubicBezTo>
                    <a:pt x="788285" y="300613"/>
                    <a:pt x="786660" y="302238"/>
                    <a:pt x="786660" y="302238"/>
                  </a:cubicBezTo>
                  <a:cubicBezTo>
                    <a:pt x="785035" y="302238"/>
                    <a:pt x="785035" y="303862"/>
                    <a:pt x="785035" y="303862"/>
                  </a:cubicBezTo>
                  <a:cubicBezTo>
                    <a:pt x="785035" y="303862"/>
                    <a:pt x="785035" y="303862"/>
                    <a:pt x="781786" y="303862"/>
                  </a:cubicBezTo>
                  <a:cubicBezTo>
                    <a:pt x="781786" y="303862"/>
                    <a:pt x="778536" y="303862"/>
                    <a:pt x="776912" y="302238"/>
                  </a:cubicBezTo>
                  <a:cubicBezTo>
                    <a:pt x="776912" y="302238"/>
                    <a:pt x="775287" y="302238"/>
                    <a:pt x="775287" y="300613"/>
                  </a:cubicBezTo>
                  <a:cubicBezTo>
                    <a:pt x="775287" y="300613"/>
                    <a:pt x="773662" y="300613"/>
                    <a:pt x="772037" y="298989"/>
                  </a:cubicBezTo>
                  <a:cubicBezTo>
                    <a:pt x="770413" y="295741"/>
                    <a:pt x="772037" y="298989"/>
                    <a:pt x="772037" y="297365"/>
                  </a:cubicBezTo>
                  <a:cubicBezTo>
                    <a:pt x="772037" y="297365"/>
                    <a:pt x="770413" y="297365"/>
                    <a:pt x="770413" y="295741"/>
                  </a:cubicBezTo>
                  <a:cubicBezTo>
                    <a:pt x="768788" y="295741"/>
                    <a:pt x="768788" y="295741"/>
                    <a:pt x="768788" y="295741"/>
                  </a:cubicBezTo>
                  <a:cubicBezTo>
                    <a:pt x="767163" y="294116"/>
                    <a:pt x="765539" y="294116"/>
                    <a:pt x="765539" y="294116"/>
                  </a:cubicBezTo>
                  <a:cubicBezTo>
                    <a:pt x="765539" y="294116"/>
                    <a:pt x="765539" y="294116"/>
                    <a:pt x="763914" y="294116"/>
                  </a:cubicBezTo>
                  <a:cubicBezTo>
                    <a:pt x="763914" y="294116"/>
                    <a:pt x="763914" y="294116"/>
                    <a:pt x="762289" y="295741"/>
                  </a:cubicBezTo>
                  <a:cubicBezTo>
                    <a:pt x="762289" y="295741"/>
                    <a:pt x="762289" y="295741"/>
                    <a:pt x="757415" y="294116"/>
                  </a:cubicBezTo>
                  <a:cubicBezTo>
                    <a:pt x="757415" y="294116"/>
                    <a:pt x="759040" y="297365"/>
                    <a:pt x="754165" y="294116"/>
                  </a:cubicBezTo>
                  <a:cubicBezTo>
                    <a:pt x="749291" y="290868"/>
                    <a:pt x="752541" y="292492"/>
                    <a:pt x="754165" y="292492"/>
                  </a:cubicBezTo>
                  <a:cubicBezTo>
                    <a:pt x="754165" y="292492"/>
                    <a:pt x="754165" y="292492"/>
                    <a:pt x="750916" y="289244"/>
                  </a:cubicBezTo>
                  <a:cubicBezTo>
                    <a:pt x="750916" y="289244"/>
                    <a:pt x="750916" y="289244"/>
                    <a:pt x="749291" y="289244"/>
                  </a:cubicBezTo>
                  <a:cubicBezTo>
                    <a:pt x="749291" y="289244"/>
                    <a:pt x="749291" y="289244"/>
                    <a:pt x="749291" y="294116"/>
                  </a:cubicBezTo>
                  <a:cubicBezTo>
                    <a:pt x="749291" y="294116"/>
                    <a:pt x="747666" y="295741"/>
                    <a:pt x="747666" y="295741"/>
                  </a:cubicBezTo>
                  <a:cubicBezTo>
                    <a:pt x="747666" y="297365"/>
                    <a:pt x="746042" y="297365"/>
                    <a:pt x="744417" y="295741"/>
                  </a:cubicBezTo>
                  <a:cubicBezTo>
                    <a:pt x="744417" y="295741"/>
                    <a:pt x="742792" y="295741"/>
                    <a:pt x="742792" y="295741"/>
                  </a:cubicBezTo>
                  <a:cubicBezTo>
                    <a:pt x="742792" y="294116"/>
                    <a:pt x="739543" y="295741"/>
                    <a:pt x="739543" y="294116"/>
                  </a:cubicBezTo>
                  <a:cubicBezTo>
                    <a:pt x="739543" y="294116"/>
                    <a:pt x="737918" y="294116"/>
                    <a:pt x="737918" y="294116"/>
                  </a:cubicBezTo>
                  <a:cubicBezTo>
                    <a:pt x="736293" y="292492"/>
                    <a:pt x="736293" y="294116"/>
                    <a:pt x="736293" y="294116"/>
                  </a:cubicBezTo>
                  <a:cubicBezTo>
                    <a:pt x="736293" y="295741"/>
                    <a:pt x="736293" y="295741"/>
                    <a:pt x="737918" y="297365"/>
                  </a:cubicBezTo>
                  <a:cubicBezTo>
                    <a:pt x="737918" y="297365"/>
                    <a:pt x="737918" y="298989"/>
                    <a:pt x="737918" y="298989"/>
                  </a:cubicBezTo>
                  <a:cubicBezTo>
                    <a:pt x="737918" y="298989"/>
                    <a:pt x="737918" y="298989"/>
                    <a:pt x="736293" y="298989"/>
                  </a:cubicBezTo>
                  <a:cubicBezTo>
                    <a:pt x="736293" y="298989"/>
                    <a:pt x="734668" y="300613"/>
                    <a:pt x="734668" y="300613"/>
                  </a:cubicBezTo>
                  <a:cubicBezTo>
                    <a:pt x="733044" y="300613"/>
                    <a:pt x="733044" y="300613"/>
                    <a:pt x="731419" y="298989"/>
                  </a:cubicBezTo>
                  <a:cubicBezTo>
                    <a:pt x="731419" y="298989"/>
                    <a:pt x="729794" y="298989"/>
                    <a:pt x="728169" y="300613"/>
                  </a:cubicBezTo>
                  <a:cubicBezTo>
                    <a:pt x="728169" y="300613"/>
                    <a:pt x="728169" y="300613"/>
                    <a:pt x="724920" y="300613"/>
                  </a:cubicBezTo>
                  <a:cubicBezTo>
                    <a:pt x="723295" y="300613"/>
                    <a:pt x="723295" y="298989"/>
                    <a:pt x="721670" y="298989"/>
                  </a:cubicBezTo>
                  <a:cubicBezTo>
                    <a:pt x="721670" y="298989"/>
                    <a:pt x="721670" y="298989"/>
                    <a:pt x="715171" y="297365"/>
                  </a:cubicBezTo>
                  <a:cubicBezTo>
                    <a:pt x="713547" y="297365"/>
                    <a:pt x="711922" y="297365"/>
                    <a:pt x="711922" y="295741"/>
                  </a:cubicBezTo>
                  <a:cubicBezTo>
                    <a:pt x="711922" y="295741"/>
                    <a:pt x="711922" y="294116"/>
                    <a:pt x="711922" y="294116"/>
                  </a:cubicBezTo>
                  <a:cubicBezTo>
                    <a:pt x="711922" y="292492"/>
                    <a:pt x="710297" y="292492"/>
                    <a:pt x="708672" y="292492"/>
                  </a:cubicBezTo>
                  <a:cubicBezTo>
                    <a:pt x="708672" y="294116"/>
                    <a:pt x="708672" y="295741"/>
                    <a:pt x="707048" y="297365"/>
                  </a:cubicBezTo>
                  <a:cubicBezTo>
                    <a:pt x="707048" y="298989"/>
                    <a:pt x="697299" y="297365"/>
                    <a:pt x="697299" y="297365"/>
                  </a:cubicBezTo>
                  <a:cubicBezTo>
                    <a:pt x="697299" y="297365"/>
                    <a:pt x="694050" y="297365"/>
                    <a:pt x="694050" y="297365"/>
                  </a:cubicBezTo>
                  <a:cubicBezTo>
                    <a:pt x="692425" y="297365"/>
                    <a:pt x="690800" y="295741"/>
                    <a:pt x="690800" y="295741"/>
                  </a:cubicBezTo>
                  <a:cubicBezTo>
                    <a:pt x="690800" y="294116"/>
                    <a:pt x="689176" y="294116"/>
                    <a:pt x="687551" y="292492"/>
                  </a:cubicBezTo>
                  <a:cubicBezTo>
                    <a:pt x="685926" y="290868"/>
                    <a:pt x="685926" y="294116"/>
                    <a:pt x="685926" y="294116"/>
                  </a:cubicBezTo>
                  <a:cubicBezTo>
                    <a:pt x="684301" y="294116"/>
                    <a:pt x="684301" y="295741"/>
                    <a:pt x="682677" y="295741"/>
                  </a:cubicBezTo>
                  <a:cubicBezTo>
                    <a:pt x="682677" y="297365"/>
                    <a:pt x="681052" y="297365"/>
                    <a:pt x="681052" y="297365"/>
                  </a:cubicBezTo>
                  <a:cubicBezTo>
                    <a:pt x="679427" y="298989"/>
                    <a:pt x="677802" y="297365"/>
                    <a:pt x="676178" y="297365"/>
                  </a:cubicBezTo>
                  <a:cubicBezTo>
                    <a:pt x="674553" y="297365"/>
                    <a:pt x="671303" y="295741"/>
                    <a:pt x="671303" y="294116"/>
                  </a:cubicBezTo>
                  <a:cubicBezTo>
                    <a:pt x="671303" y="292492"/>
                    <a:pt x="671303" y="292492"/>
                    <a:pt x="671303" y="290868"/>
                  </a:cubicBezTo>
                  <a:cubicBezTo>
                    <a:pt x="671303" y="289244"/>
                    <a:pt x="672928" y="287620"/>
                    <a:pt x="672928" y="287620"/>
                  </a:cubicBezTo>
                  <a:cubicBezTo>
                    <a:pt x="672928" y="287620"/>
                    <a:pt x="672928" y="287620"/>
                    <a:pt x="669679" y="285995"/>
                  </a:cubicBezTo>
                  <a:cubicBezTo>
                    <a:pt x="669679" y="285995"/>
                    <a:pt x="668054" y="292492"/>
                    <a:pt x="668054" y="292492"/>
                  </a:cubicBezTo>
                  <a:cubicBezTo>
                    <a:pt x="668054" y="292492"/>
                    <a:pt x="666429" y="294116"/>
                    <a:pt x="664804" y="295741"/>
                  </a:cubicBezTo>
                  <a:cubicBezTo>
                    <a:pt x="664804" y="295741"/>
                    <a:pt x="661555" y="295741"/>
                    <a:pt x="659930" y="295741"/>
                  </a:cubicBezTo>
                  <a:cubicBezTo>
                    <a:pt x="658305" y="295741"/>
                    <a:pt x="658305" y="295741"/>
                    <a:pt x="655056" y="290868"/>
                  </a:cubicBezTo>
                  <a:cubicBezTo>
                    <a:pt x="651806" y="285995"/>
                    <a:pt x="653431" y="284371"/>
                    <a:pt x="653431" y="282747"/>
                  </a:cubicBezTo>
                  <a:cubicBezTo>
                    <a:pt x="653431" y="279499"/>
                    <a:pt x="653431" y="281123"/>
                    <a:pt x="656681" y="279499"/>
                  </a:cubicBezTo>
                  <a:cubicBezTo>
                    <a:pt x="658305" y="277874"/>
                    <a:pt x="659930" y="277874"/>
                    <a:pt x="663180" y="276250"/>
                  </a:cubicBezTo>
                  <a:cubicBezTo>
                    <a:pt x="666429" y="273002"/>
                    <a:pt x="664804" y="274626"/>
                    <a:pt x="669679" y="273002"/>
                  </a:cubicBezTo>
                  <a:cubicBezTo>
                    <a:pt x="674553" y="269753"/>
                    <a:pt x="671303" y="271378"/>
                    <a:pt x="672928" y="269753"/>
                  </a:cubicBezTo>
                  <a:cubicBezTo>
                    <a:pt x="672928" y="269753"/>
                    <a:pt x="676178" y="269753"/>
                    <a:pt x="679427" y="268129"/>
                  </a:cubicBezTo>
                  <a:cubicBezTo>
                    <a:pt x="682677" y="268129"/>
                    <a:pt x="687551" y="269753"/>
                    <a:pt x="689176" y="269753"/>
                  </a:cubicBezTo>
                  <a:cubicBezTo>
                    <a:pt x="690800" y="269753"/>
                    <a:pt x="697299" y="269753"/>
                    <a:pt x="697299" y="269753"/>
                  </a:cubicBezTo>
                  <a:cubicBezTo>
                    <a:pt x="697299" y="269753"/>
                    <a:pt x="698924" y="266505"/>
                    <a:pt x="697299" y="264881"/>
                  </a:cubicBezTo>
                  <a:cubicBezTo>
                    <a:pt x="697299" y="263257"/>
                    <a:pt x="694050" y="263257"/>
                    <a:pt x="692425" y="263257"/>
                  </a:cubicBezTo>
                  <a:cubicBezTo>
                    <a:pt x="689176" y="261632"/>
                    <a:pt x="687551" y="263257"/>
                    <a:pt x="687551" y="261632"/>
                  </a:cubicBezTo>
                  <a:cubicBezTo>
                    <a:pt x="685926" y="261632"/>
                    <a:pt x="685926" y="260008"/>
                    <a:pt x="685926" y="258384"/>
                  </a:cubicBezTo>
                  <a:cubicBezTo>
                    <a:pt x="684301" y="256760"/>
                    <a:pt x="684301" y="256760"/>
                    <a:pt x="682677" y="255135"/>
                  </a:cubicBezTo>
                  <a:cubicBezTo>
                    <a:pt x="681052" y="253511"/>
                    <a:pt x="681052" y="253511"/>
                    <a:pt x="681052" y="253511"/>
                  </a:cubicBezTo>
                  <a:cubicBezTo>
                    <a:pt x="679427" y="251887"/>
                    <a:pt x="677802" y="248639"/>
                    <a:pt x="679427" y="247014"/>
                  </a:cubicBezTo>
                  <a:cubicBezTo>
                    <a:pt x="681052" y="243766"/>
                    <a:pt x="681052" y="245390"/>
                    <a:pt x="682677" y="243766"/>
                  </a:cubicBezTo>
                  <a:cubicBezTo>
                    <a:pt x="684301" y="242142"/>
                    <a:pt x="684301" y="243766"/>
                    <a:pt x="685926" y="242142"/>
                  </a:cubicBezTo>
                  <a:cubicBezTo>
                    <a:pt x="687551" y="240518"/>
                    <a:pt x="689176" y="242142"/>
                    <a:pt x="690800" y="240518"/>
                  </a:cubicBezTo>
                  <a:cubicBezTo>
                    <a:pt x="694050" y="240518"/>
                    <a:pt x="695674" y="242142"/>
                    <a:pt x="698924" y="242142"/>
                  </a:cubicBezTo>
                  <a:cubicBezTo>
                    <a:pt x="703798" y="242142"/>
                    <a:pt x="702173" y="242142"/>
                    <a:pt x="703798" y="242142"/>
                  </a:cubicBezTo>
                  <a:cubicBezTo>
                    <a:pt x="705423" y="242142"/>
                    <a:pt x="705423" y="243766"/>
                    <a:pt x="707048" y="243766"/>
                  </a:cubicBezTo>
                  <a:cubicBezTo>
                    <a:pt x="707048" y="243766"/>
                    <a:pt x="711922" y="247014"/>
                    <a:pt x="718421" y="250263"/>
                  </a:cubicBezTo>
                  <a:cubicBezTo>
                    <a:pt x="724920" y="251887"/>
                    <a:pt x="726545" y="258384"/>
                    <a:pt x="728169" y="258384"/>
                  </a:cubicBezTo>
                  <a:cubicBezTo>
                    <a:pt x="729794" y="258384"/>
                    <a:pt x="729794" y="260008"/>
                    <a:pt x="733044" y="260008"/>
                  </a:cubicBezTo>
                  <a:cubicBezTo>
                    <a:pt x="736293" y="261632"/>
                    <a:pt x="737918" y="261632"/>
                    <a:pt x="737918" y="261632"/>
                  </a:cubicBezTo>
                  <a:cubicBezTo>
                    <a:pt x="737918" y="261632"/>
                    <a:pt x="739543" y="261632"/>
                    <a:pt x="742792" y="260008"/>
                  </a:cubicBezTo>
                  <a:cubicBezTo>
                    <a:pt x="747666" y="260008"/>
                    <a:pt x="750916" y="260008"/>
                    <a:pt x="754165" y="260008"/>
                  </a:cubicBezTo>
                  <a:cubicBezTo>
                    <a:pt x="757415" y="258384"/>
                    <a:pt x="759040" y="258384"/>
                    <a:pt x="763914" y="256760"/>
                  </a:cubicBezTo>
                  <a:cubicBezTo>
                    <a:pt x="767163" y="255135"/>
                    <a:pt x="765539" y="255135"/>
                    <a:pt x="767163" y="253511"/>
                  </a:cubicBezTo>
                  <a:cubicBezTo>
                    <a:pt x="770413" y="251887"/>
                    <a:pt x="770413" y="250263"/>
                    <a:pt x="770413" y="248639"/>
                  </a:cubicBezTo>
                  <a:cubicBezTo>
                    <a:pt x="770413" y="248639"/>
                    <a:pt x="778536" y="240518"/>
                    <a:pt x="778536" y="240518"/>
                  </a:cubicBezTo>
                  <a:cubicBezTo>
                    <a:pt x="780161" y="238893"/>
                    <a:pt x="778536" y="237269"/>
                    <a:pt x="778536" y="237269"/>
                  </a:cubicBezTo>
                  <a:cubicBezTo>
                    <a:pt x="778536" y="237269"/>
                    <a:pt x="775287" y="237269"/>
                    <a:pt x="772037" y="238893"/>
                  </a:cubicBezTo>
                  <a:cubicBezTo>
                    <a:pt x="768788" y="240518"/>
                    <a:pt x="770413" y="240518"/>
                    <a:pt x="770413" y="242142"/>
                  </a:cubicBezTo>
                  <a:cubicBezTo>
                    <a:pt x="770413" y="242142"/>
                    <a:pt x="768788" y="245390"/>
                    <a:pt x="767163" y="247014"/>
                  </a:cubicBezTo>
                  <a:cubicBezTo>
                    <a:pt x="765539" y="248639"/>
                    <a:pt x="765539" y="248639"/>
                    <a:pt x="763914" y="251887"/>
                  </a:cubicBezTo>
                  <a:cubicBezTo>
                    <a:pt x="762289" y="253511"/>
                    <a:pt x="760664" y="253511"/>
                    <a:pt x="760664" y="253511"/>
                  </a:cubicBezTo>
                  <a:cubicBezTo>
                    <a:pt x="759040" y="253511"/>
                    <a:pt x="744417" y="255135"/>
                    <a:pt x="742792" y="253511"/>
                  </a:cubicBezTo>
                  <a:cubicBezTo>
                    <a:pt x="741167" y="251887"/>
                    <a:pt x="741167" y="253511"/>
                    <a:pt x="739543" y="253511"/>
                  </a:cubicBezTo>
                  <a:cubicBezTo>
                    <a:pt x="737918" y="253511"/>
                    <a:pt x="731419" y="253511"/>
                    <a:pt x="729794" y="251887"/>
                  </a:cubicBezTo>
                  <a:cubicBezTo>
                    <a:pt x="729794" y="250263"/>
                    <a:pt x="731419" y="250263"/>
                    <a:pt x="731419" y="248639"/>
                  </a:cubicBezTo>
                  <a:cubicBezTo>
                    <a:pt x="731419" y="248639"/>
                    <a:pt x="731419" y="248639"/>
                    <a:pt x="734668" y="247014"/>
                  </a:cubicBezTo>
                  <a:cubicBezTo>
                    <a:pt x="736293" y="245390"/>
                    <a:pt x="736293" y="243766"/>
                    <a:pt x="736293" y="243766"/>
                  </a:cubicBezTo>
                  <a:cubicBezTo>
                    <a:pt x="736293" y="242142"/>
                    <a:pt x="736293" y="240518"/>
                    <a:pt x="733044" y="240518"/>
                  </a:cubicBezTo>
                  <a:cubicBezTo>
                    <a:pt x="731419" y="240518"/>
                    <a:pt x="731419" y="242142"/>
                    <a:pt x="729794" y="242142"/>
                  </a:cubicBezTo>
                  <a:cubicBezTo>
                    <a:pt x="728169" y="242142"/>
                    <a:pt x="723295" y="240518"/>
                    <a:pt x="724920" y="238893"/>
                  </a:cubicBezTo>
                  <a:cubicBezTo>
                    <a:pt x="726545" y="237269"/>
                    <a:pt x="726545" y="237269"/>
                    <a:pt x="729794" y="235645"/>
                  </a:cubicBezTo>
                  <a:cubicBezTo>
                    <a:pt x="733044" y="234021"/>
                    <a:pt x="733044" y="234021"/>
                    <a:pt x="734668" y="234021"/>
                  </a:cubicBezTo>
                  <a:cubicBezTo>
                    <a:pt x="736293" y="234021"/>
                    <a:pt x="737918" y="234021"/>
                    <a:pt x="744417" y="232397"/>
                  </a:cubicBezTo>
                  <a:cubicBezTo>
                    <a:pt x="749291" y="232397"/>
                    <a:pt x="747666" y="232397"/>
                    <a:pt x="747666" y="230772"/>
                  </a:cubicBezTo>
                  <a:cubicBezTo>
                    <a:pt x="747666" y="230772"/>
                    <a:pt x="746042" y="229148"/>
                    <a:pt x="742792" y="227524"/>
                  </a:cubicBezTo>
                  <a:cubicBezTo>
                    <a:pt x="739543" y="227524"/>
                    <a:pt x="739543" y="225900"/>
                    <a:pt x="739543" y="224276"/>
                  </a:cubicBezTo>
                  <a:cubicBezTo>
                    <a:pt x="739543" y="221027"/>
                    <a:pt x="739543" y="221027"/>
                    <a:pt x="739543" y="219403"/>
                  </a:cubicBezTo>
                  <a:cubicBezTo>
                    <a:pt x="741167" y="217779"/>
                    <a:pt x="737918" y="217779"/>
                    <a:pt x="736293" y="217779"/>
                  </a:cubicBezTo>
                  <a:cubicBezTo>
                    <a:pt x="736293" y="217779"/>
                    <a:pt x="736293" y="221027"/>
                    <a:pt x="736293" y="221027"/>
                  </a:cubicBezTo>
                  <a:cubicBezTo>
                    <a:pt x="736293" y="222651"/>
                    <a:pt x="734668" y="224276"/>
                    <a:pt x="733044" y="225900"/>
                  </a:cubicBezTo>
                  <a:cubicBezTo>
                    <a:pt x="733044" y="227524"/>
                    <a:pt x="734668" y="227524"/>
                    <a:pt x="734668" y="227524"/>
                  </a:cubicBezTo>
                  <a:cubicBezTo>
                    <a:pt x="734668" y="227524"/>
                    <a:pt x="726545" y="232397"/>
                    <a:pt x="726545" y="234021"/>
                  </a:cubicBezTo>
                  <a:cubicBezTo>
                    <a:pt x="724920" y="234021"/>
                    <a:pt x="723295" y="234021"/>
                    <a:pt x="721670" y="234021"/>
                  </a:cubicBezTo>
                  <a:cubicBezTo>
                    <a:pt x="720046" y="234021"/>
                    <a:pt x="718421" y="234021"/>
                    <a:pt x="716796" y="234021"/>
                  </a:cubicBezTo>
                  <a:cubicBezTo>
                    <a:pt x="715171" y="234021"/>
                    <a:pt x="713547" y="234021"/>
                    <a:pt x="713547" y="230772"/>
                  </a:cubicBezTo>
                  <a:cubicBezTo>
                    <a:pt x="713547" y="227524"/>
                    <a:pt x="713547" y="229148"/>
                    <a:pt x="711922" y="227524"/>
                  </a:cubicBezTo>
                  <a:cubicBezTo>
                    <a:pt x="710297" y="225900"/>
                    <a:pt x="708672" y="229148"/>
                    <a:pt x="708672" y="229148"/>
                  </a:cubicBezTo>
                  <a:cubicBezTo>
                    <a:pt x="708672" y="229148"/>
                    <a:pt x="705423" y="232397"/>
                    <a:pt x="703798" y="232397"/>
                  </a:cubicBezTo>
                  <a:cubicBezTo>
                    <a:pt x="703798" y="232397"/>
                    <a:pt x="700549" y="234021"/>
                    <a:pt x="698924" y="234021"/>
                  </a:cubicBezTo>
                  <a:cubicBezTo>
                    <a:pt x="697299" y="234021"/>
                    <a:pt x="697299" y="232397"/>
                    <a:pt x="697299" y="230772"/>
                  </a:cubicBezTo>
                  <a:cubicBezTo>
                    <a:pt x="697299" y="230772"/>
                    <a:pt x="694050" y="229148"/>
                    <a:pt x="694050" y="229148"/>
                  </a:cubicBezTo>
                  <a:cubicBezTo>
                    <a:pt x="692425" y="229148"/>
                    <a:pt x="690800" y="227524"/>
                    <a:pt x="690800" y="227524"/>
                  </a:cubicBezTo>
                  <a:cubicBezTo>
                    <a:pt x="689176" y="225900"/>
                    <a:pt x="689176" y="224276"/>
                    <a:pt x="690800" y="222651"/>
                  </a:cubicBezTo>
                  <a:cubicBezTo>
                    <a:pt x="690800" y="219403"/>
                    <a:pt x="690800" y="219403"/>
                    <a:pt x="694050" y="216154"/>
                  </a:cubicBezTo>
                  <a:cubicBezTo>
                    <a:pt x="695674" y="214530"/>
                    <a:pt x="697299" y="212906"/>
                    <a:pt x="698924" y="211282"/>
                  </a:cubicBezTo>
                  <a:cubicBezTo>
                    <a:pt x="700549" y="209658"/>
                    <a:pt x="702173" y="208033"/>
                    <a:pt x="707048" y="206409"/>
                  </a:cubicBezTo>
                  <a:cubicBezTo>
                    <a:pt x="713547" y="203161"/>
                    <a:pt x="708672" y="206409"/>
                    <a:pt x="713547" y="206409"/>
                  </a:cubicBezTo>
                  <a:cubicBezTo>
                    <a:pt x="718421" y="204785"/>
                    <a:pt x="715171" y="204785"/>
                    <a:pt x="718421" y="203161"/>
                  </a:cubicBezTo>
                  <a:cubicBezTo>
                    <a:pt x="721670" y="201537"/>
                    <a:pt x="724920" y="203161"/>
                    <a:pt x="728169" y="203161"/>
                  </a:cubicBezTo>
                  <a:cubicBezTo>
                    <a:pt x="729794" y="203161"/>
                    <a:pt x="724920" y="203161"/>
                    <a:pt x="726545" y="201537"/>
                  </a:cubicBezTo>
                  <a:cubicBezTo>
                    <a:pt x="729794" y="201537"/>
                    <a:pt x="729794" y="201537"/>
                    <a:pt x="731419" y="201537"/>
                  </a:cubicBezTo>
                  <a:cubicBezTo>
                    <a:pt x="734668" y="203161"/>
                    <a:pt x="734668" y="203161"/>
                    <a:pt x="737918" y="203161"/>
                  </a:cubicBezTo>
                  <a:cubicBezTo>
                    <a:pt x="739543" y="203161"/>
                    <a:pt x="744417" y="203161"/>
                    <a:pt x="746042" y="203161"/>
                  </a:cubicBezTo>
                  <a:cubicBezTo>
                    <a:pt x="747666" y="203161"/>
                    <a:pt x="754165" y="204785"/>
                    <a:pt x="757415" y="204785"/>
                  </a:cubicBezTo>
                  <a:cubicBezTo>
                    <a:pt x="760664" y="204785"/>
                    <a:pt x="759040" y="204785"/>
                    <a:pt x="760664" y="206409"/>
                  </a:cubicBezTo>
                  <a:cubicBezTo>
                    <a:pt x="763914" y="206409"/>
                    <a:pt x="763914" y="208033"/>
                    <a:pt x="767163" y="209658"/>
                  </a:cubicBezTo>
                  <a:cubicBezTo>
                    <a:pt x="768788" y="209658"/>
                    <a:pt x="770413" y="212906"/>
                    <a:pt x="772037" y="212906"/>
                  </a:cubicBezTo>
                  <a:cubicBezTo>
                    <a:pt x="773662" y="214530"/>
                    <a:pt x="776912" y="214530"/>
                    <a:pt x="776912" y="214530"/>
                  </a:cubicBezTo>
                  <a:cubicBezTo>
                    <a:pt x="776912" y="214530"/>
                    <a:pt x="778536" y="214530"/>
                    <a:pt x="780161" y="214530"/>
                  </a:cubicBezTo>
                  <a:cubicBezTo>
                    <a:pt x="781786" y="214530"/>
                    <a:pt x="781786" y="212906"/>
                    <a:pt x="783411" y="212906"/>
                  </a:cubicBezTo>
                  <a:cubicBezTo>
                    <a:pt x="783411" y="211282"/>
                    <a:pt x="783411" y="211282"/>
                    <a:pt x="781786" y="209658"/>
                  </a:cubicBezTo>
                  <a:cubicBezTo>
                    <a:pt x="781786" y="208033"/>
                    <a:pt x="780161" y="208033"/>
                    <a:pt x="778536" y="206409"/>
                  </a:cubicBezTo>
                  <a:cubicBezTo>
                    <a:pt x="775287" y="204785"/>
                    <a:pt x="773662" y="206409"/>
                    <a:pt x="773662" y="206409"/>
                  </a:cubicBezTo>
                  <a:cubicBezTo>
                    <a:pt x="775287" y="204785"/>
                    <a:pt x="780161" y="204785"/>
                    <a:pt x="781786" y="204785"/>
                  </a:cubicBezTo>
                  <a:cubicBezTo>
                    <a:pt x="781786" y="204785"/>
                    <a:pt x="788285" y="203161"/>
                    <a:pt x="791534" y="201537"/>
                  </a:cubicBezTo>
                  <a:cubicBezTo>
                    <a:pt x="793159" y="201537"/>
                    <a:pt x="794784" y="201537"/>
                    <a:pt x="794784" y="198288"/>
                  </a:cubicBezTo>
                  <a:cubicBezTo>
                    <a:pt x="796409" y="196664"/>
                    <a:pt x="794784" y="198288"/>
                    <a:pt x="793159" y="198288"/>
                  </a:cubicBezTo>
                  <a:cubicBezTo>
                    <a:pt x="793159" y="196664"/>
                    <a:pt x="789910" y="198288"/>
                    <a:pt x="789910" y="198288"/>
                  </a:cubicBezTo>
                  <a:cubicBezTo>
                    <a:pt x="789910" y="198288"/>
                    <a:pt x="786660" y="199912"/>
                    <a:pt x="785035" y="199912"/>
                  </a:cubicBezTo>
                  <a:cubicBezTo>
                    <a:pt x="785035" y="199912"/>
                    <a:pt x="781786" y="199912"/>
                    <a:pt x="780161" y="199912"/>
                  </a:cubicBezTo>
                  <a:cubicBezTo>
                    <a:pt x="776912" y="199912"/>
                    <a:pt x="776912" y="201537"/>
                    <a:pt x="775287" y="201537"/>
                  </a:cubicBezTo>
                  <a:cubicBezTo>
                    <a:pt x="775287" y="201537"/>
                    <a:pt x="773662" y="201537"/>
                    <a:pt x="773662" y="201537"/>
                  </a:cubicBezTo>
                  <a:cubicBezTo>
                    <a:pt x="773662" y="201537"/>
                    <a:pt x="772037" y="199912"/>
                    <a:pt x="770413" y="199912"/>
                  </a:cubicBezTo>
                  <a:cubicBezTo>
                    <a:pt x="768788" y="199912"/>
                    <a:pt x="768788" y="199912"/>
                    <a:pt x="767163" y="199912"/>
                  </a:cubicBezTo>
                  <a:cubicBezTo>
                    <a:pt x="765539" y="198288"/>
                    <a:pt x="763914" y="198288"/>
                    <a:pt x="763914" y="198288"/>
                  </a:cubicBezTo>
                  <a:cubicBezTo>
                    <a:pt x="762289" y="198288"/>
                    <a:pt x="760664" y="196664"/>
                    <a:pt x="760664" y="196664"/>
                  </a:cubicBezTo>
                  <a:cubicBezTo>
                    <a:pt x="759040" y="195040"/>
                    <a:pt x="750916" y="190167"/>
                    <a:pt x="749291" y="188543"/>
                  </a:cubicBezTo>
                  <a:cubicBezTo>
                    <a:pt x="747666" y="186919"/>
                    <a:pt x="747666" y="186919"/>
                    <a:pt x="746042" y="186919"/>
                  </a:cubicBezTo>
                  <a:cubicBezTo>
                    <a:pt x="744417" y="185295"/>
                    <a:pt x="742792" y="183670"/>
                    <a:pt x="742792" y="183670"/>
                  </a:cubicBezTo>
                  <a:cubicBezTo>
                    <a:pt x="741167" y="182046"/>
                    <a:pt x="741167" y="182046"/>
                    <a:pt x="739543" y="180422"/>
                  </a:cubicBezTo>
                  <a:cubicBezTo>
                    <a:pt x="737918" y="180422"/>
                    <a:pt x="737918" y="177173"/>
                    <a:pt x="736293" y="175549"/>
                  </a:cubicBezTo>
                  <a:cubicBezTo>
                    <a:pt x="733044" y="173925"/>
                    <a:pt x="724920" y="170677"/>
                    <a:pt x="721670" y="170677"/>
                  </a:cubicBezTo>
                  <a:cubicBezTo>
                    <a:pt x="720046" y="170677"/>
                    <a:pt x="716796" y="169052"/>
                    <a:pt x="715171" y="169052"/>
                  </a:cubicBezTo>
                  <a:cubicBezTo>
                    <a:pt x="713547" y="167428"/>
                    <a:pt x="711922" y="167428"/>
                    <a:pt x="710297" y="167428"/>
                  </a:cubicBezTo>
                  <a:cubicBezTo>
                    <a:pt x="710297" y="165804"/>
                    <a:pt x="708672" y="165804"/>
                    <a:pt x="710297" y="164180"/>
                  </a:cubicBezTo>
                  <a:cubicBezTo>
                    <a:pt x="710297" y="162556"/>
                    <a:pt x="710297" y="162556"/>
                    <a:pt x="710297" y="160931"/>
                  </a:cubicBezTo>
                  <a:cubicBezTo>
                    <a:pt x="710297" y="160931"/>
                    <a:pt x="710297" y="160931"/>
                    <a:pt x="708672" y="159307"/>
                  </a:cubicBezTo>
                  <a:cubicBezTo>
                    <a:pt x="705423" y="159307"/>
                    <a:pt x="705423" y="159307"/>
                    <a:pt x="703798" y="156059"/>
                  </a:cubicBezTo>
                  <a:cubicBezTo>
                    <a:pt x="703798" y="154435"/>
                    <a:pt x="703798" y="154435"/>
                    <a:pt x="703798" y="151186"/>
                  </a:cubicBezTo>
                  <a:cubicBezTo>
                    <a:pt x="703798" y="147938"/>
                    <a:pt x="703798" y="149562"/>
                    <a:pt x="707048" y="146314"/>
                  </a:cubicBezTo>
                  <a:cubicBezTo>
                    <a:pt x="708672" y="144689"/>
                    <a:pt x="708672" y="146314"/>
                    <a:pt x="710297" y="144689"/>
                  </a:cubicBezTo>
                  <a:cubicBezTo>
                    <a:pt x="713547" y="144689"/>
                    <a:pt x="715171" y="144689"/>
                    <a:pt x="718421" y="144689"/>
                  </a:cubicBezTo>
                  <a:cubicBezTo>
                    <a:pt x="721670" y="144689"/>
                    <a:pt x="721670" y="146314"/>
                    <a:pt x="723295" y="146314"/>
                  </a:cubicBezTo>
                  <a:cubicBezTo>
                    <a:pt x="724920" y="146314"/>
                    <a:pt x="726545" y="147938"/>
                    <a:pt x="728169" y="147938"/>
                  </a:cubicBezTo>
                  <a:cubicBezTo>
                    <a:pt x="728169" y="147938"/>
                    <a:pt x="728169" y="146314"/>
                    <a:pt x="733044" y="146314"/>
                  </a:cubicBezTo>
                  <a:cubicBezTo>
                    <a:pt x="737918" y="146314"/>
                    <a:pt x="736293" y="146314"/>
                    <a:pt x="737918" y="146314"/>
                  </a:cubicBezTo>
                  <a:cubicBezTo>
                    <a:pt x="741167" y="146314"/>
                    <a:pt x="742792" y="146314"/>
                    <a:pt x="744417" y="146314"/>
                  </a:cubicBezTo>
                  <a:cubicBezTo>
                    <a:pt x="747666" y="146314"/>
                    <a:pt x="747666" y="147938"/>
                    <a:pt x="749291" y="147938"/>
                  </a:cubicBezTo>
                  <a:cubicBezTo>
                    <a:pt x="750916" y="147938"/>
                    <a:pt x="752541" y="147938"/>
                    <a:pt x="755790" y="147938"/>
                  </a:cubicBezTo>
                  <a:cubicBezTo>
                    <a:pt x="757415" y="149562"/>
                    <a:pt x="757415" y="149562"/>
                    <a:pt x="759040" y="151186"/>
                  </a:cubicBezTo>
                  <a:cubicBezTo>
                    <a:pt x="762289" y="151186"/>
                    <a:pt x="762289" y="152810"/>
                    <a:pt x="762289" y="152810"/>
                  </a:cubicBezTo>
                  <a:cubicBezTo>
                    <a:pt x="763914" y="152810"/>
                    <a:pt x="765539" y="154435"/>
                    <a:pt x="768788" y="156059"/>
                  </a:cubicBezTo>
                  <a:cubicBezTo>
                    <a:pt x="773662" y="156059"/>
                    <a:pt x="772037" y="156059"/>
                    <a:pt x="773662" y="157683"/>
                  </a:cubicBezTo>
                  <a:cubicBezTo>
                    <a:pt x="775287" y="157683"/>
                    <a:pt x="773662" y="159307"/>
                    <a:pt x="775287" y="159307"/>
                  </a:cubicBezTo>
                  <a:cubicBezTo>
                    <a:pt x="775287" y="160931"/>
                    <a:pt x="781786" y="160931"/>
                    <a:pt x="783411" y="160931"/>
                  </a:cubicBezTo>
                  <a:cubicBezTo>
                    <a:pt x="785035" y="160931"/>
                    <a:pt x="783411" y="162556"/>
                    <a:pt x="786660" y="167428"/>
                  </a:cubicBezTo>
                  <a:cubicBezTo>
                    <a:pt x="791534" y="172301"/>
                    <a:pt x="789910" y="170677"/>
                    <a:pt x="791534" y="170677"/>
                  </a:cubicBezTo>
                  <a:cubicBezTo>
                    <a:pt x="793159" y="172301"/>
                    <a:pt x="794784" y="172301"/>
                    <a:pt x="798033" y="172301"/>
                  </a:cubicBezTo>
                  <a:cubicBezTo>
                    <a:pt x="801283" y="172301"/>
                    <a:pt x="802908" y="172301"/>
                    <a:pt x="804532" y="172301"/>
                  </a:cubicBezTo>
                  <a:cubicBezTo>
                    <a:pt x="804532" y="172301"/>
                    <a:pt x="812656" y="173925"/>
                    <a:pt x="815906" y="173925"/>
                  </a:cubicBezTo>
                  <a:cubicBezTo>
                    <a:pt x="819155" y="172301"/>
                    <a:pt x="824029" y="172301"/>
                    <a:pt x="825654" y="172301"/>
                  </a:cubicBezTo>
                  <a:cubicBezTo>
                    <a:pt x="827279" y="170677"/>
                    <a:pt x="822405" y="170677"/>
                    <a:pt x="817530" y="170677"/>
                  </a:cubicBezTo>
                  <a:cubicBezTo>
                    <a:pt x="811031" y="170677"/>
                    <a:pt x="811031" y="170677"/>
                    <a:pt x="809407" y="170677"/>
                  </a:cubicBezTo>
                  <a:cubicBezTo>
                    <a:pt x="809407" y="170677"/>
                    <a:pt x="804532" y="170677"/>
                    <a:pt x="802908" y="170677"/>
                  </a:cubicBezTo>
                  <a:cubicBezTo>
                    <a:pt x="802908" y="170677"/>
                    <a:pt x="799658" y="170677"/>
                    <a:pt x="798033" y="170677"/>
                  </a:cubicBezTo>
                  <a:cubicBezTo>
                    <a:pt x="796409" y="169052"/>
                    <a:pt x="796409" y="169052"/>
                    <a:pt x="794784" y="169052"/>
                  </a:cubicBezTo>
                  <a:cubicBezTo>
                    <a:pt x="794784" y="167428"/>
                    <a:pt x="796409" y="165804"/>
                    <a:pt x="798033" y="165804"/>
                  </a:cubicBezTo>
                  <a:cubicBezTo>
                    <a:pt x="798033" y="164180"/>
                    <a:pt x="796409" y="164180"/>
                    <a:pt x="794784" y="162556"/>
                  </a:cubicBezTo>
                  <a:cubicBezTo>
                    <a:pt x="793159" y="162556"/>
                    <a:pt x="786660" y="159307"/>
                    <a:pt x="785035" y="159307"/>
                  </a:cubicBezTo>
                  <a:cubicBezTo>
                    <a:pt x="783411" y="157683"/>
                    <a:pt x="781786" y="156059"/>
                    <a:pt x="780161" y="154435"/>
                  </a:cubicBezTo>
                  <a:cubicBezTo>
                    <a:pt x="778536" y="154435"/>
                    <a:pt x="776912" y="154435"/>
                    <a:pt x="775287" y="152810"/>
                  </a:cubicBezTo>
                  <a:cubicBezTo>
                    <a:pt x="773662" y="152810"/>
                    <a:pt x="772037" y="147938"/>
                    <a:pt x="772037" y="146314"/>
                  </a:cubicBezTo>
                  <a:cubicBezTo>
                    <a:pt x="770413" y="144689"/>
                    <a:pt x="770413" y="146314"/>
                    <a:pt x="773662" y="144689"/>
                  </a:cubicBezTo>
                  <a:cubicBezTo>
                    <a:pt x="775287" y="144689"/>
                    <a:pt x="776912" y="144689"/>
                    <a:pt x="778536" y="143065"/>
                  </a:cubicBezTo>
                  <a:cubicBezTo>
                    <a:pt x="780161" y="143065"/>
                    <a:pt x="780161" y="143065"/>
                    <a:pt x="781786" y="141441"/>
                  </a:cubicBezTo>
                  <a:cubicBezTo>
                    <a:pt x="785035" y="141441"/>
                    <a:pt x="786660" y="143065"/>
                    <a:pt x="788285" y="143065"/>
                  </a:cubicBezTo>
                  <a:cubicBezTo>
                    <a:pt x="789910" y="141441"/>
                    <a:pt x="793159" y="143065"/>
                    <a:pt x="794784" y="143065"/>
                  </a:cubicBezTo>
                  <a:cubicBezTo>
                    <a:pt x="796409" y="143065"/>
                    <a:pt x="801283" y="141441"/>
                    <a:pt x="806157" y="141441"/>
                  </a:cubicBezTo>
                  <a:cubicBezTo>
                    <a:pt x="811031" y="141441"/>
                    <a:pt x="807782" y="141441"/>
                    <a:pt x="811031" y="141441"/>
                  </a:cubicBezTo>
                  <a:cubicBezTo>
                    <a:pt x="812656" y="139817"/>
                    <a:pt x="812656" y="139817"/>
                    <a:pt x="815906" y="139817"/>
                  </a:cubicBezTo>
                  <a:cubicBezTo>
                    <a:pt x="819155" y="138193"/>
                    <a:pt x="819155" y="138193"/>
                    <a:pt x="820780" y="138193"/>
                  </a:cubicBezTo>
                  <a:cubicBezTo>
                    <a:pt x="824029" y="136568"/>
                    <a:pt x="822405" y="136568"/>
                    <a:pt x="827279" y="133320"/>
                  </a:cubicBezTo>
                  <a:cubicBezTo>
                    <a:pt x="830528" y="130071"/>
                    <a:pt x="828904" y="133320"/>
                    <a:pt x="830528" y="131696"/>
                  </a:cubicBezTo>
                  <a:cubicBezTo>
                    <a:pt x="832153" y="131696"/>
                    <a:pt x="833778" y="131696"/>
                    <a:pt x="835403" y="130071"/>
                  </a:cubicBezTo>
                  <a:cubicBezTo>
                    <a:pt x="838652" y="128447"/>
                    <a:pt x="838652" y="128447"/>
                    <a:pt x="840277" y="128447"/>
                  </a:cubicBezTo>
                  <a:cubicBezTo>
                    <a:pt x="841902" y="126823"/>
                    <a:pt x="843526" y="126823"/>
                    <a:pt x="845151" y="126823"/>
                  </a:cubicBezTo>
                  <a:cubicBezTo>
                    <a:pt x="848401" y="125199"/>
                    <a:pt x="848401" y="126823"/>
                    <a:pt x="851650" y="125199"/>
                  </a:cubicBezTo>
                  <a:cubicBezTo>
                    <a:pt x="854899" y="125199"/>
                    <a:pt x="854899" y="126823"/>
                    <a:pt x="858149" y="125199"/>
                  </a:cubicBezTo>
                  <a:cubicBezTo>
                    <a:pt x="859774" y="125199"/>
                    <a:pt x="861398" y="125199"/>
                    <a:pt x="864648" y="125199"/>
                  </a:cubicBezTo>
                  <a:cubicBezTo>
                    <a:pt x="866273" y="125199"/>
                    <a:pt x="867897" y="125199"/>
                    <a:pt x="872772" y="125199"/>
                  </a:cubicBezTo>
                  <a:cubicBezTo>
                    <a:pt x="877646" y="125199"/>
                    <a:pt x="876021" y="123575"/>
                    <a:pt x="872772" y="123575"/>
                  </a:cubicBezTo>
                  <a:cubicBezTo>
                    <a:pt x="867897" y="121950"/>
                    <a:pt x="866273" y="123575"/>
                    <a:pt x="863023" y="123575"/>
                  </a:cubicBezTo>
                  <a:cubicBezTo>
                    <a:pt x="861398" y="121950"/>
                    <a:pt x="861398" y="123575"/>
                    <a:pt x="858149" y="123575"/>
                  </a:cubicBezTo>
                  <a:cubicBezTo>
                    <a:pt x="856524" y="123575"/>
                    <a:pt x="856524" y="123575"/>
                    <a:pt x="853275" y="123575"/>
                  </a:cubicBezTo>
                  <a:cubicBezTo>
                    <a:pt x="851650" y="123575"/>
                    <a:pt x="850025" y="123575"/>
                    <a:pt x="848401" y="123575"/>
                  </a:cubicBezTo>
                  <a:cubicBezTo>
                    <a:pt x="846776" y="123575"/>
                    <a:pt x="845151" y="123575"/>
                    <a:pt x="845151" y="121950"/>
                  </a:cubicBezTo>
                  <a:cubicBezTo>
                    <a:pt x="843526" y="120326"/>
                    <a:pt x="843526" y="120326"/>
                    <a:pt x="845151" y="120326"/>
                  </a:cubicBezTo>
                  <a:cubicBezTo>
                    <a:pt x="845151" y="118702"/>
                    <a:pt x="846776" y="118702"/>
                    <a:pt x="850025" y="115454"/>
                  </a:cubicBezTo>
                  <a:cubicBezTo>
                    <a:pt x="853275" y="112205"/>
                    <a:pt x="851650" y="112205"/>
                    <a:pt x="854899" y="110581"/>
                  </a:cubicBezTo>
                  <a:cubicBezTo>
                    <a:pt x="858149" y="108957"/>
                    <a:pt x="869522" y="102460"/>
                    <a:pt x="876021" y="100836"/>
                  </a:cubicBezTo>
                  <a:cubicBezTo>
                    <a:pt x="880895" y="100836"/>
                    <a:pt x="866273" y="100836"/>
                    <a:pt x="859774" y="105708"/>
                  </a:cubicBezTo>
                  <a:cubicBezTo>
                    <a:pt x="851650" y="108957"/>
                    <a:pt x="856524" y="105708"/>
                    <a:pt x="854899" y="107333"/>
                  </a:cubicBezTo>
                  <a:cubicBezTo>
                    <a:pt x="851650" y="108957"/>
                    <a:pt x="853275" y="108957"/>
                    <a:pt x="851650" y="110581"/>
                  </a:cubicBezTo>
                  <a:cubicBezTo>
                    <a:pt x="850025" y="112205"/>
                    <a:pt x="850025" y="112205"/>
                    <a:pt x="848401" y="112205"/>
                  </a:cubicBezTo>
                  <a:cubicBezTo>
                    <a:pt x="846776" y="113829"/>
                    <a:pt x="845151" y="113829"/>
                    <a:pt x="841902" y="113829"/>
                  </a:cubicBezTo>
                  <a:cubicBezTo>
                    <a:pt x="840277" y="113829"/>
                    <a:pt x="841902" y="113829"/>
                    <a:pt x="837027" y="118702"/>
                  </a:cubicBezTo>
                  <a:cubicBezTo>
                    <a:pt x="833778" y="123575"/>
                    <a:pt x="837027" y="120326"/>
                    <a:pt x="837027" y="120326"/>
                  </a:cubicBezTo>
                  <a:cubicBezTo>
                    <a:pt x="835403" y="120326"/>
                    <a:pt x="835403" y="121950"/>
                    <a:pt x="833778" y="123575"/>
                  </a:cubicBezTo>
                  <a:cubicBezTo>
                    <a:pt x="833778" y="123575"/>
                    <a:pt x="832153" y="123575"/>
                    <a:pt x="830528" y="125199"/>
                  </a:cubicBezTo>
                  <a:cubicBezTo>
                    <a:pt x="828904" y="125199"/>
                    <a:pt x="827279" y="126823"/>
                    <a:pt x="824029" y="126823"/>
                  </a:cubicBezTo>
                  <a:cubicBezTo>
                    <a:pt x="822405" y="128447"/>
                    <a:pt x="811031" y="128447"/>
                    <a:pt x="809407" y="130071"/>
                  </a:cubicBezTo>
                  <a:cubicBezTo>
                    <a:pt x="806157" y="130071"/>
                    <a:pt x="801283" y="133320"/>
                    <a:pt x="801283" y="133320"/>
                  </a:cubicBezTo>
                  <a:cubicBezTo>
                    <a:pt x="801283" y="133320"/>
                    <a:pt x="801283" y="133320"/>
                    <a:pt x="798033" y="133320"/>
                  </a:cubicBezTo>
                  <a:cubicBezTo>
                    <a:pt x="798033" y="133320"/>
                    <a:pt x="798033" y="133320"/>
                    <a:pt x="796409" y="134944"/>
                  </a:cubicBezTo>
                  <a:cubicBezTo>
                    <a:pt x="794784" y="134944"/>
                    <a:pt x="789910" y="136568"/>
                    <a:pt x="788285" y="136568"/>
                  </a:cubicBezTo>
                  <a:cubicBezTo>
                    <a:pt x="786660" y="136568"/>
                    <a:pt x="783411" y="136568"/>
                    <a:pt x="780161" y="136568"/>
                  </a:cubicBezTo>
                  <a:cubicBezTo>
                    <a:pt x="776912" y="134944"/>
                    <a:pt x="768788" y="136568"/>
                    <a:pt x="767163" y="136568"/>
                  </a:cubicBezTo>
                  <a:cubicBezTo>
                    <a:pt x="765539" y="134944"/>
                    <a:pt x="767163" y="136568"/>
                    <a:pt x="765539" y="134944"/>
                  </a:cubicBezTo>
                  <a:cubicBezTo>
                    <a:pt x="763914" y="131696"/>
                    <a:pt x="763914" y="133320"/>
                    <a:pt x="765539" y="128447"/>
                  </a:cubicBezTo>
                  <a:cubicBezTo>
                    <a:pt x="765539" y="123575"/>
                    <a:pt x="763914" y="126823"/>
                    <a:pt x="762289" y="126823"/>
                  </a:cubicBezTo>
                  <a:cubicBezTo>
                    <a:pt x="762289" y="126823"/>
                    <a:pt x="760664" y="128447"/>
                    <a:pt x="759040" y="128447"/>
                  </a:cubicBezTo>
                  <a:cubicBezTo>
                    <a:pt x="759040" y="130071"/>
                    <a:pt x="757415" y="131696"/>
                    <a:pt x="755790" y="133320"/>
                  </a:cubicBezTo>
                  <a:cubicBezTo>
                    <a:pt x="754165" y="134944"/>
                    <a:pt x="755790" y="134944"/>
                    <a:pt x="754165" y="136568"/>
                  </a:cubicBezTo>
                  <a:cubicBezTo>
                    <a:pt x="754165" y="136568"/>
                    <a:pt x="752541" y="136568"/>
                    <a:pt x="752541" y="138193"/>
                  </a:cubicBezTo>
                  <a:cubicBezTo>
                    <a:pt x="750916" y="138193"/>
                    <a:pt x="749291" y="138193"/>
                    <a:pt x="747666" y="138193"/>
                  </a:cubicBezTo>
                  <a:cubicBezTo>
                    <a:pt x="747666" y="138193"/>
                    <a:pt x="744417" y="138193"/>
                    <a:pt x="741167" y="138193"/>
                  </a:cubicBezTo>
                  <a:cubicBezTo>
                    <a:pt x="737918" y="138193"/>
                    <a:pt x="739543" y="138193"/>
                    <a:pt x="736293" y="138193"/>
                  </a:cubicBezTo>
                  <a:cubicBezTo>
                    <a:pt x="733044" y="138193"/>
                    <a:pt x="734668" y="139817"/>
                    <a:pt x="731419" y="138193"/>
                  </a:cubicBezTo>
                  <a:cubicBezTo>
                    <a:pt x="729794" y="138193"/>
                    <a:pt x="729794" y="138193"/>
                    <a:pt x="728169" y="138193"/>
                  </a:cubicBezTo>
                  <a:cubicBezTo>
                    <a:pt x="728169" y="138193"/>
                    <a:pt x="716796" y="136568"/>
                    <a:pt x="711922" y="136568"/>
                  </a:cubicBezTo>
                  <a:cubicBezTo>
                    <a:pt x="707048" y="136568"/>
                    <a:pt x="710297" y="136568"/>
                    <a:pt x="707048" y="136568"/>
                  </a:cubicBezTo>
                  <a:cubicBezTo>
                    <a:pt x="702173" y="134944"/>
                    <a:pt x="703798" y="134944"/>
                    <a:pt x="705423" y="131696"/>
                  </a:cubicBezTo>
                  <a:cubicBezTo>
                    <a:pt x="707048" y="126823"/>
                    <a:pt x="707048" y="130071"/>
                    <a:pt x="708672" y="128447"/>
                  </a:cubicBezTo>
                  <a:cubicBezTo>
                    <a:pt x="708672" y="126823"/>
                    <a:pt x="708672" y="128447"/>
                    <a:pt x="710297" y="126823"/>
                  </a:cubicBezTo>
                  <a:cubicBezTo>
                    <a:pt x="711922" y="125199"/>
                    <a:pt x="713547" y="125199"/>
                    <a:pt x="715171" y="125199"/>
                  </a:cubicBezTo>
                  <a:cubicBezTo>
                    <a:pt x="716796" y="123575"/>
                    <a:pt x="716796" y="121950"/>
                    <a:pt x="721670" y="120326"/>
                  </a:cubicBezTo>
                  <a:cubicBezTo>
                    <a:pt x="724920" y="117078"/>
                    <a:pt x="721670" y="118702"/>
                    <a:pt x="720046" y="117078"/>
                  </a:cubicBezTo>
                  <a:cubicBezTo>
                    <a:pt x="720046" y="117078"/>
                    <a:pt x="716796" y="118702"/>
                    <a:pt x="716796" y="118702"/>
                  </a:cubicBezTo>
                  <a:cubicBezTo>
                    <a:pt x="716796" y="120326"/>
                    <a:pt x="711922" y="118702"/>
                    <a:pt x="708672" y="120326"/>
                  </a:cubicBezTo>
                  <a:cubicBezTo>
                    <a:pt x="705423" y="123575"/>
                    <a:pt x="707048" y="121950"/>
                    <a:pt x="705423" y="123575"/>
                  </a:cubicBezTo>
                  <a:cubicBezTo>
                    <a:pt x="703798" y="123575"/>
                    <a:pt x="703798" y="125199"/>
                    <a:pt x="702173" y="125199"/>
                  </a:cubicBezTo>
                  <a:cubicBezTo>
                    <a:pt x="702173" y="126823"/>
                    <a:pt x="698924" y="130071"/>
                    <a:pt x="698924" y="130071"/>
                  </a:cubicBezTo>
                  <a:cubicBezTo>
                    <a:pt x="698924" y="130071"/>
                    <a:pt x="697299" y="131696"/>
                    <a:pt x="695674" y="133320"/>
                  </a:cubicBezTo>
                  <a:cubicBezTo>
                    <a:pt x="695674" y="133320"/>
                    <a:pt x="687551" y="134944"/>
                    <a:pt x="685926" y="133320"/>
                  </a:cubicBezTo>
                  <a:cubicBezTo>
                    <a:pt x="684301" y="133320"/>
                    <a:pt x="682677" y="133320"/>
                    <a:pt x="681052" y="133320"/>
                  </a:cubicBezTo>
                  <a:cubicBezTo>
                    <a:pt x="679427" y="131696"/>
                    <a:pt x="677802" y="130071"/>
                    <a:pt x="677802" y="130071"/>
                  </a:cubicBezTo>
                  <a:cubicBezTo>
                    <a:pt x="676178" y="130071"/>
                    <a:pt x="664804" y="126823"/>
                    <a:pt x="664804" y="126823"/>
                  </a:cubicBezTo>
                  <a:cubicBezTo>
                    <a:pt x="664804" y="126823"/>
                    <a:pt x="659930" y="125199"/>
                    <a:pt x="658305" y="125199"/>
                  </a:cubicBezTo>
                  <a:cubicBezTo>
                    <a:pt x="658305" y="123575"/>
                    <a:pt x="656681" y="123575"/>
                    <a:pt x="656681" y="121950"/>
                  </a:cubicBezTo>
                  <a:cubicBezTo>
                    <a:pt x="656681" y="118702"/>
                    <a:pt x="656681" y="120326"/>
                    <a:pt x="656681" y="118702"/>
                  </a:cubicBezTo>
                  <a:cubicBezTo>
                    <a:pt x="656681" y="117078"/>
                    <a:pt x="653431" y="117078"/>
                    <a:pt x="651806" y="117078"/>
                  </a:cubicBezTo>
                  <a:cubicBezTo>
                    <a:pt x="650182" y="117078"/>
                    <a:pt x="650182" y="118702"/>
                    <a:pt x="648557" y="118702"/>
                  </a:cubicBezTo>
                  <a:cubicBezTo>
                    <a:pt x="645307" y="118702"/>
                    <a:pt x="645307" y="118702"/>
                    <a:pt x="643683" y="117078"/>
                  </a:cubicBezTo>
                  <a:cubicBezTo>
                    <a:pt x="640433" y="115454"/>
                    <a:pt x="640433" y="115454"/>
                    <a:pt x="638808" y="115454"/>
                  </a:cubicBezTo>
                  <a:cubicBezTo>
                    <a:pt x="637184" y="113829"/>
                    <a:pt x="637184" y="112205"/>
                    <a:pt x="638808" y="110581"/>
                  </a:cubicBezTo>
                  <a:cubicBezTo>
                    <a:pt x="638808" y="108957"/>
                    <a:pt x="638808" y="110581"/>
                    <a:pt x="640433" y="108957"/>
                  </a:cubicBezTo>
                  <a:cubicBezTo>
                    <a:pt x="642058" y="107333"/>
                    <a:pt x="642058" y="107333"/>
                    <a:pt x="645307" y="104084"/>
                  </a:cubicBezTo>
                  <a:cubicBezTo>
                    <a:pt x="648557" y="102460"/>
                    <a:pt x="646932" y="104084"/>
                    <a:pt x="650182" y="100836"/>
                  </a:cubicBezTo>
                  <a:cubicBezTo>
                    <a:pt x="651806" y="99212"/>
                    <a:pt x="650182" y="100836"/>
                    <a:pt x="656681" y="99212"/>
                  </a:cubicBezTo>
                  <a:cubicBezTo>
                    <a:pt x="663180" y="97587"/>
                    <a:pt x="663180" y="97587"/>
                    <a:pt x="663180" y="95963"/>
                  </a:cubicBezTo>
                  <a:cubicBezTo>
                    <a:pt x="664804" y="95963"/>
                    <a:pt x="661555" y="95963"/>
                    <a:pt x="661555" y="95963"/>
                  </a:cubicBezTo>
                  <a:cubicBezTo>
                    <a:pt x="659930" y="95963"/>
                    <a:pt x="656681" y="95963"/>
                    <a:pt x="655056" y="97587"/>
                  </a:cubicBezTo>
                  <a:cubicBezTo>
                    <a:pt x="655056" y="97587"/>
                    <a:pt x="650182" y="99212"/>
                    <a:pt x="648557" y="99212"/>
                  </a:cubicBezTo>
                  <a:cubicBezTo>
                    <a:pt x="648557" y="99212"/>
                    <a:pt x="645307" y="100836"/>
                    <a:pt x="643683" y="100836"/>
                  </a:cubicBezTo>
                  <a:cubicBezTo>
                    <a:pt x="642058" y="100836"/>
                    <a:pt x="642058" y="102460"/>
                    <a:pt x="637184" y="102460"/>
                  </a:cubicBezTo>
                  <a:cubicBezTo>
                    <a:pt x="632309" y="102460"/>
                    <a:pt x="632309" y="100836"/>
                    <a:pt x="630685" y="99212"/>
                  </a:cubicBezTo>
                  <a:cubicBezTo>
                    <a:pt x="629060" y="99212"/>
                    <a:pt x="630685" y="99212"/>
                    <a:pt x="632309" y="97587"/>
                  </a:cubicBezTo>
                  <a:cubicBezTo>
                    <a:pt x="632309" y="95963"/>
                    <a:pt x="635559" y="95963"/>
                    <a:pt x="640433" y="92715"/>
                  </a:cubicBezTo>
                  <a:cubicBezTo>
                    <a:pt x="643683" y="91090"/>
                    <a:pt x="643683" y="92715"/>
                    <a:pt x="645307" y="91090"/>
                  </a:cubicBezTo>
                  <a:cubicBezTo>
                    <a:pt x="648557" y="91090"/>
                    <a:pt x="646932" y="91090"/>
                    <a:pt x="648557" y="89466"/>
                  </a:cubicBezTo>
                  <a:cubicBezTo>
                    <a:pt x="650182" y="87842"/>
                    <a:pt x="645307" y="89466"/>
                    <a:pt x="645307" y="89466"/>
                  </a:cubicBezTo>
                  <a:cubicBezTo>
                    <a:pt x="643683" y="89466"/>
                    <a:pt x="635559" y="89466"/>
                    <a:pt x="635559" y="89466"/>
                  </a:cubicBezTo>
                  <a:cubicBezTo>
                    <a:pt x="635559" y="89466"/>
                    <a:pt x="630685" y="91090"/>
                    <a:pt x="630685" y="91090"/>
                  </a:cubicBezTo>
                  <a:cubicBezTo>
                    <a:pt x="629060" y="92715"/>
                    <a:pt x="629060" y="92715"/>
                    <a:pt x="625810" y="94339"/>
                  </a:cubicBezTo>
                  <a:cubicBezTo>
                    <a:pt x="624186" y="97587"/>
                    <a:pt x="624186" y="95963"/>
                    <a:pt x="620936" y="95963"/>
                  </a:cubicBezTo>
                  <a:cubicBezTo>
                    <a:pt x="617687" y="94339"/>
                    <a:pt x="617687" y="94339"/>
                    <a:pt x="614437" y="94339"/>
                  </a:cubicBezTo>
                  <a:cubicBezTo>
                    <a:pt x="611188" y="92715"/>
                    <a:pt x="611188" y="92715"/>
                    <a:pt x="611188" y="91090"/>
                  </a:cubicBezTo>
                  <a:cubicBezTo>
                    <a:pt x="611188" y="89466"/>
                    <a:pt x="611188" y="89466"/>
                    <a:pt x="612812" y="87842"/>
                  </a:cubicBezTo>
                  <a:cubicBezTo>
                    <a:pt x="614437" y="86218"/>
                    <a:pt x="614437" y="87842"/>
                    <a:pt x="617687" y="87842"/>
                  </a:cubicBezTo>
                  <a:cubicBezTo>
                    <a:pt x="619311" y="86218"/>
                    <a:pt x="620936" y="86218"/>
                    <a:pt x="622561" y="84594"/>
                  </a:cubicBezTo>
                  <a:cubicBezTo>
                    <a:pt x="624186" y="84594"/>
                    <a:pt x="624186" y="82969"/>
                    <a:pt x="625810" y="82969"/>
                  </a:cubicBezTo>
                  <a:cubicBezTo>
                    <a:pt x="629060" y="81345"/>
                    <a:pt x="629060" y="81345"/>
                    <a:pt x="630685" y="81345"/>
                  </a:cubicBezTo>
                  <a:cubicBezTo>
                    <a:pt x="632309" y="81345"/>
                    <a:pt x="633934" y="81345"/>
                    <a:pt x="635559" y="79721"/>
                  </a:cubicBezTo>
                  <a:cubicBezTo>
                    <a:pt x="637184" y="79721"/>
                    <a:pt x="640433" y="79721"/>
                    <a:pt x="640433" y="78097"/>
                  </a:cubicBezTo>
                  <a:cubicBezTo>
                    <a:pt x="640433" y="78097"/>
                    <a:pt x="645307" y="79721"/>
                    <a:pt x="648557" y="78097"/>
                  </a:cubicBezTo>
                  <a:cubicBezTo>
                    <a:pt x="651806" y="78097"/>
                    <a:pt x="650182" y="79721"/>
                    <a:pt x="651806" y="79721"/>
                  </a:cubicBezTo>
                  <a:cubicBezTo>
                    <a:pt x="651806" y="81345"/>
                    <a:pt x="653431" y="82969"/>
                    <a:pt x="655056" y="81345"/>
                  </a:cubicBezTo>
                  <a:cubicBezTo>
                    <a:pt x="658305" y="79721"/>
                    <a:pt x="658305" y="81345"/>
                    <a:pt x="658305" y="79721"/>
                  </a:cubicBezTo>
                  <a:cubicBezTo>
                    <a:pt x="659930" y="79721"/>
                    <a:pt x="659930" y="79721"/>
                    <a:pt x="661555" y="78097"/>
                  </a:cubicBezTo>
                  <a:cubicBezTo>
                    <a:pt x="664804" y="74848"/>
                    <a:pt x="664804" y="74848"/>
                    <a:pt x="668054" y="73224"/>
                  </a:cubicBezTo>
                  <a:cubicBezTo>
                    <a:pt x="671303" y="71600"/>
                    <a:pt x="671303" y="71600"/>
                    <a:pt x="676178" y="71600"/>
                  </a:cubicBezTo>
                  <a:cubicBezTo>
                    <a:pt x="681052" y="69976"/>
                    <a:pt x="681052" y="71600"/>
                    <a:pt x="682677" y="71600"/>
                  </a:cubicBezTo>
                  <a:cubicBezTo>
                    <a:pt x="684301" y="71600"/>
                    <a:pt x="685926" y="71600"/>
                    <a:pt x="690800" y="71600"/>
                  </a:cubicBezTo>
                  <a:cubicBezTo>
                    <a:pt x="695674" y="71600"/>
                    <a:pt x="692425" y="73224"/>
                    <a:pt x="694050" y="74848"/>
                  </a:cubicBezTo>
                  <a:cubicBezTo>
                    <a:pt x="694050" y="76473"/>
                    <a:pt x="694050" y="76473"/>
                    <a:pt x="697299" y="76473"/>
                  </a:cubicBezTo>
                  <a:cubicBezTo>
                    <a:pt x="698924" y="78097"/>
                    <a:pt x="698924" y="78097"/>
                    <a:pt x="700549" y="76473"/>
                  </a:cubicBezTo>
                  <a:cubicBezTo>
                    <a:pt x="702173" y="76473"/>
                    <a:pt x="700549" y="74848"/>
                    <a:pt x="703798" y="73224"/>
                  </a:cubicBezTo>
                  <a:cubicBezTo>
                    <a:pt x="705423" y="69976"/>
                    <a:pt x="707048" y="73224"/>
                    <a:pt x="708672" y="73224"/>
                  </a:cubicBezTo>
                  <a:cubicBezTo>
                    <a:pt x="708672" y="73224"/>
                    <a:pt x="713547" y="73224"/>
                    <a:pt x="718421" y="74848"/>
                  </a:cubicBezTo>
                  <a:cubicBezTo>
                    <a:pt x="723295" y="74848"/>
                    <a:pt x="720046" y="74848"/>
                    <a:pt x="721670" y="76473"/>
                  </a:cubicBezTo>
                  <a:cubicBezTo>
                    <a:pt x="723295" y="76473"/>
                    <a:pt x="728169" y="79721"/>
                    <a:pt x="728169" y="79721"/>
                  </a:cubicBezTo>
                  <a:cubicBezTo>
                    <a:pt x="729794" y="79721"/>
                    <a:pt x="733044" y="79721"/>
                    <a:pt x="736293" y="78097"/>
                  </a:cubicBezTo>
                  <a:cubicBezTo>
                    <a:pt x="739543" y="76473"/>
                    <a:pt x="736293" y="76473"/>
                    <a:pt x="734668" y="74848"/>
                  </a:cubicBezTo>
                  <a:cubicBezTo>
                    <a:pt x="734668" y="73224"/>
                    <a:pt x="731419" y="73224"/>
                    <a:pt x="728169" y="71600"/>
                  </a:cubicBezTo>
                  <a:cubicBezTo>
                    <a:pt x="724920" y="69976"/>
                    <a:pt x="726545" y="69976"/>
                    <a:pt x="723295" y="69976"/>
                  </a:cubicBezTo>
                  <a:cubicBezTo>
                    <a:pt x="721670" y="69976"/>
                    <a:pt x="716796" y="69976"/>
                    <a:pt x="715171" y="71600"/>
                  </a:cubicBezTo>
                  <a:cubicBezTo>
                    <a:pt x="711922" y="71600"/>
                    <a:pt x="708672" y="69976"/>
                    <a:pt x="703798" y="68352"/>
                  </a:cubicBezTo>
                  <a:cubicBezTo>
                    <a:pt x="698924" y="68352"/>
                    <a:pt x="702173" y="68352"/>
                    <a:pt x="702173" y="66727"/>
                  </a:cubicBezTo>
                  <a:cubicBezTo>
                    <a:pt x="702173" y="65103"/>
                    <a:pt x="703798" y="66727"/>
                    <a:pt x="707048" y="65103"/>
                  </a:cubicBezTo>
                  <a:cubicBezTo>
                    <a:pt x="710297" y="63479"/>
                    <a:pt x="711922" y="65103"/>
                    <a:pt x="713547" y="63479"/>
                  </a:cubicBezTo>
                  <a:cubicBezTo>
                    <a:pt x="716796" y="63479"/>
                    <a:pt x="718421" y="65103"/>
                    <a:pt x="720046" y="65103"/>
                  </a:cubicBezTo>
                  <a:cubicBezTo>
                    <a:pt x="720046" y="65103"/>
                    <a:pt x="723295" y="65103"/>
                    <a:pt x="724920" y="65103"/>
                  </a:cubicBezTo>
                  <a:cubicBezTo>
                    <a:pt x="726545" y="63479"/>
                    <a:pt x="723295" y="63479"/>
                    <a:pt x="723295" y="60231"/>
                  </a:cubicBezTo>
                  <a:cubicBezTo>
                    <a:pt x="721670" y="58606"/>
                    <a:pt x="723295" y="58606"/>
                    <a:pt x="724920" y="56982"/>
                  </a:cubicBezTo>
                  <a:cubicBezTo>
                    <a:pt x="726545" y="55358"/>
                    <a:pt x="723295" y="53734"/>
                    <a:pt x="724920" y="53734"/>
                  </a:cubicBezTo>
                  <a:cubicBezTo>
                    <a:pt x="728169" y="53734"/>
                    <a:pt x="729794" y="55358"/>
                    <a:pt x="733044" y="55358"/>
                  </a:cubicBezTo>
                  <a:cubicBezTo>
                    <a:pt x="734668" y="55358"/>
                    <a:pt x="736293" y="55358"/>
                    <a:pt x="739543" y="56982"/>
                  </a:cubicBezTo>
                  <a:cubicBezTo>
                    <a:pt x="742792" y="58606"/>
                    <a:pt x="741167" y="58606"/>
                    <a:pt x="742792" y="58606"/>
                  </a:cubicBezTo>
                  <a:cubicBezTo>
                    <a:pt x="744417" y="58606"/>
                    <a:pt x="747666" y="58606"/>
                    <a:pt x="747666" y="58606"/>
                  </a:cubicBezTo>
                  <a:cubicBezTo>
                    <a:pt x="749291" y="58606"/>
                    <a:pt x="754165" y="58606"/>
                    <a:pt x="754165" y="58606"/>
                  </a:cubicBezTo>
                  <a:cubicBezTo>
                    <a:pt x="755790" y="60231"/>
                    <a:pt x="760664" y="61855"/>
                    <a:pt x="762289" y="61855"/>
                  </a:cubicBezTo>
                  <a:cubicBezTo>
                    <a:pt x="762289" y="61855"/>
                    <a:pt x="762289" y="61855"/>
                    <a:pt x="767163" y="66727"/>
                  </a:cubicBezTo>
                  <a:lnTo>
                    <a:pt x="770413" y="69976"/>
                  </a:lnTo>
                  <a:lnTo>
                    <a:pt x="776912" y="73224"/>
                  </a:lnTo>
                  <a:cubicBezTo>
                    <a:pt x="778536" y="73224"/>
                    <a:pt x="780161" y="73224"/>
                    <a:pt x="783411" y="71600"/>
                  </a:cubicBezTo>
                  <a:cubicBezTo>
                    <a:pt x="785035" y="71600"/>
                    <a:pt x="783411" y="71600"/>
                    <a:pt x="781786" y="69976"/>
                  </a:cubicBezTo>
                  <a:cubicBezTo>
                    <a:pt x="780161" y="69976"/>
                    <a:pt x="778536" y="68352"/>
                    <a:pt x="775287" y="66727"/>
                  </a:cubicBezTo>
                  <a:cubicBezTo>
                    <a:pt x="772037" y="65103"/>
                    <a:pt x="772037" y="65103"/>
                    <a:pt x="773662" y="63479"/>
                  </a:cubicBezTo>
                  <a:cubicBezTo>
                    <a:pt x="773662" y="63479"/>
                    <a:pt x="775287" y="63479"/>
                    <a:pt x="776912" y="63479"/>
                  </a:cubicBezTo>
                  <a:cubicBezTo>
                    <a:pt x="776912" y="63479"/>
                    <a:pt x="778536" y="65103"/>
                    <a:pt x="781786" y="65103"/>
                  </a:cubicBezTo>
                  <a:cubicBezTo>
                    <a:pt x="783411" y="65103"/>
                    <a:pt x="783411" y="66727"/>
                    <a:pt x="786660" y="66727"/>
                  </a:cubicBezTo>
                  <a:cubicBezTo>
                    <a:pt x="789910" y="68352"/>
                    <a:pt x="791534" y="68352"/>
                    <a:pt x="793159" y="69976"/>
                  </a:cubicBezTo>
                  <a:cubicBezTo>
                    <a:pt x="794784" y="69976"/>
                    <a:pt x="801283" y="71600"/>
                    <a:pt x="802908" y="71600"/>
                  </a:cubicBezTo>
                  <a:cubicBezTo>
                    <a:pt x="806157" y="71600"/>
                    <a:pt x="804532" y="73224"/>
                    <a:pt x="806157" y="73224"/>
                  </a:cubicBezTo>
                  <a:cubicBezTo>
                    <a:pt x="806157" y="73224"/>
                    <a:pt x="811031" y="74848"/>
                    <a:pt x="815906" y="74848"/>
                  </a:cubicBezTo>
                  <a:cubicBezTo>
                    <a:pt x="822405" y="73224"/>
                    <a:pt x="819155" y="74848"/>
                    <a:pt x="822405" y="76473"/>
                  </a:cubicBezTo>
                  <a:cubicBezTo>
                    <a:pt x="824029" y="76473"/>
                    <a:pt x="825654" y="78097"/>
                    <a:pt x="827279" y="79721"/>
                  </a:cubicBezTo>
                  <a:cubicBezTo>
                    <a:pt x="828904" y="81345"/>
                    <a:pt x="832153" y="82969"/>
                    <a:pt x="833778" y="82969"/>
                  </a:cubicBezTo>
                  <a:cubicBezTo>
                    <a:pt x="835403" y="82969"/>
                    <a:pt x="833778" y="81345"/>
                    <a:pt x="833778" y="79721"/>
                  </a:cubicBezTo>
                  <a:cubicBezTo>
                    <a:pt x="833778" y="78097"/>
                    <a:pt x="832153" y="78097"/>
                    <a:pt x="828904" y="74848"/>
                  </a:cubicBezTo>
                  <a:cubicBezTo>
                    <a:pt x="827279" y="73224"/>
                    <a:pt x="827279" y="74848"/>
                    <a:pt x="824029" y="73224"/>
                  </a:cubicBezTo>
                  <a:cubicBezTo>
                    <a:pt x="822405" y="73224"/>
                    <a:pt x="819155" y="73224"/>
                    <a:pt x="819155" y="73224"/>
                  </a:cubicBezTo>
                  <a:cubicBezTo>
                    <a:pt x="817530" y="73224"/>
                    <a:pt x="814281" y="71600"/>
                    <a:pt x="812656" y="71600"/>
                  </a:cubicBezTo>
                  <a:cubicBezTo>
                    <a:pt x="812656" y="69976"/>
                    <a:pt x="807782" y="69976"/>
                    <a:pt x="806157" y="69976"/>
                  </a:cubicBezTo>
                  <a:cubicBezTo>
                    <a:pt x="806157" y="69976"/>
                    <a:pt x="796409" y="65103"/>
                    <a:pt x="793159" y="65103"/>
                  </a:cubicBezTo>
                  <a:cubicBezTo>
                    <a:pt x="789910" y="65103"/>
                    <a:pt x="788285" y="63479"/>
                    <a:pt x="786660" y="63479"/>
                  </a:cubicBezTo>
                  <a:cubicBezTo>
                    <a:pt x="786660" y="63479"/>
                    <a:pt x="783411" y="63479"/>
                    <a:pt x="783411" y="63479"/>
                  </a:cubicBezTo>
                  <a:cubicBezTo>
                    <a:pt x="783411" y="63479"/>
                    <a:pt x="781786" y="63479"/>
                    <a:pt x="780161" y="61855"/>
                  </a:cubicBezTo>
                  <a:cubicBezTo>
                    <a:pt x="778536" y="61855"/>
                    <a:pt x="778536" y="61855"/>
                    <a:pt x="776912" y="60231"/>
                  </a:cubicBezTo>
                  <a:cubicBezTo>
                    <a:pt x="775287" y="58606"/>
                    <a:pt x="776912" y="58606"/>
                    <a:pt x="776912" y="56982"/>
                  </a:cubicBezTo>
                  <a:cubicBezTo>
                    <a:pt x="778536" y="55358"/>
                    <a:pt x="778536" y="55358"/>
                    <a:pt x="780161" y="55358"/>
                  </a:cubicBezTo>
                  <a:cubicBezTo>
                    <a:pt x="781786" y="55358"/>
                    <a:pt x="785035" y="55358"/>
                    <a:pt x="785035" y="55358"/>
                  </a:cubicBezTo>
                  <a:cubicBezTo>
                    <a:pt x="786660" y="53734"/>
                    <a:pt x="786660" y="53734"/>
                    <a:pt x="785035" y="52109"/>
                  </a:cubicBezTo>
                  <a:cubicBezTo>
                    <a:pt x="785035" y="50485"/>
                    <a:pt x="783411" y="52109"/>
                    <a:pt x="783411" y="50485"/>
                  </a:cubicBezTo>
                  <a:cubicBezTo>
                    <a:pt x="783411" y="50485"/>
                    <a:pt x="788285" y="48861"/>
                    <a:pt x="789910" y="47237"/>
                  </a:cubicBezTo>
                  <a:cubicBezTo>
                    <a:pt x="791534" y="47237"/>
                    <a:pt x="793159" y="47237"/>
                    <a:pt x="796409" y="47237"/>
                  </a:cubicBezTo>
                  <a:cubicBezTo>
                    <a:pt x="799658" y="47237"/>
                    <a:pt x="799658" y="48861"/>
                    <a:pt x="801283" y="48861"/>
                  </a:cubicBezTo>
                  <a:cubicBezTo>
                    <a:pt x="802908" y="48861"/>
                    <a:pt x="802908" y="50485"/>
                    <a:pt x="804532" y="50485"/>
                  </a:cubicBezTo>
                  <a:cubicBezTo>
                    <a:pt x="806157" y="50485"/>
                    <a:pt x="809407" y="50485"/>
                    <a:pt x="809407" y="50485"/>
                  </a:cubicBezTo>
                  <a:cubicBezTo>
                    <a:pt x="809407" y="50485"/>
                    <a:pt x="807782" y="48861"/>
                    <a:pt x="804532" y="48861"/>
                  </a:cubicBezTo>
                  <a:cubicBezTo>
                    <a:pt x="802908" y="48861"/>
                    <a:pt x="802908" y="45613"/>
                    <a:pt x="798033" y="43988"/>
                  </a:cubicBezTo>
                  <a:cubicBezTo>
                    <a:pt x="794784" y="40740"/>
                    <a:pt x="796409" y="42364"/>
                    <a:pt x="796409" y="42364"/>
                  </a:cubicBezTo>
                  <a:cubicBezTo>
                    <a:pt x="796409" y="40740"/>
                    <a:pt x="798033" y="40740"/>
                    <a:pt x="799658" y="39116"/>
                  </a:cubicBezTo>
                  <a:cubicBezTo>
                    <a:pt x="802908" y="39116"/>
                    <a:pt x="804532" y="39116"/>
                    <a:pt x="806157" y="39116"/>
                  </a:cubicBezTo>
                  <a:cubicBezTo>
                    <a:pt x="807782" y="39116"/>
                    <a:pt x="811031" y="40740"/>
                    <a:pt x="812656" y="39116"/>
                  </a:cubicBezTo>
                  <a:cubicBezTo>
                    <a:pt x="815906" y="39116"/>
                    <a:pt x="814281" y="40740"/>
                    <a:pt x="815906" y="40740"/>
                  </a:cubicBezTo>
                  <a:cubicBezTo>
                    <a:pt x="817530" y="40740"/>
                    <a:pt x="819155" y="42364"/>
                    <a:pt x="820780" y="42364"/>
                  </a:cubicBezTo>
                  <a:cubicBezTo>
                    <a:pt x="822405" y="42364"/>
                    <a:pt x="822405" y="43988"/>
                    <a:pt x="824029" y="43988"/>
                  </a:cubicBezTo>
                  <a:cubicBezTo>
                    <a:pt x="825654" y="43988"/>
                    <a:pt x="830528" y="45613"/>
                    <a:pt x="830528" y="45613"/>
                  </a:cubicBezTo>
                  <a:cubicBezTo>
                    <a:pt x="830528" y="45613"/>
                    <a:pt x="830528" y="45613"/>
                    <a:pt x="827279" y="42364"/>
                  </a:cubicBezTo>
                  <a:cubicBezTo>
                    <a:pt x="825654" y="42364"/>
                    <a:pt x="824029" y="40740"/>
                    <a:pt x="822405" y="40740"/>
                  </a:cubicBezTo>
                  <a:cubicBezTo>
                    <a:pt x="820780" y="40740"/>
                    <a:pt x="820780" y="37492"/>
                    <a:pt x="820780" y="35867"/>
                  </a:cubicBezTo>
                  <a:cubicBezTo>
                    <a:pt x="820780" y="34243"/>
                    <a:pt x="820780" y="35867"/>
                    <a:pt x="820780" y="34243"/>
                  </a:cubicBezTo>
                  <a:cubicBezTo>
                    <a:pt x="822405" y="34243"/>
                    <a:pt x="822405" y="34243"/>
                    <a:pt x="824029" y="34243"/>
                  </a:cubicBezTo>
                  <a:cubicBezTo>
                    <a:pt x="825654" y="34243"/>
                    <a:pt x="827279" y="32619"/>
                    <a:pt x="832153" y="32619"/>
                  </a:cubicBezTo>
                  <a:cubicBezTo>
                    <a:pt x="837027" y="30995"/>
                    <a:pt x="835403" y="32619"/>
                    <a:pt x="837027" y="32619"/>
                  </a:cubicBezTo>
                  <a:cubicBezTo>
                    <a:pt x="838652" y="34243"/>
                    <a:pt x="838652" y="34243"/>
                    <a:pt x="840277" y="34243"/>
                  </a:cubicBezTo>
                  <a:cubicBezTo>
                    <a:pt x="841902" y="34243"/>
                    <a:pt x="843526" y="34243"/>
                    <a:pt x="845151" y="34243"/>
                  </a:cubicBezTo>
                  <a:cubicBezTo>
                    <a:pt x="846776" y="34243"/>
                    <a:pt x="846776" y="35867"/>
                    <a:pt x="848401" y="35867"/>
                  </a:cubicBezTo>
                  <a:cubicBezTo>
                    <a:pt x="850025" y="35867"/>
                    <a:pt x="853275" y="37492"/>
                    <a:pt x="853275" y="37492"/>
                  </a:cubicBezTo>
                  <a:cubicBezTo>
                    <a:pt x="854899" y="37492"/>
                    <a:pt x="856524" y="35867"/>
                    <a:pt x="858149" y="35867"/>
                  </a:cubicBezTo>
                  <a:cubicBezTo>
                    <a:pt x="858149" y="34243"/>
                    <a:pt x="863023" y="35867"/>
                    <a:pt x="863023" y="35867"/>
                  </a:cubicBezTo>
                  <a:cubicBezTo>
                    <a:pt x="864648" y="35867"/>
                    <a:pt x="866273" y="35867"/>
                    <a:pt x="869522" y="35867"/>
                  </a:cubicBezTo>
                  <a:cubicBezTo>
                    <a:pt x="872772" y="35867"/>
                    <a:pt x="871147" y="39116"/>
                    <a:pt x="872772" y="39116"/>
                  </a:cubicBezTo>
                  <a:cubicBezTo>
                    <a:pt x="872772" y="39116"/>
                    <a:pt x="874396" y="40740"/>
                    <a:pt x="876021" y="42364"/>
                  </a:cubicBezTo>
                  <a:cubicBezTo>
                    <a:pt x="877646" y="43988"/>
                    <a:pt x="877646" y="43988"/>
                    <a:pt x="877646" y="43988"/>
                  </a:cubicBezTo>
                  <a:cubicBezTo>
                    <a:pt x="877646" y="45613"/>
                    <a:pt x="880895" y="45613"/>
                    <a:pt x="882520" y="45613"/>
                  </a:cubicBezTo>
                  <a:cubicBezTo>
                    <a:pt x="885770" y="45613"/>
                    <a:pt x="884145" y="45613"/>
                    <a:pt x="885770" y="47237"/>
                  </a:cubicBezTo>
                  <a:cubicBezTo>
                    <a:pt x="887394" y="47237"/>
                    <a:pt x="889019" y="47237"/>
                    <a:pt x="889019" y="48861"/>
                  </a:cubicBezTo>
                  <a:cubicBezTo>
                    <a:pt x="890644" y="50485"/>
                    <a:pt x="890644" y="52109"/>
                    <a:pt x="892269" y="52109"/>
                  </a:cubicBezTo>
                  <a:cubicBezTo>
                    <a:pt x="892269" y="52109"/>
                    <a:pt x="893893" y="52109"/>
                    <a:pt x="895518" y="52109"/>
                  </a:cubicBezTo>
                  <a:cubicBezTo>
                    <a:pt x="897143" y="52109"/>
                    <a:pt x="897143" y="52109"/>
                    <a:pt x="895518" y="48861"/>
                  </a:cubicBezTo>
                  <a:cubicBezTo>
                    <a:pt x="893893" y="43988"/>
                    <a:pt x="892269" y="47237"/>
                    <a:pt x="892269" y="47237"/>
                  </a:cubicBezTo>
                  <a:cubicBezTo>
                    <a:pt x="890644" y="45613"/>
                    <a:pt x="890644" y="45613"/>
                    <a:pt x="890644" y="45613"/>
                  </a:cubicBezTo>
                  <a:cubicBezTo>
                    <a:pt x="890644" y="43988"/>
                    <a:pt x="887394" y="42364"/>
                    <a:pt x="885770" y="42364"/>
                  </a:cubicBezTo>
                  <a:cubicBezTo>
                    <a:pt x="884145" y="40740"/>
                    <a:pt x="882520" y="42364"/>
                    <a:pt x="882520" y="40740"/>
                  </a:cubicBezTo>
                  <a:cubicBezTo>
                    <a:pt x="882520" y="40740"/>
                    <a:pt x="879271" y="39116"/>
                    <a:pt x="877646" y="39116"/>
                  </a:cubicBezTo>
                  <a:cubicBezTo>
                    <a:pt x="877646" y="39116"/>
                    <a:pt x="876021" y="37492"/>
                    <a:pt x="874396" y="35867"/>
                  </a:cubicBezTo>
                  <a:cubicBezTo>
                    <a:pt x="872772" y="34243"/>
                    <a:pt x="872772" y="34243"/>
                    <a:pt x="871147" y="32619"/>
                  </a:cubicBezTo>
                  <a:cubicBezTo>
                    <a:pt x="871147" y="30995"/>
                    <a:pt x="871147" y="30995"/>
                    <a:pt x="871147" y="30995"/>
                  </a:cubicBezTo>
                  <a:cubicBezTo>
                    <a:pt x="872772" y="29371"/>
                    <a:pt x="874396" y="29371"/>
                    <a:pt x="877646" y="27746"/>
                  </a:cubicBezTo>
                  <a:cubicBezTo>
                    <a:pt x="880895" y="27746"/>
                    <a:pt x="890644" y="29371"/>
                    <a:pt x="893893" y="29371"/>
                  </a:cubicBezTo>
                  <a:cubicBezTo>
                    <a:pt x="895518" y="27746"/>
                    <a:pt x="898768" y="29371"/>
                    <a:pt x="902017" y="29371"/>
                  </a:cubicBezTo>
                  <a:cubicBezTo>
                    <a:pt x="905267" y="29371"/>
                    <a:pt x="903642" y="29371"/>
                    <a:pt x="906891" y="29371"/>
                  </a:cubicBezTo>
                  <a:cubicBezTo>
                    <a:pt x="908516" y="29371"/>
                    <a:pt x="911766" y="29371"/>
                    <a:pt x="911766" y="29371"/>
                  </a:cubicBezTo>
                  <a:cubicBezTo>
                    <a:pt x="913390" y="29371"/>
                    <a:pt x="919889" y="30995"/>
                    <a:pt x="923139" y="29371"/>
                  </a:cubicBezTo>
                  <a:cubicBezTo>
                    <a:pt x="928013" y="27746"/>
                    <a:pt x="924764" y="30995"/>
                    <a:pt x="926388" y="32619"/>
                  </a:cubicBezTo>
                  <a:cubicBezTo>
                    <a:pt x="929638" y="34243"/>
                    <a:pt x="929638" y="34243"/>
                    <a:pt x="929638" y="35867"/>
                  </a:cubicBezTo>
                  <a:cubicBezTo>
                    <a:pt x="931263" y="35867"/>
                    <a:pt x="932887" y="39116"/>
                    <a:pt x="934512" y="39116"/>
                  </a:cubicBezTo>
                  <a:cubicBezTo>
                    <a:pt x="934512" y="39116"/>
                    <a:pt x="936137" y="40740"/>
                    <a:pt x="937761" y="40740"/>
                  </a:cubicBezTo>
                  <a:cubicBezTo>
                    <a:pt x="939386" y="40740"/>
                    <a:pt x="944260" y="40740"/>
                    <a:pt x="944260" y="40740"/>
                  </a:cubicBezTo>
                  <a:cubicBezTo>
                    <a:pt x="944260" y="39116"/>
                    <a:pt x="942636" y="39116"/>
                    <a:pt x="941011" y="37492"/>
                  </a:cubicBezTo>
                  <a:cubicBezTo>
                    <a:pt x="941011" y="37492"/>
                    <a:pt x="939386" y="35867"/>
                    <a:pt x="937761" y="34243"/>
                  </a:cubicBezTo>
                  <a:cubicBezTo>
                    <a:pt x="939386" y="32619"/>
                    <a:pt x="941011" y="32619"/>
                    <a:pt x="941011" y="32619"/>
                  </a:cubicBezTo>
                  <a:cubicBezTo>
                    <a:pt x="941011" y="30995"/>
                    <a:pt x="941011" y="29371"/>
                    <a:pt x="942636" y="29371"/>
                  </a:cubicBezTo>
                  <a:cubicBezTo>
                    <a:pt x="942636" y="27746"/>
                    <a:pt x="944260" y="27746"/>
                    <a:pt x="947510" y="26122"/>
                  </a:cubicBezTo>
                  <a:cubicBezTo>
                    <a:pt x="950759" y="26122"/>
                    <a:pt x="950759" y="27746"/>
                    <a:pt x="952384" y="27746"/>
                  </a:cubicBezTo>
                  <a:cubicBezTo>
                    <a:pt x="952384" y="27746"/>
                    <a:pt x="963757" y="27746"/>
                    <a:pt x="965382" y="27746"/>
                  </a:cubicBezTo>
                  <a:cubicBezTo>
                    <a:pt x="967007" y="27746"/>
                    <a:pt x="967007" y="29371"/>
                    <a:pt x="970256" y="27746"/>
                  </a:cubicBezTo>
                  <a:cubicBezTo>
                    <a:pt x="971881" y="26122"/>
                    <a:pt x="970256" y="27746"/>
                    <a:pt x="973506" y="29371"/>
                  </a:cubicBezTo>
                  <a:cubicBezTo>
                    <a:pt x="975131" y="29371"/>
                    <a:pt x="973506" y="30995"/>
                    <a:pt x="973506" y="30995"/>
                  </a:cubicBezTo>
                  <a:cubicBezTo>
                    <a:pt x="973506" y="30995"/>
                    <a:pt x="973506" y="32619"/>
                    <a:pt x="973506" y="32619"/>
                  </a:cubicBezTo>
                  <a:cubicBezTo>
                    <a:pt x="975131" y="32619"/>
                    <a:pt x="978380" y="34243"/>
                    <a:pt x="980005" y="35867"/>
                  </a:cubicBezTo>
                  <a:cubicBezTo>
                    <a:pt x="980005" y="35867"/>
                    <a:pt x="983254" y="35867"/>
                    <a:pt x="984879" y="35867"/>
                  </a:cubicBezTo>
                  <a:cubicBezTo>
                    <a:pt x="986504" y="34243"/>
                    <a:pt x="984879" y="34243"/>
                    <a:pt x="984879" y="34243"/>
                  </a:cubicBezTo>
                  <a:cubicBezTo>
                    <a:pt x="983254" y="32619"/>
                    <a:pt x="981630" y="32619"/>
                    <a:pt x="980005" y="30995"/>
                  </a:cubicBezTo>
                  <a:cubicBezTo>
                    <a:pt x="978380" y="30995"/>
                    <a:pt x="978380" y="29371"/>
                    <a:pt x="978380" y="29371"/>
                  </a:cubicBezTo>
                  <a:cubicBezTo>
                    <a:pt x="978380" y="27746"/>
                    <a:pt x="980005" y="29371"/>
                    <a:pt x="981630" y="27746"/>
                  </a:cubicBezTo>
                  <a:cubicBezTo>
                    <a:pt x="983254" y="26122"/>
                    <a:pt x="983254" y="27746"/>
                    <a:pt x="984879" y="26122"/>
                  </a:cubicBezTo>
                  <a:cubicBezTo>
                    <a:pt x="988129" y="24498"/>
                    <a:pt x="989753" y="26122"/>
                    <a:pt x="991378" y="24498"/>
                  </a:cubicBezTo>
                  <a:close/>
                  <a:moveTo>
                    <a:pt x="1682953" y="112"/>
                  </a:moveTo>
                  <a:cubicBezTo>
                    <a:pt x="1689649" y="-91"/>
                    <a:pt x="1696547" y="-91"/>
                    <a:pt x="1697358" y="721"/>
                  </a:cubicBezTo>
                  <a:cubicBezTo>
                    <a:pt x="1698981" y="2344"/>
                    <a:pt x="1697358" y="721"/>
                    <a:pt x="1700604" y="2344"/>
                  </a:cubicBezTo>
                  <a:cubicBezTo>
                    <a:pt x="1703850" y="2344"/>
                    <a:pt x="1703850" y="721"/>
                    <a:pt x="1705474" y="3966"/>
                  </a:cubicBezTo>
                  <a:cubicBezTo>
                    <a:pt x="1708720" y="5589"/>
                    <a:pt x="1710343" y="5589"/>
                    <a:pt x="1711966" y="5589"/>
                  </a:cubicBezTo>
                  <a:cubicBezTo>
                    <a:pt x="1711966" y="7212"/>
                    <a:pt x="1713589" y="5589"/>
                    <a:pt x="1715212" y="7212"/>
                  </a:cubicBezTo>
                  <a:cubicBezTo>
                    <a:pt x="1716835" y="7212"/>
                    <a:pt x="1724951" y="7212"/>
                    <a:pt x="1726574" y="5589"/>
                  </a:cubicBezTo>
                  <a:cubicBezTo>
                    <a:pt x="1726574" y="5589"/>
                    <a:pt x="1726574" y="5589"/>
                    <a:pt x="1728197" y="5589"/>
                  </a:cubicBezTo>
                  <a:cubicBezTo>
                    <a:pt x="1728197" y="3966"/>
                    <a:pt x="1729820" y="3966"/>
                    <a:pt x="1729820" y="3966"/>
                  </a:cubicBezTo>
                  <a:cubicBezTo>
                    <a:pt x="1731443" y="2344"/>
                    <a:pt x="1734689" y="3966"/>
                    <a:pt x="1737935" y="3966"/>
                  </a:cubicBezTo>
                  <a:cubicBezTo>
                    <a:pt x="1739559" y="5589"/>
                    <a:pt x="1742805" y="5589"/>
                    <a:pt x="1742805" y="5589"/>
                  </a:cubicBezTo>
                  <a:cubicBezTo>
                    <a:pt x="1742805" y="5589"/>
                    <a:pt x="1746051" y="7212"/>
                    <a:pt x="1747674" y="8835"/>
                  </a:cubicBezTo>
                  <a:cubicBezTo>
                    <a:pt x="1747674" y="8835"/>
                    <a:pt x="1750920" y="8835"/>
                    <a:pt x="1750920" y="8835"/>
                  </a:cubicBezTo>
                  <a:cubicBezTo>
                    <a:pt x="1750920" y="8835"/>
                    <a:pt x="1767151" y="10458"/>
                    <a:pt x="1768774" y="10458"/>
                  </a:cubicBezTo>
                  <a:cubicBezTo>
                    <a:pt x="1770397" y="8835"/>
                    <a:pt x="1772020" y="8835"/>
                    <a:pt x="1775267" y="8835"/>
                  </a:cubicBezTo>
                  <a:cubicBezTo>
                    <a:pt x="1776890" y="8835"/>
                    <a:pt x="1780136" y="8835"/>
                    <a:pt x="1781759" y="10458"/>
                  </a:cubicBezTo>
                  <a:cubicBezTo>
                    <a:pt x="1783382" y="10458"/>
                    <a:pt x="1786628" y="12081"/>
                    <a:pt x="1788251" y="12081"/>
                  </a:cubicBezTo>
                  <a:cubicBezTo>
                    <a:pt x="1788251" y="12081"/>
                    <a:pt x="1789874" y="12081"/>
                    <a:pt x="1789874" y="12081"/>
                  </a:cubicBezTo>
                  <a:cubicBezTo>
                    <a:pt x="1791498" y="12081"/>
                    <a:pt x="1793121" y="12081"/>
                    <a:pt x="1794744" y="12081"/>
                  </a:cubicBezTo>
                  <a:cubicBezTo>
                    <a:pt x="1794744" y="13704"/>
                    <a:pt x="1791498" y="10458"/>
                    <a:pt x="1796367" y="13704"/>
                  </a:cubicBezTo>
                  <a:cubicBezTo>
                    <a:pt x="1801236" y="15326"/>
                    <a:pt x="1804482" y="13704"/>
                    <a:pt x="1801236" y="16949"/>
                  </a:cubicBezTo>
                  <a:cubicBezTo>
                    <a:pt x="1797990" y="18572"/>
                    <a:pt x="1797990" y="18572"/>
                    <a:pt x="1794744" y="18572"/>
                  </a:cubicBezTo>
                  <a:cubicBezTo>
                    <a:pt x="1793121" y="20195"/>
                    <a:pt x="1789874" y="20195"/>
                    <a:pt x="1786628" y="21818"/>
                  </a:cubicBezTo>
                  <a:cubicBezTo>
                    <a:pt x="1783382" y="23441"/>
                    <a:pt x="1776890" y="23441"/>
                    <a:pt x="1773643" y="23441"/>
                  </a:cubicBezTo>
                  <a:cubicBezTo>
                    <a:pt x="1772020" y="25064"/>
                    <a:pt x="1767151" y="25064"/>
                    <a:pt x="1765528" y="25064"/>
                  </a:cubicBezTo>
                  <a:cubicBezTo>
                    <a:pt x="1763905" y="25064"/>
                    <a:pt x="1765528" y="25064"/>
                    <a:pt x="1760659" y="25064"/>
                  </a:cubicBezTo>
                  <a:cubicBezTo>
                    <a:pt x="1757413" y="25064"/>
                    <a:pt x="1765528" y="21818"/>
                    <a:pt x="1755789" y="25064"/>
                  </a:cubicBezTo>
                  <a:cubicBezTo>
                    <a:pt x="1746051" y="26686"/>
                    <a:pt x="1750920" y="26686"/>
                    <a:pt x="1750920" y="26686"/>
                  </a:cubicBezTo>
                  <a:cubicBezTo>
                    <a:pt x="1752543" y="25064"/>
                    <a:pt x="1752543" y="25064"/>
                    <a:pt x="1755789" y="26686"/>
                  </a:cubicBezTo>
                  <a:cubicBezTo>
                    <a:pt x="1759036" y="26686"/>
                    <a:pt x="1760659" y="26686"/>
                    <a:pt x="1760659" y="26686"/>
                  </a:cubicBezTo>
                  <a:cubicBezTo>
                    <a:pt x="1762282" y="28309"/>
                    <a:pt x="1759036" y="28309"/>
                    <a:pt x="1763905" y="28309"/>
                  </a:cubicBezTo>
                  <a:cubicBezTo>
                    <a:pt x="1767151" y="28309"/>
                    <a:pt x="1762282" y="28309"/>
                    <a:pt x="1770397" y="28309"/>
                  </a:cubicBezTo>
                  <a:cubicBezTo>
                    <a:pt x="1778513" y="26686"/>
                    <a:pt x="1778513" y="26686"/>
                    <a:pt x="1780136" y="26686"/>
                  </a:cubicBezTo>
                  <a:cubicBezTo>
                    <a:pt x="1781759" y="26686"/>
                    <a:pt x="1786628" y="25064"/>
                    <a:pt x="1786628" y="25064"/>
                  </a:cubicBezTo>
                  <a:cubicBezTo>
                    <a:pt x="1786628" y="25064"/>
                    <a:pt x="1786628" y="25064"/>
                    <a:pt x="1788251" y="25064"/>
                  </a:cubicBezTo>
                  <a:cubicBezTo>
                    <a:pt x="1788251" y="25064"/>
                    <a:pt x="1796367" y="23441"/>
                    <a:pt x="1796367" y="23441"/>
                  </a:cubicBezTo>
                  <a:cubicBezTo>
                    <a:pt x="1796367" y="21818"/>
                    <a:pt x="1794744" y="23441"/>
                    <a:pt x="1797990" y="21818"/>
                  </a:cubicBezTo>
                  <a:cubicBezTo>
                    <a:pt x="1799613" y="21818"/>
                    <a:pt x="1799613" y="21818"/>
                    <a:pt x="1801236" y="21818"/>
                  </a:cubicBezTo>
                  <a:cubicBezTo>
                    <a:pt x="1801236" y="21818"/>
                    <a:pt x="1806105" y="21818"/>
                    <a:pt x="1806105" y="21818"/>
                  </a:cubicBezTo>
                  <a:cubicBezTo>
                    <a:pt x="1806105" y="21818"/>
                    <a:pt x="1806105" y="21818"/>
                    <a:pt x="1807728" y="21818"/>
                  </a:cubicBezTo>
                  <a:cubicBezTo>
                    <a:pt x="1807728" y="21818"/>
                    <a:pt x="1810975" y="21818"/>
                    <a:pt x="1810975" y="21818"/>
                  </a:cubicBezTo>
                  <a:cubicBezTo>
                    <a:pt x="1810975" y="21818"/>
                    <a:pt x="1814221" y="21818"/>
                    <a:pt x="1814221" y="21818"/>
                  </a:cubicBezTo>
                  <a:cubicBezTo>
                    <a:pt x="1815844" y="23441"/>
                    <a:pt x="1817467" y="23441"/>
                    <a:pt x="1817467" y="25064"/>
                  </a:cubicBezTo>
                  <a:cubicBezTo>
                    <a:pt x="1817467" y="25064"/>
                    <a:pt x="1819090" y="28309"/>
                    <a:pt x="1819090" y="28309"/>
                  </a:cubicBezTo>
                  <a:cubicBezTo>
                    <a:pt x="1819090" y="28309"/>
                    <a:pt x="1819090" y="28309"/>
                    <a:pt x="1817467" y="29932"/>
                  </a:cubicBezTo>
                  <a:cubicBezTo>
                    <a:pt x="1817467" y="29932"/>
                    <a:pt x="1817467" y="29932"/>
                    <a:pt x="1812598" y="33178"/>
                  </a:cubicBezTo>
                  <a:cubicBezTo>
                    <a:pt x="1812598" y="33178"/>
                    <a:pt x="1810975" y="34801"/>
                    <a:pt x="1810975" y="34801"/>
                  </a:cubicBezTo>
                  <a:cubicBezTo>
                    <a:pt x="1809352" y="34801"/>
                    <a:pt x="1806105" y="39669"/>
                    <a:pt x="1806105" y="39669"/>
                  </a:cubicBezTo>
                  <a:cubicBezTo>
                    <a:pt x="1806105" y="39669"/>
                    <a:pt x="1806105" y="39669"/>
                    <a:pt x="1810975" y="38046"/>
                  </a:cubicBezTo>
                  <a:cubicBezTo>
                    <a:pt x="1815844" y="36423"/>
                    <a:pt x="1819090" y="34801"/>
                    <a:pt x="1819090" y="34801"/>
                  </a:cubicBezTo>
                  <a:cubicBezTo>
                    <a:pt x="1819090" y="34801"/>
                    <a:pt x="1819090" y="34801"/>
                    <a:pt x="1823959" y="34801"/>
                  </a:cubicBezTo>
                  <a:cubicBezTo>
                    <a:pt x="1823959" y="34801"/>
                    <a:pt x="1832075" y="34801"/>
                    <a:pt x="1833698" y="36423"/>
                  </a:cubicBezTo>
                  <a:cubicBezTo>
                    <a:pt x="1833698" y="36423"/>
                    <a:pt x="1833698" y="36423"/>
                    <a:pt x="1833698" y="38046"/>
                  </a:cubicBezTo>
                  <a:cubicBezTo>
                    <a:pt x="1835321" y="39669"/>
                    <a:pt x="1838567" y="38046"/>
                    <a:pt x="1838567" y="38046"/>
                  </a:cubicBezTo>
                  <a:cubicBezTo>
                    <a:pt x="1840190" y="36423"/>
                    <a:pt x="1843437" y="36423"/>
                    <a:pt x="1843437" y="36423"/>
                  </a:cubicBezTo>
                  <a:cubicBezTo>
                    <a:pt x="1843437" y="36423"/>
                    <a:pt x="1843437" y="36423"/>
                    <a:pt x="1846683" y="36423"/>
                  </a:cubicBezTo>
                  <a:cubicBezTo>
                    <a:pt x="1846683" y="36423"/>
                    <a:pt x="1846683" y="36423"/>
                    <a:pt x="1849929" y="36423"/>
                  </a:cubicBezTo>
                  <a:cubicBezTo>
                    <a:pt x="1849929" y="36423"/>
                    <a:pt x="1849929" y="36423"/>
                    <a:pt x="1854798" y="38046"/>
                  </a:cubicBezTo>
                  <a:cubicBezTo>
                    <a:pt x="1854798" y="38046"/>
                    <a:pt x="1858044" y="39669"/>
                    <a:pt x="1861291" y="39669"/>
                  </a:cubicBezTo>
                  <a:cubicBezTo>
                    <a:pt x="1862914" y="39669"/>
                    <a:pt x="1864537" y="38046"/>
                    <a:pt x="1866160" y="38046"/>
                  </a:cubicBezTo>
                  <a:cubicBezTo>
                    <a:pt x="1866160" y="39669"/>
                    <a:pt x="1866160" y="39669"/>
                    <a:pt x="1867783" y="41292"/>
                  </a:cubicBezTo>
                  <a:cubicBezTo>
                    <a:pt x="1867783" y="41292"/>
                    <a:pt x="1871029" y="42915"/>
                    <a:pt x="1871029" y="42915"/>
                  </a:cubicBezTo>
                  <a:cubicBezTo>
                    <a:pt x="1871029" y="42915"/>
                    <a:pt x="1871029" y="42915"/>
                    <a:pt x="1874275" y="44538"/>
                  </a:cubicBezTo>
                  <a:cubicBezTo>
                    <a:pt x="1874275" y="44538"/>
                    <a:pt x="1875898" y="44538"/>
                    <a:pt x="1875898" y="44538"/>
                  </a:cubicBezTo>
                  <a:cubicBezTo>
                    <a:pt x="1877522" y="46161"/>
                    <a:pt x="1879145" y="44538"/>
                    <a:pt x="1877522" y="47783"/>
                  </a:cubicBezTo>
                  <a:cubicBezTo>
                    <a:pt x="1875898" y="49406"/>
                    <a:pt x="1874275" y="51029"/>
                    <a:pt x="1872652" y="52652"/>
                  </a:cubicBezTo>
                  <a:cubicBezTo>
                    <a:pt x="1871029" y="52652"/>
                    <a:pt x="1867783" y="54275"/>
                    <a:pt x="1867783" y="54275"/>
                  </a:cubicBezTo>
                  <a:cubicBezTo>
                    <a:pt x="1867783" y="54275"/>
                    <a:pt x="1869406" y="52652"/>
                    <a:pt x="1866160" y="54275"/>
                  </a:cubicBezTo>
                  <a:cubicBezTo>
                    <a:pt x="1862914" y="55898"/>
                    <a:pt x="1862914" y="54275"/>
                    <a:pt x="1861291" y="57521"/>
                  </a:cubicBezTo>
                  <a:cubicBezTo>
                    <a:pt x="1858044" y="59143"/>
                    <a:pt x="1838567" y="62389"/>
                    <a:pt x="1838567" y="62389"/>
                  </a:cubicBezTo>
                  <a:cubicBezTo>
                    <a:pt x="1836944" y="62389"/>
                    <a:pt x="1832075" y="64012"/>
                    <a:pt x="1830452" y="64012"/>
                  </a:cubicBezTo>
                  <a:cubicBezTo>
                    <a:pt x="1828829" y="64012"/>
                    <a:pt x="1827206" y="64012"/>
                    <a:pt x="1825583" y="64012"/>
                  </a:cubicBezTo>
                  <a:cubicBezTo>
                    <a:pt x="1825583" y="64012"/>
                    <a:pt x="1823959" y="65635"/>
                    <a:pt x="1823959" y="65635"/>
                  </a:cubicBezTo>
                  <a:cubicBezTo>
                    <a:pt x="1823959" y="65635"/>
                    <a:pt x="1807728" y="67258"/>
                    <a:pt x="1806105" y="67258"/>
                  </a:cubicBezTo>
                  <a:cubicBezTo>
                    <a:pt x="1804482" y="67258"/>
                    <a:pt x="1804482" y="65635"/>
                    <a:pt x="1802859" y="67258"/>
                  </a:cubicBezTo>
                  <a:cubicBezTo>
                    <a:pt x="1802859" y="67258"/>
                    <a:pt x="1799613" y="67258"/>
                    <a:pt x="1799613" y="67258"/>
                  </a:cubicBezTo>
                  <a:cubicBezTo>
                    <a:pt x="1797990" y="67258"/>
                    <a:pt x="1794744" y="65635"/>
                    <a:pt x="1791498" y="67258"/>
                  </a:cubicBezTo>
                  <a:cubicBezTo>
                    <a:pt x="1788251" y="68880"/>
                    <a:pt x="1783382" y="68880"/>
                    <a:pt x="1781759" y="68880"/>
                  </a:cubicBezTo>
                  <a:cubicBezTo>
                    <a:pt x="1778513" y="68880"/>
                    <a:pt x="1763905" y="67258"/>
                    <a:pt x="1763905" y="67258"/>
                  </a:cubicBezTo>
                  <a:cubicBezTo>
                    <a:pt x="1763905" y="67258"/>
                    <a:pt x="1760659" y="67258"/>
                    <a:pt x="1759036" y="67258"/>
                  </a:cubicBezTo>
                  <a:cubicBezTo>
                    <a:pt x="1759036" y="67258"/>
                    <a:pt x="1752543" y="67258"/>
                    <a:pt x="1752543" y="67258"/>
                  </a:cubicBezTo>
                  <a:cubicBezTo>
                    <a:pt x="1752543" y="67258"/>
                    <a:pt x="1749297" y="67258"/>
                    <a:pt x="1749297" y="67258"/>
                  </a:cubicBezTo>
                  <a:cubicBezTo>
                    <a:pt x="1747674" y="67258"/>
                    <a:pt x="1746051" y="67258"/>
                    <a:pt x="1742805" y="67258"/>
                  </a:cubicBezTo>
                  <a:cubicBezTo>
                    <a:pt x="1737935" y="68880"/>
                    <a:pt x="1736312" y="67258"/>
                    <a:pt x="1734689" y="68880"/>
                  </a:cubicBezTo>
                  <a:cubicBezTo>
                    <a:pt x="1733066" y="68880"/>
                    <a:pt x="1729820" y="68880"/>
                    <a:pt x="1728197" y="68880"/>
                  </a:cubicBezTo>
                  <a:cubicBezTo>
                    <a:pt x="1728197" y="70503"/>
                    <a:pt x="1726574" y="68880"/>
                    <a:pt x="1723328" y="70503"/>
                  </a:cubicBezTo>
                  <a:cubicBezTo>
                    <a:pt x="1721704" y="72126"/>
                    <a:pt x="1720081" y="70503"/>
                    <a:pt x="1716835" y="72126"/>
                  </a:cubicBezTo>
                  <a:cubicBezTo>
                    <a:pt x="1715212" y="75372"/>
                    <a:pt x="1710343" y="73749"/>
                    <a:pt x="1710343" y="73749"/>
                  </a:cubicBezTo>
                  <a:cubicBezTo>
                    <a:pt x="1710343" y="73749"/>
                    <a:pt x="1708720" y="73749"/>
                    <a:pt x="1705474" y="73749"/>
                  </a:cubicBezTo>
                  <a:cubicBezTo>
                    <a:pt x="1703850" y="73749"/>
                    <a:pt x="1700604" y="75372"/>
                    <a:pt x="1700604" y="75372"/>
                  </a:cubicBezTo>
                  <a:cubicBezTo>
                    <a:pt x="1698981" y="75372"/>
                    <a:pt x="1695735" y="75372"/>
                    <a:pt x="1694112" y="76995"/>
                  </a:cubicBezTo>
                  <a:cubicBezTo>
                    <a:pt x="1692489" y="76995"/>
                    <a:pt x="1689243" y="76995"/>
                    <a:pt x="1689243" y="78618"/>
                  </a:cubicBezTo>
                  <a:cubicBezTo>
                    <a:pt x="1687620" y="78618"/>
                    <a:pt x="1685996" y="80240"/>
                    <a:pt x="1685996" y="80240"/>
                  </a:cubicBezTo>
                  <a:cubicBezTo>
                    <a:pt x="1685996" y="80240"/>
                    <a:pt x="1681127" y="78618"/>
                    <a:pt x="1681127" y="80240"/>
                  </a:cubicBezTo>
                  <a:cubicBezTo>
                    <a:pt x="1679504" y="80240"/>
                    <a:pt x="1677881" y="80240"/>
                    <a:pt x="1676258" y="80240"/>
                  </a:cubicBezTo>
                  <a:cubicBezTo>
                    <a:pt x="1676258" y="80240"/>
                    <a:pt x="1676258" y="80240"/>
                    <a:pt x="1674635" y="81863"/>
                  </a:cubicBezTo>
                  <a:cubicBezTo>
                    <a:pt x="1674635" y="83486"/>
                    <a:pt x="1677881" y="83486"/>
                    <a:pt x="1677881" y="83486"/>
                  </a:cubicBezTo>
                  <a:cubicBezTo>
                    <a:pt x="1677881" y="83486"/>
                    <a:pt x="1682750" y="83486"/>
                    <a:pt x="1684373" y="83486"/>
                  </a:cubicBezTo>
                  <a:cubicBezTo>
                    <a:pt x="1685996" y="81863"/>
                    <a:pt x="1687620" y="81863"/>
                    <a:pt x="1687620" y="81863"/>
                  </a:cubicBezTo>
                  <a:cubicBezTo>
                    <a:pt x="1687620" y="81863"/>
                    <a:pt x="1687620" y="81863"/>
                    <a:pt x="1689243" y="80240"/>
                  </a:cubicBezTo>
                  <a:cubicBezTo>
                    <a:pt x="1689243" y="80240"/>
                    <a:pt x="1689243" y="80240"/>
                    <a:pt x="1694112" y="80240"/>
                  </a:cubicBezTo>
                  <a:cubicBezTo>
                    <a:pt x="1694112" y="80240"/>
                    <a:pt x="1697358" y="78618"/>
                    <a:pt x="1698981" y="78618"/>
                  </a:cubicBezTo>
                  <a:cubicBezTo>
                    <a:pt x="1698981" y="78618"/>
                    <a:pt x="1700604" y="78618"/>
                    <a:pt x="1702227" y="78618"/>
                  </a:cubicBezTo>
                  <a:cubicBezTo>
                    <a:pt x="1703850" y="80240"/>
                    <a:pt x="1705474" y="78618"/>
                    <a:pt x="1708720" y="78618"/>
                  </a:cubicBezTo>
                  <a:cubicBezTo>
                    <a:pt x="1710343" y="78618"/>
                    <a:pt x="1713589" y="76995"/>
                    <a:pt x="1713589" y="76995"/>
                  </a:cubicBezTo>
                  <a:cubicBezTo>
                    <a:pt x="1715212" y="76995"/>
                    <a:pt x="1715212" y="75372"/>
                    <a:pt x="1716835" y="75372"/>
                  </a:cubicBezTo>
                  <a:cubicBezTo>
                    <a:pt x="1718458" y="76995"/>
                    <a:pt x="1726574" y="75372"/>
                    <a:pt x="1728197" y="75372"/>
                  </a:cubicBezTo>
                  <a:cubicBezTo>
                    <a:pt x="1728197" y="75372"/>
                    <a:pt x="1729820" y="73749"/>
                    <a:pt x="1729820" y="73749"/>
                  </a:cubicBezTo>
                  <a:cubicBezTo>
                    <a:pt x="1731443" y="73749"/>
                    <a:pt x="1733066" y="75372"/>
                    <a:pt x="1733066" y="75372"/>
                  </a:cubicBezTo>
                  <a:cubicBezTo>
                    <a:pt x="1733066" y="75372"/>
                    <a:pt x="1733066" y="75372"/>
                    <a:pt x="1734689" y="75372"/>
                  </a:cubicBezTo>
                  <a:cubicBezTo>
                    <a:pt x="1736312" y="73749"/>
                    <a:pt x="1739559" y="72126"/>
                    <a:pt x="1739559" y="72126"/>
                  </a:cubicBezTo>
                  <a:cubicBezTo>
                    <a:pt x="1741182" y="72126"/>
                    <a:pt x="1741182" y="70503"/>
                    <a:pt x="1742805" y="70503"/>
                  </a:cubicBezTo>
                  <a:cubicBezTo>
                    <a:pt x="1744428" y="72126"/>
                    <a:pt x="1746051" y="70503"/>
                    <a:pt x="1747674" y="72126"/>
                  </a:cubicBezTo>
                  <a:cubicBezTo>
                    <a:pt x="1749297" y="72126"/>
                    <a:pt x="1754166" y="70503"/>
                    <a:pt x="1755789" y="72126"/>
                  </a:cubicBezTo>
                  <a:cubicBezTo>
                    <a:pt x="1759036" y="72126"/>
                    <a:pt x="1760659" y="70503"/>
                    <a:pt x="1762282" y="72126"/>
                  </a:cubicBezTo>
                  <a:cubicBezTo>
                    <a:pt x="1763905" y="72126"/>
                    <a:pt x="1775267" y="73749"/>
                    <a:pt x="1776890" y="73749"/>
                  </a:cubicBezTo>
                  <a:cubicBezTo>
                    <a:pt x="1776890" y="73749"/>
                    <a:pt x="1781759" y="72126"/>
                    <a:pt x="1783382" y="72126"/>
                  </a:cubicBezTo>
                  <a:cubicBezTo>
                    <a:pt x="1783382" y="72126"/>
                    <a:pt x="1786628" y="72126"/>
                    <a:pt x="1788251" y="72126"/>
                  </a:cubicBezTo>
                  <a:cubicBezTo>
                    <a:pt x="1789874" y="72126"/>
                    <a:pt x="1788251" y="70503"/>
                    <a:pt x="1791498" y="70503"/>
                  </a:cubicBezTo>
                  <a:cubicBezTo>
                    <a:pt x="1794744" y="72126"/>
                    <a:pt x="1794744" y="70503"/>
                    <a:pt x="1797990" y="70503"/>
                  </a:cubicBezTo>
                  <a:cubicBezTo>
                    <a:pt x="1802859" y="70503"/>
                    <a:pt x="1806105" y="72126"/>
                    <a:pt x="1806105" y="72126"/>
                  </a:cubicBezTo>
                  <a:cubicBezTo>
                    <a:pt x="1806105" y="72126"/>
                    <a:pt x="1806105" y="68880"/>
                    <a:pt x="1807728" y="72126"/>
                  </a:cubicBezTo>
                  <a:cubicBezTo>
                    <a:pt x="1809352" y="73749"/>
                    <a:pt x="1810975" y="75372"/>
                    <a:pt x="1810975" y="75372"/>
                  </a:cubicBezTo>
                  <a:cubicBezTo>
                    <a:pt x="1810975" y="76995"/>
                    <a:pt x="1810975" y="78618"/>
                    <a:pt x="1810975" y="80240"/>
                  </a:cubicBezTo>
                  <a:cubicBezTo>
                    <a:pt x="1810975" y="80240"/>
                    <a:pt x="1809352" y="81863"/>
                    <a:pt x="1807728" y="81863"/>
                  </a:cubicBezTo>
                  <a:cubicBezTo>
                    <a:pt x="1806105" y="83486"/>
                    <a:pt x="1806105" y="83486"/>
                    <a:pt x="1802859" y="85109"/>
                  </a:cubicBezTo>
                  <a:cubicBezTo>
                    <a:pt x="1801236" y="85109"/>
                    <a:pt x="1801236" y="85109"/>
                    <a:pt x="1797990" y="86732"/>
                  </a:cubicBezTo>
                  <a:cubicBezTo>
                    <a:pt x="1796367" y="88355"/>
                    <a:pt x="1794744" y="88355"/>
                    <a:pt x="1791498" y="89978"/>
                  </a:cubicBezTo>
                  <a:cubicBezTo>
                    <a:pt x="1789874" y="91600"/>
                    <a:pt x="1785005" y="93223"/>
                    <a:pt x="1783382" y="93223"/>
                  </a:cubicBezTo>
                  <a:cubicBezTo>
                    <a:pt x="1781759" y="93223"/>
                    <a:pt x="1778513" y="93223"/>
                    <a:pt x="1776890" y="94846"/>
                  </a:cubicBezTo>
                  <a:cubicBezTo>
                    <a:pt x="1776890" y="94846"/>
                    <a:pt x="1776890" y="91600"/>
                    <a:pt x="1773643" y="94846"/>
                  </a:cubicBezTo>
                  <a:cubicBezTo>
                    <a:pt x="1772020" y="99715"/>
                    <a:pt x="1775267" y="98092"/>
                    <a:pt x="1775267" y="98092"/>
                  </a:cubicBezTo>
                  <a:cubicBezTo>
                    <a:pt x="1775267" y="98092"/>
                    <a:pt x="1776890" y="98092"/>
                    <a:pt x="1778513" y="98092"/>
                  </a:cubicBezTo>
                  <a:cubicBezTo>
                    <a:pt x="1780136" y="98092"/>
                    <a:pt x="1776890" y="98092"/>
                    <a:pt x="1781759" y="98092"/>
                  </a:cubicBezTo>
                  <a:cubicBezTo>
                    <a:pt x="1785005" y="96469"/>
                    <a:pt x="1786628" y="96469"/>
                    <a:pt x="1788251" y="94846"/>
                  </a:cubicBezTo>
                  <a:cubicBezTo>
                    <a:pt x="1789874" y="94846"/>
                    <a:pt x="1793121" y="93223"/>
                    <a:pt x="1793121" y="93223"/>
                  </a:cubicBezTo>
                  <a:cubicBezTo>
                    <a:pt x="1793121" y="93223"/>
                    <a:pt x="1794744" y="91600"/>
                    <a:pt x="1796367" y="91600"/>
                  </a:cubicBezTo>
                  <a:cubicBezTo>
                    <a:pt x="1796367" y="91600"/>
                    <a:pt x="1799613" y="89978"/>
                    <a:pt x="1799613" y="89978"/>
                  </a:cubicBezTo>
                  <a:cubicBezTo>
                    <a:pt x="1799613" y="89978"/>
                    <a:pt x="1799613" y="89978"/>
                    <a:pt x="1806105" y="88355"/>
                  </a:cubicBezTo>
                  <a:cubicBezTo>
                    <a:pt x="1806105" y="88355"/>
                    <a:pt x="1809352" y="86732"/>
                    <a:pt x="1810975" y="86732"/>
                  </a:cubicBezTo>
                  <a:cubicBezTo>
                    <a:pt x="1810975" y="88355"/>
                    <a:pt x="1812598" y="86732"/>
                    <a:pt x="1814221" y="88355"/>
                  </a:cubicBezTo>
                  <a:cubicBezTo>
                    <a:pt x="1814221" y="88355"/>
                    <a:pt x="1815844" y="86732"/>
                    <a:pt x="1817467" y="86732"/>
                  </a:cubicBezTo>
                  <a:cubicBezTo>
                    <a:pt x="1817467" y="86732"/>
                    <a:pt x="1819090" y="85109"/>
                    <a:pt x="1819090" y="85109"/>
                  </a:cubicBezTo>
                  <a:cubicBezTo>
                    <a:pt x="1820713" y="85109"/>
                    <a:pt x="1819090" y="85109"/>
                    <a:pt x="1820713" y="85109"/>
                  </a:cubicBezTo>
                  <a:cubicBezTo>
                    <a:pt x="1823959" y="85109"/>
                    <a:pt x="1827206" y="85109"/>
                    <a:pt x="1827206" y="85109"/>
                  </a:cubicBezTo>
                  <a:cubicBezTo>
                    <a:pt x="1827206" y="85109"/>
                    <a:pt x="1827206" y="85109"/>
                    <a:pt x="1830452" y="83486"/>
                  </a:cubicBezTo>
                  <a:cubicBezTo>
                    <a:pt x="1830452" y="81863"/>
                    <a:pt x="1830452" y="78618"/>
                    <a:pt x="1830452" y="78618"/>
                  </a:cubicBezTo>
                  <a:cubicBezTo>
                    <a:pt x="1830452" y="78618"/>
                    <a:pt x="1828829" y="76995"/>
                    <a:pt x="1830452" y="75372"/>
                  </a:cubicBezTo>
                  <a:cubicBezTo>
                    <a:pt x="1830452" y="75372"/>
                    <a:pt x="1832075" y="73749"/>
                    <a:pt x="1833698" y="73749"/>
                  </a:cubicBezTo>
                  <a:cubicBezTo>
                    <a:pt x="1835321" y="73749"/>
                    <a:pt x="1838567" y="72126"/>
                    <a:pt x="1840190" y="72126"/>
                  </a:cubicBezTo>
                  <a:cubicBezTo>
                    <a:pt x="1840190" y="72126"/>
                    <a:pt x="1848306" y="70503"/>
                    <a:pt x="1848306" y="70503"/>
                  </a:cubicBezTo>
                  <a:cubicBezTo>
                    <a:pt x="1848306" y="70503"/>
                    <a:pt x="1848306" y="70503"/>
                    <a:pt x="1851552" y="70503"/>
                  </a:cubicBezTo>
                  <a:cubicBezTo>
                    <a:pt x="1853175" y="70503"/>
                    <a:pt x="1854798" y="68880"/>
                    <a:pt x="1856421" y="68880"/>
                  </a:cubicBezTo>
                  <a:cubicBezTo>
                    <a:pt x="1858044" y="68880"/>
                    <a:pt x="1856421" y="68880"/>
                    <a:pt x="1861291" y="68880"/>
                  </a:cubicBezTo>
                  <a:cubicBezTo>
                    <a:pt x="1864537" y="70503"/>
                    <a:pt x="1866160" y="68880"/>
                    <a:pt x="1867783" y="70503"/>
                  </a:cubicBezTo>
                  <a:cubicBezTo>
                    <a:pt x="1867783" y="72126"/>
                    <a:pt x="1869406" y="73749"/>
                    <a:pt x="1869406" y="75372"/>
                  </a:cubicBezTo>
                  <a:cubicBezTo>
                    <a:pt x="1869406" y="76995"/>
                    <a:pt x="1869406" y="78618"/>
                    <a:pt x="1871029" y="80240"/>
                  </a:cubicBezTo>
                  <a:cubicBezTo>
                    <a:pt x="1871029" y="81863"/>
                    <a:pt x="1872652" y="78618"/>
                    <a:pt x="1871029" y="85109"/>
                  </a:cubicBezTo>
                  <a:cubicBezTo>
                    <a:pt x="1867783" y="91600"/>
                    <a:pt x="1858044" y="102960"/>
                    <a:pt x="1856421" y="104583"/>
                  </a:cubicBezTo>
                  <a:cubicBezTo>
                    <a:pt x="1856421" y="104583"/>
                    <a:pt x="1854798" y="104583"/>
                    <a:pt x="1854798" y="106206"/>
                  </a:cubicBezTo>
                  <a:cubicBezTo>
                    <a:pt x="1853175" y="107829"/>
                    <a:pt x="1851552" y="109452"/>
                    <a:pt x="1851552" y="109452"/>
                  </a:cubicBezTo>
                  <a:cubicBezTo>
                    <a:pt x="1851552" y="109452"/>
                    <a:pt x="1851552" y="109452"/>
                    <a:pt x="1849929" y="109452"/>
                  </a:cubicBezTo>
                  <a:cubicBezTo>
                    <a:pt x="1849929" y="109452"/>
                    <a:pt x="1849929" y="109452"/>
                    <a:pt x="1846683" y="112697"/>
                  </a:cubicBezTo>
                  <a:cubicBezTo>
                    <a:pt x="1845060" y="112697"/>
                    <a:pt x="1846683" y="111075"/>
                    <a:pt x="1845060" y="114320"/>
                  </a:cubicBezTo>
                  <a:cubicBezTo>
                    <a:pt x="1841813" y="117566"/>
                    <a:pt x="1836944" y="119189"/>
                    <a:pt x="1836944" y="119189"/>
                  </a:cubicBezTo>
                  <a:cubicBezTo>
                    <a:pt x="1836944" y="119189"/>
                    <a:pt x="1836944" y="119189"/>
                    <a:pt x="1835321" y="122435"/>
                  </a:cubicBezTo>
                  <a:cubicBezTo>
                    <a:pt x="1835321" y="122435"/>
                    <a:pt x="1835321" y="122435"/>
                    <a:pt x="1835321" y="124057"/>
                  </a:cubicBezTo>
                  <a:cubicBezTo>
                    <a:pt x="1835321" y="124057"/>
                    <a:pt x="1835321" y="125680"/>
                    <a:pt x="1835321" y="125680"/>
                  </a:cubicBezTo>
                  <a:cubicBezTo>
                    <a:pt x="1833698" y="127303"/>
                    <a:pt x="1832075" y="128926"/>
                    <a:pt x="1832075" y="128926"/>
                  </a:cubicBezTo>
                  <a:cubicBezTo>
                    <a:pt x="1832075" y="128926"/>
                    <a:pt x="1832075" y="128926"/>
                    <a:pt x="1836944" y="127303"/>
                  </a:cubicBezTo>
                  <a:cubicBezTo>
                    <a:pt x="1836944" y="127303"/>
                    <a:pt x="1836944" y="127303"/>
                    <a:pt x="1838567" y="124057"/>
                  </a:cubicBezTo>
                  <a:cubicBezTo>
                    <a:pt x="1840190" y="122435"/>
                    <a:pt x="1840190" y="122435"/>
                    <a:pt x="1840190" y="120812"/>
                  </a:cubicBezTo>
                  <a:cubicBezTo>
                    <a:pt x="1841813" y="120812"/>
                    <a:pt x="1840190" y="120812"/>
                    <a:pt x="1843437" y="119189"/>
                  </a:cubicBezTo>
                  <a:cubicBezTo>
                    <a:pt x="1845060" y="117566"/>
                    <a:pt x="1853175" y="114320"/>
                    <a:pt x="1853175" y="114320"/>
                  </a:cubicBezTo>
                  <a:cubicBezTo>
                    <a:pt x="1853175" y="114320"/>
                    <a:pt x="1853175" y="114320"/>
                    <a:pt x="1858044" y="111075"/>
                  </a:cubicBezTo>
                  <a:cubicBezTo>
                    <a:pt x="1859667" y="111075"/>
                    <a:pt x="1862914" y="107829"/>
                    <a:pt x="1864537" y="107829"/>
                  </a:cubicBezTo>
                  <a:cubicBezTo>
                    <a:pt x="1864537" y="107829"/>
                    <a:pt x="1866160" y="106206"/>
                    <a:pt x="1866160" y="106206"/>
                  </a:cubicBezTo>
                  <a:cubicBezTo>
                    <a:pt x="1867783" y="106206"/>
                    <a:pt x="1867783" y="104583"/>
                    <a:pt x="1869406" y="104583"/>
                  </a:cubicBezTo>
                  <a:cubicBezTo>
                    <a:pt x="1871029" y="102960"/>
                    <a:pt x="1872652" y="102960"/>
                    <a:pt x="1872652" y="102960"/>
                  </a:cubicBezTo>
                  <a:cubicBezTo>
                    <a:pt x="1872652" y="102960"/>
                    <a:pt x="1872652" y="102960"/>
                    <a:pt x="1885637" y="94846"/>
                  </a:cubicBezTo>
                  <a:cubicBezTo>
                    <a:pt x="1885637" y="94846"/>
                    <a:pt x="1887260" y="93223"/>
                    <a:pt x="1888883" y="93223"/>
                  </a:cubicBezTo>
                  <a:cubicBezTo>
                    <a:pt x="1888883" y="91600"/>
                    <a:pt x="1888883" y="91600"/>
                    <a:pt x="1890506" y="89978"/>
                  </a:cubicBezTo>
                  <a:cubicBezTo>
                    <a:pt x="1892129" y="89978"/>
                    <a:pt x="1892129" y="89978"/>
                    <a:pt x="1893752" y="89978"/>
                  </a:cubicBezTo>
                  <a:cubicBezTo>
                    <a:pt x="1895376" y="88355"/>
                    <a:pt x="1895376" y="88355"/>
                    <a:pt x="1895376" y="88355"/>
                  </a:cubicBezTo>
                  <a:cubicBezTo>
                    <a:pt x="1896999" y="88355"/>
                    <a:pt x="1898622" y="88355"/>
                    <a:pt x="1900245" y="88355"/>
                  </a:cubicBezTo>
                  <a:cubicBezTo>
                    <a:pt x="1901868" y="86732"/>
                    <a:pt x="1903491" y="86732"/>
                    <a:pt x="1903491" y="88355"/>
                  </a:cubicBezTo>
                  <a:cubicBezTo>
                    <a:pt x="1903491" y="88355"/>
                    <a:pt x="1905114" y="88355"/>
                    <a:pt x="1903491" y="89978"/>
                  </a:cubicBezTo>
                  <a:cubicBezTo>
                    <a:pt x="1903491" y="91600"/>
                    <a:pt x="1901868" y="93223"/>
                    <a:pt x="1901868" y="94846"/>
                  </a:cubicBezTo>
                  <a:cubicBezTo>
                    <a:pt x="1901868" y="94846"/>
                    <a:pt x="1901868" y="96469"/>
                    <a:pt x="1901868" y="96469"/>
                  </a:cubicBezTo>
                  <a:cubicBezTo>
                    <a:pt x="1901868" y="96469"/>
                    <a:pt x="1901868" y="96469"/>
                    <a:pt x="1905114" y="94846"/>
                  </a:cubicBezTo>
                  <a:cubicBezTo>
                    <a:pt x="1905114" y="94846"/>
                    <a:pt x="1908360" y="93223"/>
                    <a:pt x="1908360" y="93223"/>
                  </a:cubicBezTo>
                  <a:cubicBezTo>
                    <a:pt x="1908360" y="93223"/>
                    <a:pt x="1909983" y="91600"/>
                    <a:pt x="1909983" y="91600"/>
                  </a:cubicBezTo>
                  <a:cubicBezTo>
                    <a:pt x="1911606" y="91600"/>
                    <a:pt x="1911606" y="91600"/>
                    <a:pt x="1913230" y="91600"/>
                  </a:cubicBezTo>
                  <a:cubicBezTo>
                    <a:pt x="1914853" y="91600"/>
                    <a:pt x="1924591" y="91600"/>
                    <a:pt x="1924591" y="91600"/>
                  </a:cubicBezTo>
                  <a:cubicBezTo>
                    <a:pt x="1924591" y="91600"/>
                    <a:pt x="1924591" y="91600"/>
                    <a:pt x="1927837" y="93223"/>
                  </a:cubicBezTo>
                  <a:cubicBezTo>
                    <a:pt x="1927837" y="93223"/>
                    <a:pt x="1929461" y="93223"/>
                    <a:pt x="1931084" y="94846"/>
                  </a:cubicBezTo>
                  <a:cubicBezTo>
                    <a:pt x="1931084" y="94846"/>
                    <a:pt x="1932707" y="94846"/>
                    <a:pt x="1934330" y="94846"/>
                  </a:cubicBezTo>
                  <a:cubicBezTo>
                    <a:pt x="1934330" y="94846"/>
                    <a:pt x="1937576" y="94846"/>
                    <a:pt x="1937576" y="94846"/>
                  </a:cubicBezTo>
                  <a:cubicBezTo>
                    <a:pt x="1939199" y="94846"/>
                    <a:pt x="1940822" y="93223"/>
                    <a:pt x="1940822" y="93223"/>
                  </a:cubicBezTo>
                  <a:cubicBezTo>
                    <a:pt x="1940822" y="91600"/>
                    <a:pt x="1944068" y="89978"/>
                    <a:pt x="1944068" y="89978"/>
                  </a:cubicBezTo>
                  <a:cubicBezTo>
                    <a:pt x="1944068" y="89978"/>
                    <a:pt x="1944068" y="89978"/>
                    <a:pt x="1947315" y="86732"/>
                  </a:cubicBezTo>
                  <a:cubicBezTo>
                    <a:pt x="1947315" y="86732"/>
                    <a:pt x="1948938" y="85109"/>
                    <a:pt x="1950561" y="83486"/>
                  </a:cubicBezTo>
                  <a:cubicBezTo>
                    <a:pt x="1950561" y="81863"/>
                    <a:pt x="1960299" y="76995"/>
                    <a:pt x="1961922" y="76995"/>
                  </a:cubicBezTo>
                  <a:cubicBezTo>
                    <a:pt x="1961922" y="76995"/>
                    <a:pt x="1965169" y="76995"/>
                    <a:pt x="1965169" y="75372"/>
                  </a:cubicBezTo>
                  <a:cubicBezTo>
                    <a:pt x="1965169" y="75372"/>
                    <a:pt x="1966792" y="73749"/>
                    <a:pt x="1968415" y="73749"/>
                  </a:cubicBezTo>
                  <a:cubicBezTo>
                    <a:pt x="1970038" y="73749"/>
                    <a:pt x="1971661" y="75372"/>
                    <a:pt x="1973284" y="73749"/>
                  </a:cubicBezTo>
                  <a:cubicBezTo>
                    <a:pt x="1974907" y="73749"/>
                    <a:pt x="1987892" y="75372"/>
                    <a:pt x="1987892" y="75372"/>
                  </a:cubicBezTo>
                  <a:cubicBezTo>
                    <a:pt x="1987892" y="73749"/>
                    <a:pt x="1992761" y="73749"/>
                    <a:pt x="1992761" y="73749"/>
                  </a:cubicBezTo>
                  <a:cubicBezTo>
                    <a:pt x="1992761" y="73749"/>
                    <a:pt x="1996007" y="73749"/>
                    <a:pt x="1997630" y="73749"/>
                  </a:cubicBezTo>
                  <a:cubicBezTo>
                    <a:pt x="1997630" y="73749"/>
                    <a:pt x="1997630" y="72126"/>
                    <a:pt x="2000877" y="73749"/>
                  </a:cubicBezTo>
                  <a:cubicBezTo>
                    <a:pt x="2005746" y="75372"/>
                    <a:pt x="2017108" y="78618"/>
                    <a:pt x="2017108" y="78618"/>
                  </a:cubicBezTo>
                  <a:cubicBezTo>
                    <a:pt x="2018731" y="78618"/>
                    <a:pt x="2021977" y="80240"/>
                    <a:pt x="2021977" y="80240"/>
                  </a:cubicBezTo>
                  <a:cubicBezTo>
                    <a:pt x="2023600" y="80240"/>
                    <a:pt x="2025223" y="80240"/>
                    <a:pt x="2026846" y="80240"/>
                  </a:cubicBezTo>
                  <a:cubicBezTo>
                    <a:pt x="2028469" y="80240"/>
                    <a:pt x="2030092" y="80240"/>
                    <a:pt x="2033339" y="80240"/>
                  </a:cubicBezTo>
                  <a:cubicBezTo>
                    <a:pt x="2034962" y="81863"/>
                    <a:pt x="2038208" y="83486"/>
                    <a:pt x="2038208" y="83486"/>
                  </a:cubicBezTo>
                  <a:cubicBezTo>
                    <a:pt x="2038208" y="85109"/>
                    <a:pt x="2039831" y="85109"/>
                    <a:pt x="2041454" y="86732"/>
                  </a:cubicBezTo>
                  <a:cubicBezTo>
                    <a:pt x="2043077" y="88355"/>
                    <a:pt x="2044700" y="88355"/>
                    <a:pt x="2044700" y="88355"/>
                  </a:cubicBezTo>
                  <a:cubicBezTo>
                    <a:pt x="2044700" y="89978"/>
                    <a:pt x="2044700" y="89978"/>
                    <a:pt x="2043077" y="91600"/>
                  </a:cubicBezTo>
                  <a:cubicBezTo>
                    <a:pt x="2041454" y="93223"/>
                    <a:pt x="2030092" y="104583"/>
                    <a:pt x="2028469" y="104583"/>
                  </a:cubicBezTo>
                  <a:cubicBezTo>
                    <a:pt x="2028469" y="104583"/>
                    <a:pt x="2025223" y="106206"/>
                    <a:pt x="2025223" y="106206"/>
                  </a:cubicBezTo>
                  <a:cubicBezTo>
                    <a:pt x="2023600" y="106206"/>
                    <a:pt x="2017108" y="107829"/>
                    <a:pt x="2017108" y="109452"/>
                  </a:cubicBezTo>
                  <a:cubicBezTo>
                    <a:pt x="2015484" y="109452"/>
                    <a:pt x="2015484" y="109452"/>
                    <a:pt x="2013861" y="109452"/>
                  </a:cubicBezTo>
                  <a:cubicBezTo>
                    <a:pt x="2013861" y="111075"/>
                    <a:pt x="2012238" y="111075"/>
                    <a:pt x="2010615" y="111075"/>
                  </a:cubicBezTo>
                  <a:cubicBezTo>
                    <a:pt x="2008992" y="111075"/>
                    <a:pt x="2007369" y="109452"/>
                    <a:pt x="2005746" y="109452"/>
                  </a:cubicBezTo>
                  <a:cubicBezTo>
                    <a:pt x="2004123" y="111075"/>
                    <a:pt x="2002500" y="109452"/>
                    <a:pt x="2002500" y="109452"/>
                  </a:cubicBezTo>
                  <a:cubicBezTo>
                    <a:pt x="2000877" y="109452"/>
                    <a:pt x="2000877" y="109452"/>
                    <a:pt x="1999254" y="111075"/>
                  </a:cubicBezTo>
                  <a:cubicBezTo>
                    <a:pt x="1999254" y="111075"/>
                    <a:pt x="1999254" y="111075"/>
                    <a:pt x="1999254" y="112697"/>
                  </a:cubicBezTo>
                  <a:cubicBezTo>
                    <a:pt x="1999254" y="114320"/>
                    <a:pt x="2000877" y="114320"/>
                    <a:pt x="2000877" y="115943"/>
                  </a:cubicBezTo>
                  <a:cubicBezTo>
                    <a:pt x="2000877" y="115943"/>
                    <a:pt x="2002500" y="117566"/>
                    <a:pt x="2000877" y="119189"/>
                  </a:cubicBezTo>
                  <a:cubicBezTo>
                    <a:pt x="2000877" y="120812"/>
                    <a:pt x="1996007" y="122435"/>
                    <a:pt x="1994384" y="122435"/>
                  </a:cubicBezTo>
                  <a:cubicBezTo>
                    <a:pt x="1994384" y="122435"/>
                    <a:pt x="1989515" y="122435"/>
                    <a:pt x="1989515" y="122435"/>
                  </a:cubicBezTo>
                  <a:cubicBezTo>
                    <a:pt x="1989515" y="122435"/>
                    <a:pt x="1989515" y="122435"/>
                    <a:pt x="1986269" y="122435"/>
                  </a:cubicBezTo>
                  <a:cubicBezTo>
                    <a:pt x="1986269" y="122435"/>
                    <a:pt x="1986269" y="122435"/>
                    <a:pt x="1981400" y="124057"/>
                  </a:cubicBezTo>
                  <a:cubicBezTo>
                    <a:pt x="1981400" y="124057"/>
                    <a:pt x="1979776" y="124057"/>
                    <a:pt x="1978153" y="124057"/>
                  </a:cubicBezTo>
                  <a:cubicBezTo>
                    <a:pt x="1976530" y="125680"/>
                    <a:pt x="1976530" y="127303"/>
                    <a:pt x="1974907" y="127303"/>
                  </a:cubicBezTo>
                  <a:cubicBezTo>
                    <a:pt x="1974907" y="127303"/>
                    <a:pt x="1971661" y="127303"/>
                    <a:pt x="1970038" y="127303"/>
                  </a:cubicBezTo>
                  <a:cubicBezTo>
                    <a:pt x="1966792" y="127303"/>
                    <a:pt x="1968415" y="127303"/>
                    <a:pt x="1966792" y="127303"/>
                  </a:cubicBezTo>
                  <a:cubicBezTo>
                    <a:pt x="1966792" y="127303"/>
                    <a:pt x="1966792" y="127303"/>
                    <a:pt x="1953807" y="125680"/>
                  </a:cubicBezTo>
                  <a:cubicBezTo>
                    <a:pt x="1953807" y="125680"/>
                    <a:pt x="1953807" y="125680"/>
                    <a:pt x="1948938" y="127303"/>
                  </a:cubicBezTo>
                  <a:cubicBezTo>
                    <a:pt x="1948938" y="127303"/>
                    <a:pt x="1947315" y="127303"/>
                    <a:pt x="1945691" y="127303"/>
                  </a:cubicBezTo>
                  <a:cubicBezTo>
                    <a:pt x="1945691" y="127303"/>
                    <a:pt x="1945691" y="125680"/>
                    <a:pt x="1944068" y="125680"/>
                  </a:cubicBezTo>
                  <a:cubicBezTo>
                    <a:pt x="1942445" y="125680"/>
                    <a:pt x="1940822" y="127303"/>
                    <a:pt x="1940822" y="127303"/>
                  </a:cubicBezTo>
                  <a:cubicBezTo>
                    <a:pt x="1940822" y="127303"/>
                    <a:pt x="1940822" y="127303"/>
                    <a:pt x="1934330" y="130549"/>
                  </a:cubicBezTo>
                  <a:cubicBezTo>
                    <a:pt x="1934330" y="130549"/>
                    <a:pt x="1934330" y="133794"/>
                    <a:pt x="1935953" y="132172"/>
                  </a:cubicBezTo>
                  <a:cubicBezTo>
                    <a:pt x="1937576" y="132172"/>
                    <a:pt x="1942445" y="132172"/>
                    <a:pt x="1942445" y="132172"/>
                  </a:cubicBezTo>
                  <a:cubicBezTo>
                    <a:pt x="1942445" y="132172"/>
                    <a:pt x="1942445" y="132172"/>
                    <a:pt x="1944068" y="130549"/>
                  </a:cubicBezTo>
                  <a:cubicBezTo>
                    <a:pt x="1944068" y="130549"/>
                    <a:pt x="1944068" y="130549"/>
                    <a:pt x="1947315" y="128926"/>
                  </a:cubicBezTo>
                  <a:cubicBezTo>
                    <a:pt x="1947315" y="128926"/>
                    <a:pt x="1947315" y="128926"/>
                    <a:pt x="1948938" y="128926"/>
                  </a:cubicBezTo>
                  <a:cubicBezTo>
                    <a:pt x="1950561" y="130549"/>
                    <a:pt x="1955430" y="130549"/>
                    <a:pt x="1955430" y="130549"/>
                  </a:cubicBezTo>
                  <a:cubicBezTo>
                    <a:pt x="1955430" y="130549"/>
                    <a:pt x="1958676" y="130549"/>
                    <a:pt x="1958676" y="130549"/>
                  </a:cubicBezTo>
                  <a:cubicBezTo>
                    <a:pt x="1958676" y="130549"/>
                    <a:pt x="1958676" y="130549"/>
                    <a:pt x="1960299" y="132172"/>
                  </a:cubicBezTo>
                  <a:cubicBezTo>
                    <a:pt x="1960299" y="132172"/>
                    <a:pt x="1968415" y="132172"/>
                    <a:pt x="1968415" y="132172"/>
                  </a:cubicBezTo>
                  <a:cubicBezTo>
                    <a:pt x="1970038" y="132172"/>
                    <a:pt x="1968415" y="130549"/>
                    <a:pt x="1970038" y="132172"/>
                  </a:cubicBezTo>
                  <a:cubicBezTo>
                    <a:pt x="1973284" y="132172"/>
                    <a:pt x="1974907" y="130549"/>
                    <a:pt x="1973284" y="133794"/>
                  </a:cubicBezTo>
                  <a:cubicBezTo>
                    <a:pt x="1971661" y="137040"/>
                    <a:pt x="1971661" y="138663"/>
                    <a:pt x="1970038" y="138663"/>
                  </a:cubicBezTo>
                  <a:cubicBezTo>
                    <a:pt x="1968415" y="140286"/>
                    <a:pt x="1966792" y="140286"/>
                    <a:pt x="1965169" y="141909"/>
                  </a:cubicBezTo>
                  <a:cubicBezTo>
                    <a:pt x="1963546" y="143532"/>
                    <a:pt x="1961922" y="143532"/>
                    <a:pt x="1961922" y="143532"/>
                  </a:cubicBezTo>
                  <a:cubicBezTo>
                    <a:pt x="1960299" y="145154"/>
                    <a:pt x="1948938" y="148400"/>
                    <a:pt x="1948938" y="148400"/>
                  </a:cubicBezTo>
                  <a:cubicBezTo>
                    <a:pt x="1947315" y="148400"/>
                    <a:pt x="1944068" y="148400"/>
                    <a:pt x="1944068" y="148400"/>
                  </a:cubicBezTo>
                  <a:cubicBezTo>
                    <a:pt x="1944068" y="148400"/>
                    <a:pt x="1944068" y="148400"/>
                    <a:pt x="1939199" y="148400"/>
                  </a:cubicBezTo>
                  <a:cubicBezTo>
                    <a:pt x="1939199" y="148400"/>
                    <a:pt x="1937576" y="148400"/>
                    <a:pt x="1935953" y="148400"/>
                  </a:cubicBezTo>
                  <a:cubicBezTo>
                    <a:pt x="1934330" y="148400"/>
                    <a:pt x="1932707" y="146777"/>
                    <a:pt x="1931084" y="146777"/>
                  </a:cubicBezTo>
                  <a:cubicBezTo>
                    <a:pt x="1929461" y="146777"/>
                    <a:pt x="1926214" y="146777"/>
                    <a:pt x="1924591" y="146777"/>
                  </a:cubicBezTo>
                  <a:cubicBezTo>
                    <a:pt x="1922968" y="146777"/>
                    <a:pt x="1922968" y="146777"/>
                    <a:pt x="1921345" y="146777"/>
                  </a:cubicBezTo>
                  <a:cubicBezTo>
                    <a:pt x="1919722" y="146777"/>
                    <a:pt x="1918099" y="146777"/>
                    <a:pt x="1918099" y="146777"/>
                  </a:cubicBezTo>
                  <a:cubicBezTo>
                    <a:pt x="1918099" y="146777"/>
                    <a:pt x="1916476" y="146777"/>
                    <a:pt x="1916476" y="146777"/>
                  </a:cubicBezTo>
                  <a:lnTo>
                    <a:pt x="1913230" y="146777"/>
                  </a:lnTo>
                  <a:lnTo>
                    <a:pt x="1911606" y="146777"/>
                  </a:lnTo>
                  <a:cubicBezTo>
                    <a:pt x="1909983" y="146777"/>
                    <a:pt x="1908360" y="146777"/>
                    <a:pt x="1908360" y="146777"/>
                  </a:cubicBezTo>
                  <a:cubicBezTo>
                    <a:pt x="1908360" y="146777"/>
                    <a:pt x="1908360" y="146777"/>
                    <a:pt x="1906737" y="146777"/>
                  </a:cubicBezTo>
                  <a:cubicBezTo>
                    <a:pt x="1906737" y="146777"/>
                    <a:pt x="1900245" y="151646"/>
                    <a:pt x="1900245" y="151646"/>
                  </a:cubicBezTo>
                  <a:cubicBezTo>
                    <a:pt x="1900245" y="151646"/>
                    <a:pt x="1900245" y="151646"/>
                    <a:pt x="1898622" y="153269"/>
                  </a:cubicBezTo>
                  <a:cubicBezTo>
                    <a:pt x="1898622" y="153269"/>
                    <a:pt x="1895376" y="156514"/>
                    <a:pt x="1893752" y="156514"/>
                  </a:cubicBezTo>
                  <a:cubicBezTo>
                    <a:pt x="1893752" y="156514"/>
                    <a:pt x="1893752" y="158137"/>
                    <a:pt x="1893752" y="159760"/>
                  </a:cubicBezTo>
                  <a:cubicBezTo>
                    <a:pt x="1895376" y="161383"/>
                    <a:pt x="1895376" y="163006"/>
                    <a:pt x="1896999" y="163006"/>
                  </a:cubicBezTo>
                  <a:cubicBezTo>
                    <a:pt x="1898622" y="163006"/>
                    <a:pt x="1900245" y="163006"/>
                    <a:pt x="1900245" y="163006"/>
                  </a:cubicBezTo>
                  <a:cubicBezTo>
                    <a:pt x="1900245" y="161383"/>
                    <a:pt x="1900245" y="161383"/>
                    <a:pt x="1900245" y="159760"/>
                  </a:cubicBezTo>
                  <a:cubicBezTo>
                    <a:pt x="1901868" y="159760"/>
                    <a:pt x="1903491" y="158137"/>
                    <a:pt x="1903491" y="156514"/>
                  </a:cubicBezTo>
                  <a:cubicBezTo>
                    <a:pt x="1903491" y="156514"/>
                    <a:pt x="1905114" y="154892"/>
                    <a:pt x="1905114" y="154892"/>
                  </a:cubicBezTo>
                  <a:cubicBezTo>
                    <a:pt x="1905114" y="153269"/>
                    <a:pt x="1905114" y="151646"/>
                    <a:pt x="1905114" y="151646"/>
                  </a:cubicBezTo>
                  <a:cubicBezTo>
                    <a:pt x="1905114" y="151646"/>
                    <a:pt x="1905114" y="150023"/>
                    <a:pt x="1905114" y="150023"/>
                  </a:cubicBezTo>
                  <a:cubicBezTo>
                    <a:pt x="1906737" y="148400"/>
                    <a:pt x="1906737" y="150023"/>
                    <a:pt x="1908360" y="148400"/>
                  </a:cubicBezTo>
                  <a:cubicBezTo>
                    <a:pt x="1911606" y="148400"/>
                    <a:pt x="1911606" y="146777"/>
                    <a:pt x="1913230" y="146777"/>
                  </a:cubicBezTo>
                  <a:cubicBezTo>
                    <a:pt x="1913230" y="146777"/>
                    <a:pt x="1916476" y="148400"/>
                    <a:pt x="1916476" y="148400"/>
                  </a:cubicBezTo>
                  <a:cubicBezTo>
                    <a:pt x="1918099" y="148400"/>
                    <a:pt x="1918099" y="150023"/>
                    <a:pt x="1918099" y="150023"/>
                  </a:cubicBezTo>
                  <a:cubicBezTo>
                    <a:pt x="1918099" y="150023"/>
                    <a:pt x="1918099" y="151646"/>
                    <a:pt x="1919722" y="151646"/>
                  </a:cubicBezTo>
                  <a:cubicBezTo>
                    <a:pt x="1921345" y="151646"/>
                    <a:pt x="1921345" y="150023"/>
                    <a:pt x="1922968" y="150023"/>
                  </a:cubicBezTo>
                  <a:cubicBezTo>
                    <a:pt x="1924591" y="151646"/>
                    <a:pt x="1926214" y="150023"/>
                    <a:pt x="1926214" y="150023"/>
                  </a:cubicBezTo>
                  <a:cubicBezTo>
                    <a:pt x="1927837" y="150023"/>
                    <a:pt x="1929461" y="150023"/>
                    <a:pt x="1929461" y="150023"/>
                  </a:cubicBezTo>
                  <a:cubicBezTo>
                    <a:pt x="1929461" y="150023"/>
                    <a:pt x="1931084" y="151646"/>
                    <a:pt x="1931084" y="151646"/>
                  </a:cubicBezTo>
                  <a:cubicBezTo>
                    <a:pt x="1931084" y="151646"/>
                    <a:pt x="1932707" y="150023"/>
                    <a:pt x="1934330" y="150023"/>
                  </a:cubicBezTo>
                  <a:cubicBezTo>
                    <a:pt x="1937576" y="151646"/>
                    <a:pt x="1939199" y="150023"/>
                    <a:pt x="1939199" y="150023"/>
                  </a:cubicBezTo>
                  <a:cubicBezTo>
                    <a:pt x="1939199" y="150023"/>
                    <a:pt x="1939199" y="150023"/>
                    <a:pt x="1940822" y="150023"/>
                  </a:cubicBezTo>
                  <a:cubicBezTo>
                    <a:pt x="1940822" y="151646"/>
                    <a:pt x="1942445" y="150023"/>
                    <a:pt x="1942445" y="150023"/>
                  </a:cubicBezTo>
                  <a:cubicBezTo>
                    <a:pt x="1944068" y="151646"/>
                    <a:pt x="1945691" y="151646"/>
                    <a:pt x="1945691" y="151646"/>
                  </a:cubicBezTo>
                  <a:cubicBezTo>
                    <a:pt x="1945691" y="151646"/>
                    <a:pt x="1947315" y="151646"/>
                    <a:pt x="1947315" y="151646"/>
                  </a:cubicBezTo>
                  <a:cubicBezTo>
                    <a:pt x="1947315" y="153269"/>
                    <a:pt x="1948938" y="153269"/>
                    <a:pt x="1948938" y="153269"/>
                  </a:cubicBezTo>
                  <a:cubicBezTo>
                    <a:pt x="1948938" y="154892"/>
                    <a:pt x="1948938" y="156514"/>
                    <a:pt x="1947315" y="158137"/>
                  </a:cubicBezTo>
                  <a:cubicBezTo>
                    <a:pt x="1945691" y="159760"/>
                    <a:pt x="1944068" y="159760"/>
                    <a:pt x="1942445" y="161383"/>
                  </a:cubicBezTo>
                  <a:cubicBezTo>
                    <a:pt x="1940822" y="163006"/>
                    <a:pt x="1939199" y="161383"/>
                    <a:pt x="1939199" y="163006"/>
                  </a:cubicBezTo>
                  <a:cubicBezTo>
                    <a:pt x="1937576" y="166252"/>
                    <a:pt x="1935953" y="166252"/>
                    <a:pt x="1934330" y="167874"/>
                  </a:cubicBezTo>
                  <a:cubicBezTo>
                    <a:pt x="1932707" y="167874"/>
                    <a:pt x="1934330" y="166252"/>
                    <a:pt x="1931084" y="167874"/>
                  </a:cubicBezTo>
                  <a:cubicBezTo>
                    <a:pt x="1929461" y="167874"/>
                    <a:pt x="1926214" y="167874"/>
                    <a:pt x="1926214" y="167874"/>
                  </a:cubicBezTo>
                  <a:cubicBezTo>
                    <a:pt x="1924591" y="167874"/>
                    <a:pt x="1922968" y="166252"/>
                    <a:pt x="1922968" y="166252"/>
                  </a:cubicBezTo>
                  <a:cubicBezTo>
                    <a:pt x="1921345" y="166252"/>
                    <a:pt x="1921345" y="164629"/>
                    <a:pt x="1919722" y="164629"/>
                  </a:cubicBezTo>
                  <a:cubicBezTo>
                    <a:pt x="1918099" y="166252"/>
                    <a:pt x="1916476" y="164629"/>
                    <a:pt x="1914853" y="166252"/>
                  </a:cubicBezTo>
                  <a:cubicBezTo>
                    <a:pt x="1913230" y="167874"/>
                    <a:pt x="1913230" y="167874"/>
                    <a:pt x="1913230" y="171120"/>
                  </a:cubicBezTo>
                  <a:cubicBezTo>
                    <a:pt x="1911606" y="172743"/>
                    <a:pt x="1911606" y="171120"/>
                    <a:pt x="1911606" y="172743"/>
                  </a:cubicBezTo>
                  <a:cubicBezTo>
                    <a:pt x="1911606" y="175989"/>
                    <a:pt x="1911606" y="177611"/>
                    <a:pt x="1911606" y="179234"/>
                  </a:cubicBezTo>
                  <a:cubicBezTo>
                    <a:pt x="1911606" y="179234"/>
                    <a:pt x="1911606" y="179234"/>
                    <a:pt x="1913230" y="180857"/>
                  </a:cubicBezTo>
                  <a:cubicBezTo>
                    <a:pt x="1913230" y="180857"/>
                    <a:pt x="1913230" y="180857"/>
                    <a:pt x="1919722" y="182480"/>
                  </a:cubicBezTo>
                  <a:cubicBezTo>
                    <a:pt x="1919722" y="182480"/>
                    <a:pt x="1919722" y="182480"/>
                    <a:pt x="1921345" y="185726"/>
                  </a:cubicBezTo>
                  <a:cubicBezTo>
                    <a:pt x="1921345" y="185726"/>
                    <a:pt x="1919722" y="187349"/>
                    <a:pt x="1918099" y="187349"/>
                  </a:cubicBezTo>
                  <a:cubicBezTo>
                    <a:pt x="1918099" y="187349"/>
                    <a:pt x="1914853" y="188971"/>
                    <a:pt x="1913230" y="188971"/>
                  </a:cubicBezTo>
                  <a:cubicBezTo>
                    <a:pt x="1911606" y="188971"/>
                    <a:pt x="1911606" y="190594"/>
                    <a:pt x="1909983" y="192217"/>
                  </a:cubicBezTo>
                  <a:cubicBezTo>
                    <a:pt x="1908360" y="193840"/>
                    <a:pt x="1906737" y="193840"/>
                    <a:pt x="1905114" y="195463"/>
                  </a:cubicBezTo>
                  <a:cubicBezTo>
                    <a:pt x="1903491" y="195463"/>
                    <a:pt x="1906737" y="197086"/>
                    <a:pt x="1906737" y="197086"/>
                  </a:cubicBezTo>
                  <a:cubicBezTo>
                    <a:pt x="1905114" y="198709"/>
                    <a:pt x="1905114" y="198709"/>
                    <a:pt x="1903491" y="200331"/>
                  </a:cubicBezTo>
                  <a:cubicBezTo>
                    <a:pt x="1901868" y="200331"/>
                    <a:pt x="1900245" y="200331"/>
                    <a:pt x="1900245" y="200331"/>
                  </a:cubicBezTo>
                  <a:cubicBezTo>
                    <a:pt x="1900245" y="200331"/>
                    <a:pt x="1895376" y="201954"/>
                    <a:pt x="1893752" y="201954"/>
                  </a:cubicBezTo>
                  <a:cubicBezTo>
                    <a:pt x="1893752" y="201954"/>
                    <a:pt x="1893752" y="201954"/>
                    <a:pt x="1892129" y="201954"/>
                  </a:cubicBezTo>
                  <a:cubicBezTo>
                    <a:pt x="1890506" y="201954"/>
                    <a:pt x="1890506" y="201954"/>
                    <a:pt x="1888883" y="203577"/>
                  </a:cubicBezTo>
                  <a:cubicBezTo>
                    <a:pt x="1885637" y="205200"/>
                    <a:pt x="1885637" y="203577"/>
                    <a:pt x="1885637" y="206823"/>
                  </a:cubicBezTo>
                  <a:cubicBezTo>
                    <a:pt x="1884014" y="208446"/>
                    <a:pt x="1884014" y="210068"/>
                    <a:pt x="1885637" y="210068"/>
                  </a:cubicBezTo>
                  <a:cubicBezTo>
                    <a:pt x="1885637" y="211691"/>
                    <a:pt x="1885637" y="211691"/>
                    <a:pt x="1885637" y="213314"/>
                  </a:cubicBezTo>
                  <a:cubicBezTo>
                    <a:pt x="1885637" y="214937"/>
                    <a:pt x="1885637" y="214937"/>
                    <a:pt x="1885637" y="216560"/>
                  </a:cubicBezTo>
                  <a:cubicBezTo>
                    <a:pt x="1884014" y="216560"/>
                    <a:pt x="1884014" y="216560"/>
                    <a:pt x="1882391" y="218183"/>
                  </a:cubicBezTo>
                  <a:cubicBezTo>
                    <a:pt x="1880768" y="219806"/>
                    <a:pt x="1879145" y="226297"/>
                    <a:pt x="1879145" y="226297"/>
                  </a:cubicBezTo>
                  <a:cubicBezTo>
                    <a:pt x="1879145" y="227920"/>
                    <a:pt x="1880768" y="227920"/>
                    <a:pt x="1880768" y="227920"/>
                  </a:cubicBezTo>
                  <a:cubicBezTo>
                    <a:pt x="1880768" y="227920"/>
                    <a:pt x="1879145" y="231166"/>
                    <a:pt x="1879145" y="231166"/>
                  </a:cubicBezTo>
                  <a:cubicBezTo>
                    <a:pt x="1879145" y="232788"/>
                    <a:pt x="1879145" y="232788"/>
                    <a:pt x="1877522" y="234411"/>
                  </a:cubicBezTo>
                  <a:cubicBezTo>
                    <a:pt x="1875898" y="236034"/>
                    <a:pt x="1875898" y="236034"/>
                    <a:pt x="1874275" y="237657"/>
                  </a:cubicBezTo>
                  <a:cubicBezTo>
                    <a:pt x="1872652" y="239280"/>
                    <a:pt x="1872652" y="237657"/>
                    <a:pt x="1872652" y="239280"/>
                  </a:cubicBezTo>
                  <a:cubicBezTo>
                    <a:pt x="1872652" y="240903"/>
                    <a:pt x="1872652" y="242525"/>
                    <a:pt x="1872652" y="244148"/>
                  </a:cubicBezTo>
                  <a:cubicBezTo>
                    <a:pt x="1872652" y="244148"/>
                    <a:pt x="1872652" y="244148"/>
                    <a:pt x="1872652" y="245771"/>
                  </a:cubicBezTo>
                  <a:cubicBezTo>
                    <a:pt x="1872652" y="245771"/>
                    <a:pt x="1874275" y="247394"/>
                    <a:pt x="1874275" y="247394"/>
                  </a:cubicBezTo>
                  <a:cubicBezTo>
                    <a:pt x="1874275" y="247394"/>
                    <a:pt x="1875898" y="244148"/>
                    <a:pt x="1879145" y="242525"/>
                  </a:cubicBezTo>
                  <a:cubicBezTo>
                    <a:pt x="1880768" y="240903"/>
                    <a:pt x="1880768" y="239280"/>
                    <a:pt x="1880768" y="239280"/>
                  </a:cubicBezTo>
                  <a:cubicBezTo>
                    <a:pt x="1882391" y="239280"/>
                    <a:pt x="1884014" y="237657"/>
                    <a:pt x="1884014" y="236034"/>
                  </a:cubicBezTo>
                  <a:cubicBezTo>
                    <a:pt x="1885637" y="236034"/>
                    <a:pt x="1887260" y="236034"/>
                    <a:pt x="1887260" y="236034"/>
                  </a:cubicBezTo>
                  <a:cubicBezTo>
                    <a:pt x="1888883" y="236034"/>
                    <a:pt x="1887260" y="236034"/>
                    <a:pt x="1888883" y="236034"/>
                  </a:cubicBezTo>
                  <a:cubicBezTo>
                    <a:pt x="1892129" y="236034"/>
                    <a:pt x="1892129" y="236034"/>
                    <a:pt x="1893752" y="236034"/>
                  </a:cubicBezTo>
                  <a:cubicBezTo>
                    <a:pt x="1895376" y="237657"/>
                    <a:pt x="1898622" y="237657"/>
                    <a:pt x="1898622" y="237657"/>
                  </a:cubicBezTo>
                  <a:cubicBezTo>
                    <a:pt x="1900245" y="237657"/>
                    <a:pt x="1901868" y="239280"/>
                    <a:pt x="1900245" y="239280"/>
                  </a:cubicBezTo>
                  <a:cubicBezTo>
                    <a:pt x="1900245" y="239280"/>
                    <a:pt x="1901868" y="239280"/>
                    <a:pt x="1903491" y="239280"/>
                  </a:cubicBezTo>
                  <a:cubicBezTo>
                    <a:pt x="1905114" y="239280"/>
                    <a:pt x="1908360" y="239280"/>
                    <a:pt x="1908360" y="239280"/>
                  </a:cubicBezTo>
                  <a:cubicBezTo>
                    <a:pt x="1908360" y="239280"/>
                    <a:pt x="1908360" y="239280"/>
                    <a:pt x="1911606" y="239280"/>
                  </a:cubicBezTo>
                  <a:cubicBezTo>
                    <a:pt x="1911606" y="239280"/>
                    <a:pt x="1911606" y="239280"/>
                    <a:pt x="1913230" y="240903"/>
                  </a:cubicBezTo>
                  <a:cubicBezTo>
                    <a:pt x="1913230" y="240903"/>
                    <a:pt x="1913230" y="240903"/>
                    <a:pt x="1914853" y="242525"/>
                  </a:cubicBezTo>
                  <a:cubicBezTo>
                    <a:pt x="1914853" y="242525"/>
                    <a:pt x="1914853" y="242525"/>
                    <a:pt x="1918099" y="242525"/>
                  </a:cubicBezTo>
                  <a:cubicBezTo>
                    <a:pt x="1918099" y="242525"/>
                    <a:pt x="1918099" y="242525"/>
                    <a:pt x="1921345" y="244148"/>
                  </a:cubicBezTo>
                  <a:cubicBezTo>
                    <a:pt x="1921345" y="244148"/>
                    <a:pt x="1921345" y="244148"/>
                    <a:pt x="1924591" y="247394"/>
                  </a:cubicBezTo>
                  <a:cubicBezTo>
                    <a:pt x="1924591" y="247394"/>
                    <a:pt x="1924591" y="247394"/>
                    <a:pt x="1924591" y="249017"/>
                  </a:cubicBezTo>
                  <a:cubicBezTo>
                    <a:pt x="1924591" y="249017"/>
                    <a:pt x="1924591" y="249017"/>
                    <a:pt x="1921345" y="250640"/>
                  </a:cubicBezTo>
                  <a:cubicBezTo>
                    <a:pt x="1921345" y="250640"/>
                    <a:pt x="1921345" y="250640"/>
                    <a:pt x="1918099" y="250640"/>
                  </a:cubicBezTo>
                  <a:cubicBezTo>
                    <a:pt x="1918099" y="250640"/>
                    <a:pt x="1918099" y="250640"/>
                    <a:pt x="1916476" y="250640"/>
                  </a:cubicBezTo>
                  <a:cubicBezTo>
                    <a:pt x="1916476" y="250640"/>
                    <a:pt x="1916476" y="250640"/>
                    <a:pt x="1913230" y="250640"/>
                  </a:cubicBezTo>
                  <a:cubicBezTo>
                    <a:pt x="1913230" y="250640"/>
                    <a:pt x="1909983" y="249017"/>
                    <a:pt x="1909983" y="249017"/>
                  </a:cubicBezTo>
                  <a:cubicBezTo>
                    <a:pt x="1908360" y="249017"/>
                    <a:pt x="1908360" y="247394"/>
                    <a:pt x="1906737" y="247394"/>
                  </a:cubicBezTo>
                  <a:cubicBezTo>
                    <a:pt x="1905114" y="245771"/>
                    <a:pt x="1905114" y="245771"/>
                    <a:pt x="1903491" y="245771"/>
                  </a:cubicBezTo>
                  <a:cubicBezTo>
                    <a:pt x="1901868" y="244148"/>
                    <a:pt x="1903491" y="244148"/>
                    <a:pt x="1900245" y="244148"/>
                  </a:cubicBezTo>
                  <a:cubicBezTo>
                    <a:pt x="1898622" y="245771"/>
                    <a:pt x="1896999" y="245771"/>
                    <a:pt x="1896999" y="245771"/>
                  </a:cubicBezTo>
                  <a:cubicBezTo>
                    <a:pt x="1895376" y="245771"/>
                    <a:pt x="1895376" y="244148"/>
                    <a:pt x="1895376" y="245771"/>
                  </a:cubicBezTo>
                  <a:cubicBezTo>
                    <a:pt x="1893752" y="247394"/>
                    <a:pt x="1893752" y="249017"/>
                    <a:pt x="1895376" y="249017"/>
                  </a:cubicBezTo>
                  <a:cubicBezTo>
                    <a:pt x="1895376" y="250640"/>
                    <a:pt x="1895376" y="250640"/>
                    <a:pt x="1896999" y="250640"/>
                  </a:cubicBezTo>
                  <a:cubicBezTo>
                    <a:pt x="1896999" y="252263"/>
                    <a:pt x="1898622" y="250640"/>
                    <a:pt x="1898622" y="252263"/>
                  </a:cubicBezTo>
                  <a:cubicBezTo>
                    <a:pt x="1898622" y="253885"/>
                    <a:pt x="1898622" y="253885"/>
                    <a:pt x="1900245" y="253885"/>
                  </a:cubicBezTo>
                  <a:cubicBezTo>
                    <a:pt x="1900245" y="255508"/>
                    <a:pt x="1903491" y="255508"/>
                    <a:pt x="1903491" y="255508"/>
                  </a:cubicBezTo>
                  <a:cubicBezTo>
                    <a:pt x="1905114" y="255508"/>
                    <a:pt x="1905114" y="255508"/>
                    <a:pt x="1906737" y="255508"/>
                  </a:cubicBezTo>
                  <a:cubicBezTo>
                    <a:pt x="1906737" y="255508"/>
                    <a:pt x="1909983" y="255508"/>
                    <a:pt x="1909983" y="257131"/>
                  </a:cubicBezTo>
                  <a:cubicBezTo>
                    <a:pt x="1909983" y="257131"/>
                    <a:pt x="1909983" y="257131"/>
                    <a:pt x="1913230" y="258754"/>
                  </a:cubicBezTo>
                  <a:cubicBezTo>
                    <a:pt x="1913230" y="258754"/>
                    <a:pt x="1913230" y="258754"/>
                    <a:pt x="1914853" y="260377"/>
                  </a:cubicBezTo>
                  <a:cubicBezTo>
                    <a:pt x="1916476" y="260377"/>
                    <a:pt x="1919722" y="260377"/>
                    <a:pt x="1919722" y="260377"/>
                  </a:cubicBezTo>
                  <a:cubicBezTo>
                    <a:pt x="1919722" y="260377"/>
                    <a:pt x="1919722" y="260377"/>
                    <a:pt x="1922968" y="258754"/>
                  </a:cubicBezTo>
                  <a:cubicBezTo>
                    <a:pt x="1922968" y="258754"/>
                    <a:pt x="1922968" y="258754"/>
                    <a:pt x="1927837" y="258754"/>
                  </a:cubicBezTo>
                  <a:cubicBezTo>
                    <a:pt x="1927837" y="258754"/>
                    <a:pt x="1927837" y="258754"/>
                    <a:pt x="1934330" y="262000"/>
                  </a:cubicBezTo>
                  <a:cubicBezTo>
                    <a:pt x="1934330" y="262000"/>
                    <a:pt x="1934330" y="262000"/>
                    <a:pt x="1935953" y="260377"/>
                  </a:cubicBezTo>
                  <a:cubicBezTo>
                    <a:pt x="1935953" y="260377"/>
                    <a:pt x="1935953" y="260377"/>
                    <a:pt x="1937576" y="265245"/>
                  </a:cubicBezTo>
                  <a:cubicBezTo>
                    <a:pt x="1937576" y="265245"/>
                    <a:pt x="1937576" y="265245"/>
                    <a:pt x="1939199" y="268491"/>
                  </a:cubicBezTo>
                  <a:cubicBezTo>
                    <a:pt x="1939199" y="270114"/>
                    <a:pt x="1939199" y="271737"/>
                    <a:pt x="1939199" y="273360"/>
                  </a:cubicBezTo>
                  <a:cubicBezTo>
                    <a:pt x="1939199" y="274982"/>
                    <a:pt x="1939199" y="274982"/>
                    <a:pt x="1937576" y="276605"/>
                  </a:cubicBezTo>
                  <a:cubicBezTo>
                    <a:pt x="1935953" y="278228"/>
                    <a:pt x="1937576" y="278228"/>
                    <a:pt x="1935953" y="279851"/>
                  </a:cubicBezTo>
                  <a:cubicBezTo>
                    <a:pt x="1934330" y="279851"/>
                    <a:pt x="1937576" y="278228"/>
                    <a:pt x="1932707" y="279851"/>
                  </a:cubicBezTo>
                  <a:cubicBezTo>
                    <a:pt x="1929461" y="281474"/>
                    <a:pt x="1929461" y="279851"/>
                    <a:pt x="1927837" y="279851"/>
                  </a:cubicBezTo>
                  <a:cubicBezTo>
                    <a:pt x="1926214" y="279851"/>
                    <a:pt x="1926214" y="279851"/>
                    <a:pt x="1924591" y="279851"/>
                  </a:cubicBezTo>
                  <a:cubicBezTo>
                    <a:pt x="1924591" y="279851"/>
                    <a:pt x="1919722" y="279851"/>
                    <a:pt x="1919722" y="279851"/>
                  </a:cubicBezTo>
                  <a:cubicBezTo>
                    <a:pt x="1918099" y="279851"/>
                    <a:pt x="1916476" y="278228"/>
                    <a:pt x="1914853" y="278228"/>
                  </a:cubicBezTo>
                  <a:cubicBezTo>
                    <a:pt x="1914853" y="278228"/>
                    <a:pt x="1913230" y="276605"/>
                    <a:pt x="1911606" y="276605"/>
                  </a:cubicBezTo>
                  <a:cubicBezTo>
                    <a:pt x="1909983" y="276605"/>
                    <a:pt x="1908360" y="276605"/>
                    <a:pt x="1908360" y="276605"/>
                  </a:cubicBezTo>
                  <a:cubicBezTo>
                    <a:pt x="1908360" y="276605"/>
                    <a:pt x="1908360" y="276605"/>
                    <a:pt x="1906737" y="276605"/>
                  </a:cubicBezTo>
                  <a:cubicBezTo>
                    <a:pt x="1906737" y="276605"/>
                    <a:pt x="1905114" y="274982"/>
                    <a:pt x="1905114" y="274982"/>
                  </a:cubicBezTo>
                  <a:cubicBezTo>
                    <a:pt x="1903491" y="274982"/>
                    <a:pt x="1901868" y="276605"/>
                    <a:pt x="1900245" y="276605"/>
                  </a:cubicBezTo>
                  <a:cubicBezTo>
                    <a:pt x="1900245" y="278228"/>
                    <a:pt x="1901868" y="276605"/>
                    <a:pt x="1898622" y="276605"/>
                  </a:cubicBezTo>
                  <a:cubicBezTo>
                    <a:pt x="1896999" y="278228"/>
                    <a:pt x="1893752" y="278228"/>
                    <a:pt x="1893752" y="278228"/>
                  </a:cubicBezTo>
                  <a:cubicBezTo>
                    <a:pt x="1893752" y="278228"/>
                    <a:pt x="1890506" y="278228"/>
                    <a:pt x="1888883" y="278228"/>
                  </a:cubicBezTo>
                  <a:cubicBezTo>
                    <a:pt x="1888883" y="278228"/>
                    <a:pt x="1885637" y="279851"/>
                    <a:pt x="1885637" y="279851"/>
                  </a:cubicBezTo>
                  <a:cubicBezTo>
                    <a:pt x="1884014" y="281474"/>
                    <a:pt x="1880768" y="283097"/>
                    <a:pt x="1879145" y="283097"/>
                  </a:cubicBezTo>
                  <a:cubicBezTo>
                    <a:pt x="1877522" y="284720"/>
                    <a:pt x="1877522" y="284720"/>
                    <a:pt x="1875898" y="284720"/>
                  </a:cubicBezTo>
                  <a:cubicBezTo>
                    <a:pt x="1875898" y="286342"/>
                    <a:pt x="1874275" y="286342"/>
                    <a:pt x="1874275" y="286342"/>
                  </a:cubicBezTo>
                  <a:cubicBezTo>
                    <a:pt x="1872652" y="286342"/>
                    <a:pt x="1872652" y="284720"/>
                    <a:pt x="1871029" y="283097"/>
                  </a:cubicBezTo>
                  <a:cubicBezTo>
                    <a:pt x="1869406" y="281474"/>
                    <a:pt x="1869406" y="281474"/>
                    <a:pt x="1869406" y="279851"/>
                  </a:cubicBezTo>
                  <a:cubicBezTo>
                    <a:pt x="1867783" y="279851"/>
                    <a:pt x="1867783" y="278228"/>
                    <a:pt x="1866160" y="278228"/>
                  </a:cubicBezTo>
                  <a:cubicBezTo>
                    <a:pt x="1866160" y="279851"/>
                    <a:pt x="1864537" y="278228"/>
                    <a:pt x="1862914" y="279851"/>
                  </a:cubicBezTo>
                  <a:cubicBezTo>
                    <a:pt x="1861291" y="279851"/>
                    <a:pt x="1861291" y="279851"/>
                    <a:pt x="1861291" y="281474"/>
                  </a:cubicBezTo>
                  <a:cubicBezTo>
                    <a:pt x="1859667" y="283097"/>
                    <a:pt x="1859667" y="283097"/>
                    <a:pt x="1861291" y="284720"/>
                  </a:cubicBezTo>
                  <a:cubicBezTo>
                    <a:pt x="1861291" y="286342"/>
                    <a:pt x="1862914" y="286342"/>
                    <a:pt x="1862914" y="286342"/>
                  </a:cubicBezTo>
                  <a:cubicBezTo>
                    <a:pt x="1864537" y="286342"/>
                    <a:pt x="1864537" y="286342"/>
                    <a:pt x="1866160" y="286342"/>
                  </a:cubicBezTo>
                  <a:cubicBezTo>
                    <a:pt x="1866160" y="286342"/>
                    <a:pt x="1867783" y="286342"/>
                    <a:pt x="1867783" y="286342"/>
                  </a:cubicBezTo>
                  <a:cubicBezTo>
                    <a:pt x="1869406" y="287965"/>
                    <a:pt x="1872652" y="289588"/>
                    <a:pt x="1872652" y="289588"/>
                  </a:cubicBezTo>
                  <a:cubicBezTo>
                    <a:pt x="1872652" y="289588"/>
                    <a:pt x="1872652" y="289588"/>
                    <a:pt x="1874275" y="296080"/>
                  </a:cubicBezTo>
                  <a:cubicBezTo>
                    <a:pt x="1874275" y="296080"/>
                    <a:pt x="1875898" y="296080"/>
                    <a:pt x="1875898" y="296080"/>
                  </a:cubicBezTo>
                  <a:cubicBezTo>
                    <a:pt x="1877522" y="297702"/>
                    <a:pt x="1880768" y="297702"/>
                    <a:pt x="1880768" y="297702"/>
                  </a:cubicBezTo>
                  <a:cubicBezTo>
                    <a:pt x="1880768" y="297702"/>
                    <a:pt x="1882391" y="296080"/>
                    <a:pt x="1884014" y="297702"/>
                  </a:cubicBezTo>
                  <a:cubicBezTo>
                    <a:pt x="1884014" y="297702"/>
                    <a:pt x="1884014" y="297702"/>
                    <a:pt x="1885637" y="297702"/>
                  </a:cubicBezTo>
                  <a:cubicBezTo>
                    <a:pt x="1887260" y="297702"/>
                    <a:pt x="1895376" y="297702"/>
                    <a:pt x="1895376" y="297702"/>
                  </a:cubicBezTo>
                  <a:cubicBezTo>
                    <a:pt x="1895376" y="297702"/>
                    <a:pt x="1895376" y="297702"/>
                    <a:pt x="1898622" y="299325"/>
                  </a:cubicBezTo>
                  <a:cubicBezTo>
                    <a:pt x="1898622" y="299325"/>
                    <a:pt x="1898622" y="299325"/>
                    <a:pt x="1901868" y="297702"/>
                  </a:cubicBezTo>
                  <a:cubicBezTo>
                    <a:pt x="1901868" y="297702"/>
                    <a:pt x="1901868" y="297702"/>
                    <a:pt x="1905114" y="297702"/>
                  </a:cubicBezTo>
                  <a:cubicBezTo>
                    <a:pt x="1905114" y="297702"/>
                    <a:pt x="1905114" y="297702"/>
                    <a:pt x="1906737" y="299325"/>
                  </a:cubicBezTo>
                  <a:cubicBezTo>
                    <a:pt x="1908360" y="299325"/>
                    <a:pt x="1909983" y="300948"/>
                    <a:pt x="1909983" y="302571"/>
                  </a:cubicBezTo>
                  <a:cubicBezTo>
                    <a:pt x="1908360" y="304194"/>
                    <a:pt x="1909983" y="304194"/>
                    <a:pt x="1911606" y="305817"/>
                  </a:cubicBezTo>
                  <a:cubicBezTo>
                    <a:pt x="1911606" y="305817"/>
                    <a:pt x="1911606" y="305817"/>
                    <a:pt x="1913230" y="305817"/>
                  </a:cubicBezTo>
                  <a:cubicBezTo>
                    <a:pt x="1914853" y="305817"/>
                    <a:pt x="1918099" y="307439"/>
                    <a:pt x="1918099" y="307439"/>
                  </a:cubicBezTo>
                  <a:cubicBezTo>
                    <a:pt x="1918099" y="307439"/>
                    <a:pt x="1918099" y="307439"/>
                    <a:pt x="1922968" y="318799"/>
                  </a:cubicBezTo>
                  <a:cubicBezTo>
                    <a:pt x="1922968" y="318799"/>
                    <a:pt x="1922968" y="318799"/>
                    <a:pt x="1922968" y="320422"/>
                  </a:cubicBezTo>
                  <a:cubicBezTo>
                    <a:pt x="1922968" y="320422"/>
                    <a:pt x="1922968" y="320422"/>
                    <a:pt x="1922968" y="322045"/>
                  </a:cubicBezTo>
                  <a:cubicBezTo>
                    <a:pt x="1921345" y="323668"/>
                    <a:pt x="1922968" y="323668"/>
                    <a:pt x="1921345" y="323668"/>
                  </a:cubicBezTo>
                  <a:cubicBezTo>
                    <a:pt x="1919722" y="325291"/>
                    <a:pt x="1918099" y="325291"/>
                    <a:pt x="1918099" y="326914"/>
                  </a:cubicBezTo>
                  <a:cubicBezTo>
                    <a:pt x="1916476" y="326914"/>
                    <a:pt x="1916476" y="328537"/>
                    <a:pt x="1916476" y="330159"/>
                  </a:cubicBezTo>
                  <a:cubicBezTo>
                    <a:pt x="1916476" y="331782"/>
                    <a:pt x="1916476" y="331782"/>
                    <a:pt x="1916476" y="333405"/>
                  </a:cubicBezTo>
                  <a:cubicBezTo>
                    <a:pt x="1914853" y="335028"/>
                    <a:pt x="1914853" y="336651"/>
                    <a:pt x="1914853" y="336651"/>
                  </a:cubicBezTo>
                  <a:cubicBezTo>
                    <a:pt x="1913230" y="338274"/>
                    <a:pt x="1913230" y="338274"/>
                    <a:pt x="1911606" y="338274"/>
                  </a:cubicBezTo>
                  <a:cubicBezTo>
                    <a:pt x="1909983" y="339896"/>
                    <a:pt x="1908360" y="339896"/>
                    <a:pt x="1908360" y="339896"/>
                  </a:cubicBezTo>
                  <a:cubicBezTo>
                    <a:pt x="1906737" y="338274"/>
                    <a:pt x="1905114" y="338274"/>
                    <a:pt x="1905114" y="338274"/>
                  </a:cubicBezTo>
                  <a:cubicBezTo>
                    <a:pt x="1903491" y="336651"/>
                    <a:pt x="1901868" y="336651"/>
                    <a:pt x="1901868" y="335028"/>
                  </a:cubicBezTo>
                  <a:cubicBezTo>
                    <a:pt x="1900245" y="335028"/>
                    <a:pt x="1900245" y="333405"/>
                    <a:pt x="1900245" y="333405"/>
                  </a:cubicBezTo>
                  <a:cubicBezTo>
                    <a:pt x="1898622" y="333405"/>
                    <a:pt x="1898622" y="333405"/>
                    <a:pt x="1898622" y="333405"/>
                  </a:cubicBezTo>
                  <a:cubicBezTo>
                    <a:pt x="1896999" y="333405"/>
                    <a:pt x="1895376" y="333405"/>
                    <a:pt x="1895376" y="335028"/>
                  </a:cubicBezTo>
                  <a:cubicBezTo>
                    <a:pt x="1893752" y="336651"/>
                    <a:pt x="1895376" y="338274"/>
                    <a:pt x="1895376" y="339896"/>
                  </a:cubicBezTo>
                  <a:cubicBezTo>
                    <a:pt x="1893752" y="339896"/>
                    <a:pt x="1895376" y="341519"/>
                    <a:pt x="1895376" y="341519"/>
                  </a:cubicBezTo>
                  <a:cubicBezTo>
                    <a:pt x="1895376" y="343142"/>
                    <a:pt x="1896999" y="343142"/>
                    <a:pt x="1896999" y="343142"/>
                  </a:cubicBezTo>
                  <a:cubicBezTo>
                    <a:pt x="1896999" y="343142"/>
                    <a:pt x="1896999" y="343142"/>
                    <a:pt x="1900245" y="344765"/>
                  </a:cubicBezTo>
                  <a:cubicBezTo>
                    <a:pt x="1901868" y="344765"/>
                    <a:pt x="1909983" y="348011"/>
                    <a:pt x="1909983" y="348011"/>
                  </a:cubicBezTo>
                  <a:cubicBezTo>
                    <a:pt x="1909983" y="348011"/>
                    <a:pt x="1909983" y="348011"/>
                    <a:pt x="1911606" y="351256"/>
                  </a:cubicBezTo>
                  <a:cubicBezTo>
                    <a:pt x="1911606" y="351256"/>
                    <a:pt x="1909983" y="351256"/>
                    <a:pt x="1908360" y="351256"/>
                  </a:cubicBezTo>
                  <a:cubicBezTo>
                    <a:pt x="1906737" y="352879"/>
                    <a:pt x="1908360" y="352879"/>
                    <a:pt x="1906737" y="354502"/>
                  </a:cubicBezTo>
                  <a:cubicBezTo>
                    <a:pt x="1905114" y="356125"/>
                    <a:pt x="1906737" y="356125"/>
                    <a:pt x="1906737" y="356125"/>
                  </a:cubicBezTo>
                  <a:cubicBezTo>
                    <a:pt x="1908360" y="357748"/>
                    <a:pt x="1909983" y="357748"/>
                    <a:pt x="1911606" y="357748"/>
                  </a:cubicBezTo>
                  <a:cubicBezTo>
                    <a:pt x="1911606" y="357748"/>
                    <a:pt x="1913230" y="356125"/>
                    <a:pt x="1913230" y="356125"/>
                  </a:cubicBezTo>
                  <a:cubicBezTo>
                    <a:pt x="1914853" y="356125"/>
                    <a:pt x="1914853" y="354502"/>
                    <a:pt x="1914853" y="356125"/>
                  </a:cubicBezTo>
                  <a:cubicBezTo>
                    <a:pt x="1916476" y="356125"/>
                    <a:pt x="1916476" y="354502"/>
                    <a:pt x="1916476" y="356125"/>
                  </a:cubicBezTo>
                  <a:cubicBezTo>
                    <a:pt x="1918099" y="357748"/>
                    <a:pt x="1916476" y="356125"/>
                    <a:pt x="1918099" y="357748"/>
                  </a:cubicBezTo>
                  <a:cubicBezTo>
                    <a:pt x="1919722" y="359371"/>
                    <a:pt x="1919722" y="359371"/>
                    <a:pt x="1919722" y="359371"/>
                  </a:cubicBezTo>
                  <a:cubicBezTo>
                    <a:pt x="1921345" y="357748"/>
                    <a:pt x="1922968" y="357748"/>
                    <a:pt x="1922968" y="357748"/>
                  </a:cubicBezTo>
                  <a:cubicBezTo>
                    <a:pt x="1924591" y="357748"/>
                    <a:pt x="1924591" y="357748"/>
                    <a:pt x="1926214" y="357748"/>
                  </a:cubicBezTo>
                  <a:cubicBezTo>
                    <a:pt x="1927837" y="357748"/>
                    <a:pt x="1929461" y="357748"/>
                    <a:pt x="1927837" y="359371"/>
                  </a:cubicBezTo>
                  <a:cubicBezTo>
                    <a:pt x="1927837" y="360994"/>
                    <a:pt x="1922968" y="364239"/>
                    <a:pt x="1922968" y="364239"/>
                  </a:cubicBezTo>
                  <a:cubicBezTo>
                    <a:pt x="1922968" y="364239"/>
                    <a:pt x="1918099" y="365862"/>
                    <a:pt x="1916476" y="367485"/>
                  </a:cubicBezTo>
                  <a:cubicBezTo>
                    <a:pt x="1914853" y="370731"/>
                    <a:pt x="1914853" y="370731"/>
                    <a:pt x="1913230" y="372353"/>
                  </a:cubicBezTo>
                  <a:cubicBezTo>
                    <a:pt x="1911606" y="372353"/>
                    <a:pt x="1911606" y="372353"/>
                    <a:pt x="1908360" y="372353"/>
                  </a:cubicBezTo>
                  <a:cubicBezTo>
                    <a:pt x="1906737" y="370731"/>
                    <a:pt x="1903491" y="372353"/>
                    <a:pt x="1903491" y="372353"/>
                  </a:cubicBezTo>
                  <a:cubicBezTo>
                    <a:pt x="1903491" y="372353"/>
                    <a:pt x="1903491" y="372353"/>
                    <a:pt x="1901868" y="372353"/>
                  </a:cubicBezTo>
                  <a:cubicBezTo>
                    <a:pt x="1901868" y="372353"/>
                    <a:pt x="1901868" y="372353"/>
                    <a:pt x="1898622" y="373976"/>
                  </a:cubicBezTo>
                  <a:cubicBezTo>
                    <a:pt x="1898622" y="373976"/>
                    <a:pt x="1895376" y="375599"/>
                    <a:pt x="1895376" y="375599"/>
                  </a:cubicBezTo>
                  <a:cubicBezTo>
                    <a:pt x="1893752" y="375599"/>
                    <a:pt x="1892129" y="375599"/>
                    <a:pt x="1890506" y="375599"/>
                  </a:cubicBezTo>
                  <a:cubicBezTo>
                    <a:pt x="1890506" y="375599"/>
                    <a:pt x="1888883" y="375599"/>
                    <a:pt x="1887260" y="375599"/>
                  </a:cubicBezTo>
                  <a:cubicBezTo>
                    <a:pt x="1885637" y="375599"/>
                    <a:pt x="1884014" y="378845"/>
                    <a:pt x="1882391" y="378845"/>
                  </a:cubicBezTo>
                  <a:cubicBezTo>
                    <a:pt x="1882391" y="378845"/>
                    <a:pt x="1880768" y="377222"/>
                    <a:pt x="1879145" y="377222"/>
                  </a:cubicBezTo>
                  <a:cubicBezTo>
                    <a:pt x="1879145" y="377222"/>
                    <a:pt x="1875898" y="373976"/>
                    <a:pt x="1875898" y="373976"/>
                  </a:cubicBezTo>
                  <a:cubicBezTo>
                    <a:pt x="1874275" y="373976"/>
                    <a:pt x="1871029" y="373976"/>
                    <a:pt x="1871029" y="373976"/>
                  </a:cubicBezTo>
                  <a:cubicBezTo>
                    <a:pt x="1871029" y="373976"/>
                    <a:pt x="1869406" y="372353"/>
                    <a:pt x="1867783" y="373976"/>
                  </a:cubicBezTo>
                  <a:cubicBezTo>
                    <a:pt x="1866160" y="373976"/>
                    <a:pt x="1864537" y="375599"/>
                    <a:pt x="1864537" y="375599"/>
                  </a:cubicBezTo>
                  <a:cubicBezTo>
                    <a:pt x="1864537" y="377222"/>
                    <a:pt x="1864537" y="378845"/>
                    <a:pt x="1864537" y="378845"/>
                  </a:cubicBezTo>
                  <a:cubicBezTo>
                    <a:pt x="1864537" y="378845"/>
                    <a:pt x="1866160" y="380468"/>
                    <a:pt x="1867783" y="380468"/>
                  </a:cubicBezTo>
                  <a:cubicBezTo>
                    <a:pt x="1869406" y="380468"/>
                    <a:pt x="1871029" y="378845"/>
                    <a:pt x="1871029" y="378845"/>
                  </a:cubicBezTo>
                  <a:cubicBezTo>
                    <a:pt x="1872652" y="378845"/>
                    <a:pt x="1871029" y="377222"/>
                    <a:pt x="1874275" y="378845"/>
                  </a:cubicBezTo>
                  <a:cubicBezTo>
                    <a:pt x="1875898" y="378845"/>
                    <a:pt x="1877522" y="378845"/>
                    <a:pt x="1877522" y="378845"/>
                  </a:cubicBezTo>
                  <a:cubicBezTo>
                    <a:pt x="1877522" y="378845"/>
                    <a:pt x="1877522" y="378845"/>
                    <a:pt x="1879145" y="380468"/>
                  </a:cubicBezTo>
                  <a:cubicBezTo>
                    <a:pt x="1880768" y="382091"/>
                    <a:pt x="1882391" y="382091"/>
                    <a:pt x="1884014" y="382091"/>
                  </a:cubicBezTo>
                  <a:cubicBezTo>
                    <a:pt x="1885637" y="383713"/>
                    <a:pt x="1884014" y="383713"/>
                    <a:pt x="1887260" y="382091"/>
                  </a:cubicBezTo>
                  <a:cubicBezTo>
                    <a:pt x="1892129" y="382091"/>
                    <a:pt x="1890506" y="378845"/>
                    <a:pt x="1892129" y="382091"/>
                  </a:cubicBezTo>
                  <a:cubicBezTo>
                    <a:pt x="1895376" y="383713"/>
                    <a:pt x="1896999" y="383713"/>
                    <a:pt x="1896999" y="383713"/>
                  </a:cubicBezTo>
                  <a:cubicBezTo>
                    <a:pt x="1896999" y="385336"/>
                    <a:pt x="1898622" y="383713"/>
                    <a:pt x="1898622" y="385336"/>
                  </a:cubicBezTo>
                  <a:cubicBezTo>
                    <a:pt x="1896999" y="388582"/>
                    <a:pt x="1895376" y="390205"/>
                    <a:pt x="1896999" y="391828"/>
                  </a:cubicBezTo>
                  <a:cubicBezTo>
                    <a:pt x="1896999" y="393451"/>
                    <a:pt x="1896999" y="393451"/>
                    <a:pt x="1896999" y="395073"/>
                  </a:cubicBezTo>
                  <a:cubicBezTo>
                    <a:pt x="1895376" y="396696"/>
                    <a:pt x="1892129" y="398319"/>
                    <a:pt x="1892129" y="398319"/>
                  </a:cubicBezTo>
                  <a:cubicBezTo>
                    <a:pt x="1892129" y="398319"/>
                    <a:pt x="1892129" y="396696"/>
                    <a:pt x="1890506" y="396696"/>
                  </a:cubicBezTo>
                  <a:cubicBezTo>
                    <a:pt x="1890506" y="396696"/>
                    <a:pt x="1887260" y="398319"/>
                    <a:pt x="1884014" y="398319"/>
                  </a:cubicBezTo>
                  <a:cubicBezTo>
                    <a:pt x="1880768" y="398319"/>
                    <a:pt x="1877522" y="399942"/>
                    <a:pt x="1877522" y="399942"/>
                  </a:cubicBezTo>
                  <a:cubicBezTo>
                    <a:pt x="1877522" y="399942"/>
                    <a:pt x="1877522" y="399942"/>
                    <a:pt x="1875898" y="401565"/>
                  </a:cubicBezTo>
                  <a:cubicBezTo>
                    <a:pt x="1874275" y="401565"/>
                    <a:pt x="1871029" y="403188"/>
                    <a:pt x="1869406" y="403188"/>
                  </a:cubicBezTo>
                  <a:cubicBezTo>
                    <a:pt x="1866160" y="404810"/>
                    <a:pt x="1862914" y="406433"/>
                    <a:pt x="1862914" y="406433"/>
                  </a:cubicBezTo>
                  <a:cubicBezTo>
                    <a:pt x="1861291" y="406433"/>
                    <a:pt x="1854798" y="406433"/>
                    <a:pt x="1853175" y="406433"/>
                  </a:cubicBezTo>
                  <a:cubicBezTo>
                    <a:pt x="1853175" y="406433"/>
                    <a:pt x="1851552" y="403188"/>
                    <a:pt x="1849929" y="403188"/>
                  </a:cubicBezTo>
                  <a:cubicBezTo>
                    <a:pt x="1846683" y="401565"/>
                    <a:pt x="1843437" y="401565"/>
                    <a:pt x="1841813" y="401565"/>
                  </a:cubicBezTo>
                  <a:cubicBezTo>
                    <a:pt x="1840190" y="401565"/>
                    <a:pt x="1838567" y="399942"/>
                    <a:pt x="1838567" y="399942"/>
                  </a:cubicBezTo>
                  <a:cubicBezTo>
                    <a:pt x="1836944" y="399942"/>
                    <a:pt x="1836944" y="398319"/>
                    <a:pt x="1835321" y="396696"/>
                  </a:cubicBezTo>
                  <a:cubicBezTo>
                    <a:pt x="1835321" y="396696"/>
                    <a:pt x="1835321" y="396696"/>
                    <a:pt x="1835321" y="393451"/>
                  </a:cubicBezTo>
                  <a:cubicBezTo>
                    <a:pt x="1835321" y="393451"/>
                    <a:pt x="1833698" y="390205"/>
                    <a:pt x="1835321" y="390205"/>
                  </a:cubicBezTo>
                  <a:cubicBezTo>
                    <a:pt x="1835321" y="390205"/>
                    <a:pt x="1838567" y="391828"/>
                    <a:pt x="1840190" y="390205"/>
                  </a:cubicBezTo>
                  <a:cubicBezTo>
                    <a:pt x="1841813" y="390205"/>
                    <a:pt x="1843437" y="386959"/>
                    <a:pt x="1845060" y="390205"/>
                  </a:cubicBezTo>
                  <a:cubicBezTo>
                    <a:pt x="1848306" y="393451"/>
                    <a:pt x="1849929" y="393451"/>
                    <a:pt x="1849929" y="393451"/>
                  </a:cubicBezTo>
                  <a:cubicBezTo>
                    <a:pt x="1851552" y="393451"/>
                    <a:pt x="1853175" y="393451"/>
                    <a:pt x="1854798" y="393451"/>
                  </a:cubicBezTo>
                  <a:cubicBezTo>
                    <a:pt x="1854798" y="393451"/>
                    <a:pt x="1851552" y="391828"/>
                    <a:pt x="1851552" y="391828"/>
                  </a:cubicBezTo>
                  <a:cubicBezTo>
                    <a:pt x="1849929" y="391828"/>
                    <a:pt x="1848306" y="388582"/>
                    <a:pt x="1848306" y="388582"/>
                  </a:cubicBezTo>
                  <a:cubicBezTo>
                    <a:pt x="1846683" y="388582"/>
                    <a:pt x="1845060" y="386959"/>
                    <a:pt x="1843437" y="386959"/>
                  </a:cubicBezTo>
                  <a:cubicBezTo>
                    <a:pt x="1843437" y="386959"/>
                    <a:pt x="1841813" y="386959"/>
                    <a:pt x="1840190" y="386959"/>
                  </a:cubicBezTo>
                  <a:cubicBezTo>
                    <a:pt x="1838567" y="388582"/>
                    <a:pt x="1833698" y="386959"/>
                    <a:pt x="1833698" y="386959"/>
                  </a:cubicBezTo>
                  <a:cubicBezTo>
                    <a:pt x="1833698" y="386959"/>
                    <a:pt x="1833698" y="386959"/>
                    <a:pt x="1830452" y="386959"/>
                  </a:cubicBezTo>
                  <a:cubicBezTo>
                    <a:pt x="1827206" y="388582"/>
                    <a:pt x="1825583" y="390205"/>
                    <a:pt x="1825583" y="390205"/>
                  </a:cubicBezTo>
                  <a:cubicBezTo>
                    <a:pt x="1823959" y="393451"/>
                    <a:pt x="1822336" y="393451"/>
                    <a:pt x="1822336" y="393451"/>
                  </a:cubicBezTo>
                  <a:cubicBezTo>
                    <a:pt x="1822336" y="393451"/>
                    <a:pt x="1819090" y="393451"/>
                    <a:pt x="1819090" y="393451"/>
                  </a:cubicBezTo>
                  <a:cubicBezTo>
                    <a:pt x="1819090" y="393451"/>
                    <a:pt x="1819090" y="393451"/>
                    <a:pt x="1815844" y="391828"/>
                  </a:cubicBezTo>
                  <a:cubicBezTo>
                    <a:pt x="1815844" y="391828"/>
                    <a:pt x="1815844" y="391828"/>
                    <a:pt x="1814221" y="391828"/>
                  </a:cubicBezTo>
                  <a:cubicBezTo>
                    <a:pt x="1814221" y="391828"/>
                    <a:pt x="1810975" y="393451"/>
                    <a:pt x="1810975" y="393451"/>
                  </a:cubicBezTo>
                  <a:cubicBezTo>
                    <a:pt x="1810975" y="396696"/>
                    <a:pt x="1812598" y="396696"/>
                    <a:pt x="1814221" y="396696"/>
                  </a:cubicBezTo>
                  <a:cubicBezTo>
                    <a:pt x="1814221" y="395073"/>
                    <a:pt x="1815844" y="395073"/>
                    <a:pt x="1819090" y="395073"/>
                  </a:cubicBezTo>
                  <a:cubicBezTo>
                    <a:pt x="1820713" y="393451"/>
                    <a:pt x="1822336" y="396696"/>
                    <a:pt x="1820713" y="396696"/>
                  </a:cubicBezTo>
                  <a:cubicBezTo>
                    <a:pt x="1819090" y="396696"/>
                    <a:pt x="1820713" y="398319"/>
                    <a:pt x="1822336" y="398319"/>
                  </a:cubicBezTo>
                  <a:cubicBezTo>
                    <a:pt x="1823959" y="396696"/>
                    <a:pt x="1827206" y="399942"/>
                    <a:pt x="1832075" y="399942"/>
                  </a:cubicBezTo>
                  <a:cubicBezTo>
                    <a:pt x="1836944" y="401565"/>
                    <a:pt x="1836944" y="401565"/>
                    <a:pt x="1838567" y="406433"/>
                  </a:cubicBezTo>
                  <a:cubicBezTo>
                    <a:pt x="1840190" y="409679"/>
                    <a:pt x="1835321" y="406433"/>
                    <a:pt x="1830452" y="406433"/>
                  </a:cubicBezTo>
                  <a:cubicBezTo>
                    <a:pt x="1825583" y="404810"/>
                    <a:pt x="1827206" y="403188"/>
                    <a:pt x="1823959" y="403188"/>
                  </a:cubicBezTo>
                  <a:cubicBezTo>
                    <a:pt x="1820713" y="403188"/>
                    <a:pt x="1819090" y="404810"/>
                    <a:pt x="1814221" y="403188"/>
                  </a:cubicBezTo>
                  <a:cubicBezTo>
                    <a:pt x="1809352" y="401565"/>
                    <a:pt x="1812598" y="401565"/>
                    <a:pt x="1812598" y="398319"/>
                  </a:cubicBezTo>
                  <a:cubicBezTo>
                    <a:pt x="1812598" y="398319"/>
                    <a:pt x="1812598" y="399942"/>
                    <a:pt x="1810975" y="399942"/>
                  </a:cubicBezTo>
                  <a:cubicBezTo>
                    <a:pt x="1810975" y="399942"/>
                    <a:pt x="1809352" y="398319"/>
                    <a:pt x="1807728" y="398319"/>
                  </a:cubicBezTo>
                  <a:cubicBezTo>
                    <a:pt x="1807728" y="399942"/>
                    <a:pt x="1806105" y="399942"/>
                    <a:pt x="1806105" y="399942"/>
                  </a:cubicBezTo>
                  <a:cubicBezTo>
                    <a:pt x="1804482" y="401565"/>
                    <a:pt x="1804482" y="401565"/>
                    <a:pt x="1804482" y="403188"/>
                  </a:cubicBezTo>
                  <a:cubicBezTo>
                    <a:pt x="1801236" y="404810"/>
                    <a:pt x="1797990" y="404810"/>
                    <a:pt x="1797990" y="404810"/>
                  </a:cubicBezTo>
                  <a:cubicBezTo>
                    <a:pt x="1796367" y="404810"/>
                    <a:pt x="1796367" y="403188"/>
                    <a:pt x="1794744" y="403188"/>
                  </a:cubicBezTo>
                  <a:cubicBezTo>
                    <a:pt x="1791498" y="403188"/>
                    <a:pt x="1791498" y="401565"/>
                    <a:pt x="1791498" y="403188"/>
                  </a:cubicBezTo>
                  <a:cubicBezTo>
                    <a:pt x="1789874" y="403188"/>
                    <a:pt x="1789874" y="401565"/>
                    <a:pt x="1788251" y="401565"/>
                  </a:cubicBezTo>
                  <a:cubicBezTo>
                    <a:pt x="1786628" y="403188"/>
                    <a:pt x="1786628" y="401565"/>
                    <a:pt x="1785005" y="401565"/>
                  </a:cubicBezTo>
                  <a:cubicBezTo>
                    <a:pt x="1783382" y="403188"/>
                    <a:pt x="1785005" y="399942"/>
                    <a:pt x="1783382" y="401565"/>
                  </a:cubicBezTo>
                  <a:cubicBezTo>
                    <a:pt x="1781759" y="401565"/>
                    <a:pt x="1783382" y="404810"/>
                    <a:pt x="1783382" y="404810"/>
                  </a:cubicBezTo>
                  <a:cubicBezTo>
                    <a:pt x="1785005" y="406433"/>
                    <a:pt x="1786628" y="406433"/>
                    <a:pt x="1786628" y="406433"/>
                  </a:cubicBezTo>
                  <a:cubicBezTo>
                    <a:pt x="1786628" y="406433"/>
                    <a:pt x="1791498" y="406433"/>
                    <a:pt x="1791498" y="406433"/>
                  </a:cubicBezTo>
                  <a:cubicBezTo>
                    <a:pt x="1793121" y="406433"/>
                    <a:pt x="1794744" y="406433"/>
                    <a:pt x="1796367" y="406433"/>
                  </a:cubicBezTo>
                  <a:cubicBezTo>
                    <a:pt x="1797990" y="406433"/>
                    <a:pt x="1802859" y="406433"/>
                    <a:pt x="1802859" y="406433"/>
                  </a:cubicBezTo>
                  <a:cubicBezTo>
                    <a:pt x="1802859" y="406433"/>
                    <a:pt x="1806105" y="408056"/>
                    <a:pt x="1807728" y="408056"/>
                  </a:cubicBezTo>
                  <a:cubicBezTo>
                    <a:pt x="1807728" y="409679"/>
                    <a:pt x="1809352" y="408056"/>
                    <a:pt x="1810975" y="409679"/>
                  </a:cubicBezTo>
                  <a:cubicBezTo>
                    <a:pt x="1810975" y="409679"/>
                    <a:pt x="1814221" y="408056"/>
                    <a:pt x="1814221" y="409679"/>
                  </a:cubicBezTo>
                  <a:cubicBezTo>
                    <a:pt x="1812598" y="412925"/>
                    <a:pt x="1814221" y="412925"/>
                    <a:pt x="1814221" y="414548"/>
                  </a:cubicBezTo>
                  <a:cubicBezTo>
                    <a:pt x="1814221" y="414548"/>
                    <a:pt x="1812598" y="414548"/>
                    <a:pt x="1810975" y="416170"/>
                  </a:cubicBezTo>
                  <a:cubicBezTo>
                    <a:pt x="1809352" y="417793"/>
                    <a:pt x="1814221" y="416170"/>
                    <a:pt x="1814221" y="417793"/>
                  </a:cubicBezTo>
                  <a:cubicBezTo>
                    <a:pt x="1815844" y="417793"/>
                    <a:pt x="1819090" y="419416"/>
                    <a:pt x="1817467" y="421039"/>
                  </a:cubicBezTo>
                  <a:cubicBezTo>
                    <a:pt x="1817467" y="421039"/>
                    <a:pt x="1817467" y="422662"/>
                    <a:pt x="1817467" y="422662"/>
                  </a:cubicBezTo>
                  <a:cubicBezTo>
                    <a:pt x="1817467" y="422662"/>
                    <a:pt x="1820713" y="425908"/>
                    <a:pt x="1820713" y="425908"/>
                  </a:cubicBezTo>
                  <a:cubicBezTo>
                    <a:pt x="1820713" y="427530"/>
                    <a:pt x="1819090" y="430776"/>
                    <a:pt x="1819090" y="430776"/>
                  </a:cubicBezTo>
                  <a:cubicBezTo>
                    <a:pt x="1819090" y="430776"/>
                    <a:pt x="1819090" y="430776"/>
                    <a:pt x="1820713" y="434022"/>
                  </a:cubicBezTo>
                  <a:cubicBezTo>
                    <a:pt x="1820713" y="434022"/>
                    <a:pt x="1820713" y="434022"/>
                    <a:pt x="1825583" y="434022"/>
                  </a:cubicBezTo>
                  <a:cubicBezTo>
                    <a:pt x="1825583" y="434022"/>
                    <a:pt x="1828829" y="435645"/>
                    <a:pt x="1830452" y="437267"/>
                  </a:cubicBezTo>
                  <a:cubicBezTo>
                    <a:pt x="1832075" y="437267"/>
                    <a:pt x="1835321" y="438890"/>
                    <a:pt x="1835321" y="438890"/>
                  </a:cubicBezTo>
                  <a:cubicBezTo>
                    <a:pt x="1835321" y="438890"/>
                    <a:pt x="1835321" y="438890"/>
                    <a:pt x="1840190" y="442136"/>
                  </a:cubicBezTo>
                  <a:cubicBezTo>
                    <a:pt x="1840190" y="442136"/>
                    <a:pt x="1840190" y="442136"/>
                    <a:pt x="1843437" y="443759"/>
                  </a:cubicBezTo>
                  <a:cubicBezTo>
                    <a:pt x="1843437" y="443759"/>
                    <a:pt x="1846683" y="443759"/>
                    <a:pt x="1846683" y="443759"/>
                  </a:cubicBezTo>
                  <a:cubicBezTo>
                    <a:pt x="1846683" y="445382"/>
                    <a:pt x="1849929" y="447005"/>
                    <a:pt x="1849929" y="448627"/>
                  </a:cubicBezTo>
                  <a:cubicBezTo>
                    <a:pt x="1849929" y="448627"/>
                    <a:pt x="1853175" y="450250"/>
                    <a:pt x="1853175" y="450250"/>
                  </a:cubicBezTo>
                  <a:cubicBezTo>
                    <a:pt x="1853175" y="450250"/>
                    <a:pt x="1854798" y="451873"/>
                    <a:pt x="1854798" y="453496"/>
                  </a:cubicBezTo>
                  <a:cubicBezTo>
                    <a:pt x="1854798" y="453496"/>
                    <a:pt x="1858044" y="453496"/>
                    <a:pt x="1858044" y="455119"/>
                  </a:cubicBezTo>
                  <a:cubicBezTo>
                    <a:pt x="1856421" y="456742"/>
                    <a:pt x="1858044" y="455119"/>
                    <a:pt x="1858044" y="456742"/>
                  </a:cubicBezTo>
                  <a:cubicBezTo>
                    <a:pt x="1856421" y="458365"/>
                    <a:pt x="1859667" y="456742"/>
                    <a:pt x="1859667" y="458365"/>
                  </a:cubicBezTo>
                  <a:cubicBezTo>
                    <a:pt x="1861291" y="459987"/>
                    <a:pt x="1862914" y="461610"/>
                    <a:pt x="1861291" y="463233"/>
                  </a:cubicBezTo>
                  <a:cubicBezTo>
                    <a:pt x="1859667" y="464856"/>
                    <a:pt x="1861291" y="466479"/>
                    <a:pt x="1861291" y="466479"/>
                  </a:cubicBezTo>
                  <a:cubicBezTo>
                    <a:pt x="1861291" y="466479"/>
                    <a:pt x="1861291" y="466479"/>
                    <a:pt x="1866160" y="463233"/>
                  </a:cubicBezTo>
                  <a:cubicBezTo>
                    <a:pt x="1869406" y="463233"/>
                    <a:pt x="1875898" y="468102"/>
                    <a:pt x="1875898" y="468102"/>
                  </a:cubicBezTo>
                  <a:cubicBezTo>
                    <a:pt x="1875898" y="468102"/>
                    <a:pt x="1877522" y="471347"/>
                    <a:pt x="1877522" y="471347"/>
                  </a:cubicBezTo>
                  <a:cubicBezTo>
                    <a:pt x="1877522" y="472970"/>
                    <a:pt x="1877522" y="474593"/>
                    <a:pt x="1877522" y="474593"/>
                  </a:cubicBezTo>
                  <a:cubicBezTo>
                    <a:pt x="1877522" y="474593"/>
                    <a:pt x="1877522" y="474593"/>
                    <a:pt x="1872652" y="477839"/>
                  </a:cubicBezTo>
                  <a:cubicBezTo>
                    <a:pt x="1872652" y="477839"/>
                    <a:pt x="1872652" y="477839"/>
                    <a:pt x="1871029" y="479462"/>
                  </a:cubicBezTo>
                  <a:cubicBezTo>
                    <a:pt x="1871029" y="479462"/>
                    <a:pt x="1867783" y="479462"/>
                    <a:pt x="1866160" y="479462"/>
                  </a:cubicBezTo>
                  <a:cubicBezTo>
                    <a:pt x="1866160" y="481085"/>
                    <a:pt x="1867783" y="481085"/>
                    <a:pt x="1867783" y="481085"/>
                  </a:cubicBezTo>
                  <a:cubicBezTo>
                    <a:pt x="1867783" y="482707"/>
                    <a:pt x="1872652" y="482707"/>
                    <a:pt x="1872652" y="482707"/>
                  </a:cubicBezTo>
                  <a:cubicBezTo>
                    <a:pt x="1872652" y="484330"/>
                    <a:pt x="1874275" y="484330"/>
                    <a:pt x="1874275" y="485953"/>
                  </a:cubicBezTo>
                  <a:cubicBezTo>
                    <a:pt x="1874275" y="487576"/>
                    <a:pt x="1874275" y="490822"/>
                    <a:pt x="1874275" y="490822"/>
                  </a:cubicBezTo>
                  <a:cubicBezTo>
                    <a:pt x="1872652" y="494067"/>
                    <a:pt x="1871029" y="494067"/>
                    <a:pt x="1869406" y="495690"/>
                  </a:cubicBezTo>
                  <a:cubicBezTo>
                    <a:pt x="1867783" y="497313"/>
                    <a:pt x="1864537" y="497313"/>
                    <a:pt x="1864537" y="497313"/>
                  </a:cubicBezTo>
                  <a:cubicBezTo>
                    <a:pt x="1864537" y="497313"/>
                    <a:pt x="1861291" y="495690"/>
                    <a:pt x="1859667" y="495690"/>
                  </a:cubicBezTo>
                  <a:cubicBezTo>
                    <a:pt x="1858044" y="495690"/>
                    <a:pt x="1859667" y="492445"/>
                    <a:pt x="1859667" y="492445"/>
                  </a:cubicBezTo>
                  <a:cubicBezTo>
                    <a:pt x="1859667" y="492445"/>
                    <a:pt x="1859667" y="492445"/>
                    <a:pt x="1858044" y="489199"/>
                  </a:cubicBezTo>
                  <a:cubicBezTo>
                    <a:pt x="1858044" y="489199"/>
                    <a:pt x="1856421" y="487576"/>
                    <a:pt x="1854798" y="489199"/>
                  </a:cubicBezTo>
                  <a:cubicBezTo>
                    <a:pt x="1854798" y="490822"/>
                    <a:pt x="1853175" y="489199"/>
                    <a:pt x="1854798" y="490822"/>
                  </a:cubicBezTo>
                  <a:cubicBezTo>
                    <a:pt x="1854798" y="494067"/>
                    <a:pt x="1854798" y="495690"/>
                    <a:pt x="1854798" y="495690"/>
                  </a:cubicBezTo>
                  <a:cubicBezTo>
                    <a:pt x="1854798" y="497313"/>
                    <a:pt x="1851552" y="497313"/>
                    <a:pt x="1851552" y="497313"/>
                  </a:cubicBezTo>
                  <a:cubicBezTo>
                    <a:pt x="1851552" y="497313"/>
                    <a:pt x="1849929" y="495690"/>
                    <a:pt x="1846683" y="495690"/>
                  </a:cubicBezTo>
                  <a:cubicBezTo>
                    <a:pt x="1843437" y="495690"/>
                    <a:pt x="1841813" y="494067"/>
                    <a:pt x="1840190" y="494067"/>
                  </a:cubicBezTo>
                  <a:cubicBezTo>
                    <a:pt x="1838567" y="492445"/>
                    <a:pt x="1838567" y="490822"/>
                    <a:pt x="1836944" y="490822"/>
                  </a:cubicBezTo>
                  <a:cubicBezTo>
                    <a:pt x="1833698" y="492445"/>
                    <a:pt x="1832075" y="492445"/>
                    <a:pt x="1830452" y="490822"/>
                  </a:cubicBezTo>
                  <a:cubicBezTo>
                    <a:pt x="1828829" y="490822"/>
                    <a:pt x="1828829" y="485953"/>
                    <a:pt x="1828829" y="485953"/>
                  </a:cubicBezTo>
                  <a:cubicBezTo>
                    <a:pt x="1828829" y="485953"/>
                    <a:pt x="1828829" y="485953"/>
                    <a:pt x="1828829" y="482707"/>
                  </a:cubicBezTo>
                  <a:cubicBezTo>
                    <a:pt x="1828829" y="482707"/>
                    <a:pt x="1827206" y="477839"/>
                    <a:pt x="1825583" y="476216"/>
                  </a:cubicBezTo>
                  <a:cubicBezTo>
                    <a:pt x="1822336" y="476216"/>
                    <a:pt x="1823959" y="474593"/>
                    <a:pt x="1822336" y="474593"/>
                  </a:cubicBezTo>
                  <a:cubicBezTo>
                    <a:pt x="1819090" y="474593"/>
                    <a:pt x="1817467" y="472970"/>
                    <a:pt x="1817467" y="472970"/>
                  </a:cubicBezTo>
                  <a:cubicBezTo>
                    <a:pt x="1814221" y="471347"/>
                    <a:pt x="1817467" y="469724"/>
                    <a:pt x="1810975" y="468102"/>
                  </a:cubicBezTo>
                  <a:cubicBezTo>
                    <a:pt x="1810975" y="468102"/>
                    <a:pt x="1806105" y="464856"/>
                    <a:pt x="1804482" y="464856"/>
                  </a:cubicBezTo>
                  <a:cubicBezTo>
                    <a:pt x="1804482" y="464856"/>
                    <a:pt x="1802859" y="463233"/>
                    <a:pt x="1801236" y="463233"/>
                  </a:cubicBezTo>
                  <a:cubicBezTo>
                    <a:pt x="1799613" y="463233"/>
                    <a:pt x="1797990" y="461610"/>
                    <a:pt x="1796367" y="461610"/>
                  </a:cubicBezTo>
                  <a:cubicBezTo>
                    <a:pt x="1794744" y="461610"/>
                    <a:pt x="1794744" y="459987"/>
                    <a:pt x="1793121" y="459987"/>
                  </a:cubicBezTo>
                  <a:cubicBezTo>
                    <a:pt x="1791498" y="459987"/>
                    <a:pt x="1789874" y="458365"/>
                    <a:pt x="1788251" y="458365"/>
                  </a:cubicBezTo>
                  <a:cubicBezTo>
                    <a:pt x="1788251" y="458365"/>
                    <a:pt x="1788251" y="458365"/>
                    <a:pt x="1785005" y="458365"/>
                  </a:cubicBezTo>
                  <a:cubicBezTo>
                    <a:pt x="1785005" y="458365"/>
                    <a:pt x="1781759" y="459987"/>
                    <a:pt x="1780136" y="458365"/>
                  </a:cubicBezTo>
                  <a:cubicBezTo>
                    <a:pt x="1778513" y="458365"/>
                    <a:pt x="1776890" y="459987"/>
                    <a:pt x="1776890" y="459987"/>
                  </a:cubicBezTo>
                  <a:cubicBezTo>
                    <a:pt x="1776890" y="459987"/>
                    <a:pt x="1776890" y="459987"/>
                    <a:pt x="1780136" y="461610"/>
                  </a:cubicBezTo>
                  <a:cubicBezTo>
                    <a:pt x="1780136" y="461610"/>
                    <a:pt x="1780136" y="461610"/>
                    <a:pt x="1785005" y="461610"/>
                  </a:cubicBezTo>
                  <a:cubicBezTo>
                    <a:pt x="1785005" y="461610"/>
                    <a:pt x="1785005" y="461610"/>
                    <a:pt x="1788251" y="461610"/>
                  </a:cubicBezTo>
                  <a:cubicBezTo>
                    <a:pt x="1788251" y="461610"/>
                    <a:pt x="1788251" y="461610"/>
                    <a:pt x="1793121" y="463233"/>
                  </a:cubicBezTo>
                  <a:cubicBezTo>
                    <a:pt x="1793121" y="463233"/>
                    <a:pt x="1806105" y="468102"/>
                    <a:pt x="1807728" y="468102"/>
                  </a:cubicBezTo>
                  <a:cubicBezTo>
                    <a:pt x="1807728" y="469724"/>
                    <a:pt x="1807728" y="471347"/>
                    <a:pt x="1807728" y="471347"/>
                  </a:cubicBezTo>
                  <a:cubicBezTo>
                    <a:pt x="1807728" y="472970"/>
                    <a:pt x="1807728" y="471347"/>
                    <a:pt x="1806105" y="472970"/>
                  </a:cubicBezTo>
                  <a:cubicBezTo>
                    <a:pt x="1802859" y="474593"/>
                    <a:pt x="1801236" y="474593"/>
                    <a:pt x="1801236" y="474593"/>
                  </a:cubicBezTo>
                  <a:cubicBezTo>
                    <a:pt x="1801236" y="474593"/>
                    <a:pt x="1794744" y="476216"/>
                    <a:pt x="1793121" y="477839"/>
                  </a:cubicBezTo>
                  <a:cubicBezTo>
                    <a:pt x="1791498" y="477839"/>
                    <a:pt x="1788251" y="477839"/>
                    <a:pt x="1786628" y="477839"/>
                  </a:cubicBezTo>
                  <a:cubicBezTo>
                    <a:pt x="1785005" y="479462"/>
                    <a:pt x="1791498" y="479462"/>
                    <a:pt x="1783382" y="479462"/>
                  </a:cubicBezTo>
                  <a:cubicBezTo>
                    <a:pt x="1775267" y="479462"/>
                    <a:pt x="1770397" y="479462"/>
                    <a:pt x="1767151" y="479462"/>
                  </a:cubicBezTo>
                  <a:cubicBezTo>
                    <a:pt x="1763905" y="481085"/>
                    <a:pt x="1762282" y="481085"/>
                    <a:pt x="1762282" y="482707"/>
                  </a:cubicBezTo>
                  <a:cubicBezTo>
                    <a:pt x="1762282" y="484330"/>
                    <a:pt x="1759036" y="487576"/>
                    <a:pt x="1759036" y="489199"/>
                  </a:cubicBezTo>
                  <a:cubicBezTo>
                    <a:pt x="1759036" y="489199"/>
                    <a:pt x="1757413" y="490822"/>
                    <a:pt x="1755789" y="490822"/>
                  </a:cubicBezTo>
                  <a:cubicBezTo>
                    <a:pt x="1755789" y="490822"/>
                    <a:pt x="1752543" y="492445"/>
                    <a:pt x="1750920" y="492445"/>
                  </a:cubicBezTo>
                  <a:cubicBezTo>
                    <a:pt x="1750920" y="494067"/>
                    <a:pt x="1749297" y="494067"/>
                    <a:pt x="1749297" y="495690"/>
                  </a:cubicBezTo>
                  <a:cubicBezTo>
                    <a:pt x="1747674" y="497313"/>
                    <a:pt x="1747674" y="497313"/>
                    <a:pt x="1750920" y="497313"/>
                  </a:cubicBezTo>
                  <a:cubicBezTo>
                    <a:pt x="1752543" y="495690"/>
                    <a:pt x="1754166" y="495690"/>
                    <a:pt x="1754166" y="495690"/>
                  </a:cubicBezTo>
                  <a:cubicBezTo>
                    <a:pt x="1754166" y="495690"/>
                    <a:pt x="1755789" y="495690"/>
                    <a:pt x="1757413" y="495690"/>
                  </a:cubicBezTo>
                  <a:cubicBezTo>
                    <a:pt x="1757413" y="497313"/>
                    <a:pt x="1757413" y="497313"/>
                    <a:pt x="1759036" y="498936"/>
                  </a:cubicBezTo>
                  <a:cubicBezTo>
                    <a:pt x="1760659" y="498936"/>
                    <a:pt x="1762282" y="497313"/>
                    <a:pt x="1762282" y="497313"/>
                  </a:cubicBezTo>
                  <a:cubicBezTo>
                    <a:pt x="1763905" y="497313"/>
                    <a:pt x="1765528" y="497313"/>
                    <a:pt x="1765528" y="497313"/>
                  </a:cubicBezTo>
                  <a:cubicBezTo>
                    <a:pt x="1765528" y="497313"/>
                    <a:pt x="1759036" y="495690"/>
                    <a:pt x="1762282" y="494067"/>
                  </a:cubicBezTo>
                  <a:cubicBezTo>
                    <a:pt x="1763905" y="494067"/>
                    <a:pt x="1767151" y="490822"/>
                    <a:pt x="1768774" y="489199"/>
                  </a:cubicBezTo>
                  <a:cubicBezTo>
                    <a:pt x="1770397" y="487576"/>
                    <a:pt x="1768774" y="487576"/>
                    <a:pt x="1772020" y="485953"/>
                  </a:cubicBezTo>
                  <a:cubicBezTo>
                    <a:pt x="1773643" y="485953"/>
                    <a:pt x="1776890" y="484330"/>
                    <a:pt x="1776890" y="482707"/>
                  </a:cubicBezTo>
                  <a:cubicBezTo>
                    <a:pt x="1776890" y="482707"/>
                    <a:pt x="1775267" y="482707"/>
                    <a:pt x="1778513" y="482707"/>
                  </a:cubicBezTo>
                  <a:cubicBezTo>
                    <a:pt x="1780136" y="482707"/>
                    <a:pt x="1789874" y="481085"/>
                    <a:pt x="1789874" y="479462"/>
                  </a:cubicBezTo>
                  <a:cubicBezTo>
                    <a:pt x="1791498" y="479462"/>
                    <a:pt x="1789874" y="479462"/>
                    <a:pt x="1794744" y="479462"/>
                  </a:cubicBezTo>
                  <a:cubicBezTo>
                    <a:pt x="1801236" y="479462"/>
                    <a:pt x="1804482" y="479462"/>
                    <a:pt x="1804482" y="479462"/>
                  </a:cubicBezTo>
                  <a:cubicBezTo>
                    <a:pt x="1806105" y="479462"/>
                    <a:pt x="1807728" y="482707"/>
                    <a:pt x="1809352" y="484330"/>
                  </a:cubicBezTo>
                  <a:cubicBezTo>
                    <a:pt x="1809352" y="484330"/>
                    <a:pt x="1812598" y="484330"/>
                    <a:pt x="1809352" y="487576"/>
                  </a:cubicBezTo>
                  <a:cubicBezTo>
                    <a:pt x="1806105" y="489199"/>
                    <a:pt x="1807728" y="489199"/>
                    <a:pt x="1806105" y="490822"/>
                  </a:cubicBezTo>
                  <a:cubicBezTo>
                    <a:pt x="1802859" y="490822"/>
                    <a:pt x="1796367" y="494067"/>
                    <a:pt x="1796367" y="494067"/>
                  </a:cubicBezTo>
                  <a:cubicBezTo>
                    <a:pt x="1796367" y="494067"/>
                    <a:pt x="1796367" y="494067"/>
                    <a:pt x="1791498" y="494067"/>
                  </a:cubicBezTo>
                  <a:cubicBezTo>
                    <a:pt x="1791498" y="494067"/>
                    <a:pt x="1791498" y="495690"/>
                    <a:pt x="1789874" y="497313"/>
                  </a:cubicBezTo>
                  <a:cubicBezTo>
                    <a:pt x="1788251" y="500559"/>
                    <a:pt x="1788251" y="502182"/>
                    <a:pt x="1785005" y="502182"/>
                  </a:cubicBezTo>
                  <a:cubicBezTo>
                    <a:pt x="1783382" y="502182"/>
                    <a:pt x="1781759" y="500559"/>
                    <a:pt x="1780136" y="502182"/>
                  </a:cubicBezTo>
                  <a:cubicBezTo>
                    <a:pt x="1778513" y="502182"/>
                    <a:pt x="1775267" y="502182"/>
                    <a:pt x="1775267" y="503804"/>
                  </a:cubicBezTo>
                  <a:cubicBezTo>
                    <a:pt x="1773643" y="503804"/>
                    <a:pt x="1773643" y="503804"/>
                    <a:pt x="1773643" y="505427"/>
                  </a:cubicBezTo>
                  <a:cubicBezTo>
                    <a:pt x="1772020" y="508673"/>
                    <a:pt x="1770397" y="505427"/>
                    <a:pt x="1767151" y="507050"/>
                  </a:cubicBezTo>
                  <a:cubicBezTo>
                    <a:pt x="1765528" y="508673"/>
                    <a:pt x="1762282" y="507050"/>
                    <a:pt x="1762282" y="508673"/>
                  </a:cubicBezTo>
                  <a:cubicBezTo>
                    <a:pt x="1760659" y="508673"/>
                    <a:pt x="1760659" y="507050"/>
                    <a:pt x="1759036" y="507050"/>
                  </a:cubicBezTo>
                  <a:cubicBezTo>
                    <a:pt x="1755789" y="508673"/>
                    <a:pt x="1754166" y="507050"/>
                    <a:pt x="1755789" y="508673"/>
                  </a:cubicBezTo>
                  <a:cubicBezTo>
                    <a:pt x="1757413" y="508673"/>
                    <a:pt x="1759036" y="510296"/>
                    <a:pt x="1762282" y="510296"/>
                  </a:cubicBezTo>
                  <a:cubicBezTo>
                    <a:pt x="1765528" y="510296"/>
                    <a:pt x="1765528" y="508673"/>
                    <a:pt x="1767151" y="510296"/>
                  </a:cubicBezTo>
                  <a:cubicBezTo>
                    <a:pt x="1768774" y="510296"/>
                    <a:pt x="1775267" y="508673"/>
                    <a:pt x="1775267" y="508673"/>
                  </a:cubicBezTo>
                  <a:cubicBezTo>
                    <a:pt x="1775267" y="508673"/>
                    <a:pt x="1776890" y="507050"/>
                    <a:pt x="1778513" y="505427"/>
                  </a:cubicBezTo>
                  <a:cubicBezTo>
                    <a:pt x="1778513" y="505427"/>
                    <a:pt x="1778513" y="503804"/>
                    <a:pt x="1780136" y="503804"/>
                  </a:cubicBezTo>
                  <a:cubicBezTo>
                    <a:pt x="1781759" y="505427"/>
                    <a:pt x="1785005" y="503804"/>
                    <a:pt x="1785005" y="503804"/>
                  </a:cubicBezTo>
                  <a:cubicBezTo>
                    <a:pt x="1786628" y="505427"/>
                    <a:pt x="1789874" y="503804"/>
                    <a:pt x="1789874" y="503804"/>
                  </a:cubicBezTo>
                  <a:cubicBezTo>
                    <a:pt x="1791498" y="503804"/>
                    <a:pt x="1802859" y="500559"/>
                    <a:pt x="1802859" y="500559"/>
                  </a:cubicBezTo>
                  <a:cubicBezTo>
                    <a:pt x="1802859" y="500559"/>
                    <a:pt x="1802859" y="500559"/>
                    <a:pt x="1806105" y="498936"/>
                  </a:cubicBezTo>
                  <a:cubicBezTo>
                    <a:pt x="1806105" y="498936"/>
                    <a:pt x="1806105" y="498936"/>
                    <a:pt x="1810975" y="498936"/>
                  </a:cubicBezTo>
                  <a:cubicBezTo>
                    <a:pt x="1812598" y="498936"/>
                    <a:pt x="1815844" y="500559"/>
                    <a:pt x="1815844" y="500559"/>
                  </a:cubicBezTo>
                  <a:cubicBezTo>
                    <a:pt x="1817467" y="502182"/>
                    <a:pt x="1820713" y="502182"/>
                    <a:pt x="1822336" y="502182"/>
                  </a:cubicBezTo>
                  <a:cubicBezTo>
                    <a:pt x="1823959" y="502182"/>
                    <a:pt x="1823959" y="502182"/>
                    <a:pt x="1827206" y="502182"/>
                  </a:cubicBezTo>
                  <a:cubicBezTo>
                    <a:pt x="1830452" y="502182"/>
                    <a:pt x="1832075" y="502182"/>
                    <a:pt x="1833698" y="503804"/>
                  </a:cubicBezTo>
                  <a:cubicBezTo>
                    <a:pt x="1835321" y="503804"/>
                    <a:pt x="1838567" y="508673"/>
                    <a:pt x="1840190" y="508673"/>
                  </a:cubicBezTo>
                  <a:cubicBezTo>
                    <a:pt x="1841813" y="508673"/>
                    <a:pt x="1845060" y="508673"/>
                    <a:pt x="1845060" y="508673"/>
                  </a:cubicBezTo>
                  <a:cubicBezTo>
                    <a:pt x="1846683" y="508673"/>
                    <a:pt x="1851552" y="507050"/>
                    <a:pt x="1853175" y="507050"/>
                  </a:cubicBezTo>
                  <a:cubicBezTo>
                    <a:pt x="1854798" y="507050"/>
                    <a:pt x="1856421" y="505427"/>
                    <a:pt x="1859667" y="505427"/>
                  </a:cubicBezTo>
                  <a:cubicBezTo>
                    <a:pt x="1862914" y="507050"/>
                    <a:pt x="1862914" y="503804"/>
                    <a:pt x="1862914" y="507050"/>
                  </a:cubicBezTo>
                  <a:cubicBezTo>
                    <a:pt x="1864537" y="508673"/>
                    <a:pt x="1862914" y="508673"/>
                    <a:pt x="1864537" y="510296"/>
                  </a:cubicBezTo>
                  <a:cubicBezTo>
                    <a:pt x="1864537" y="510296"/>
                    <a:pt x="1859667" y="513542"/>
                    <a:pt x="1858044" y="513542"/>
                  </a:cubicBezTo>
                  <a:cubicBezTo>
                    <a:pt x="1854798" y="515164"/>
                    <a:pt x="1849929" y="515164"/>
                    <a:pt x="1849929" y="516787"/>
                  </a:cubicBezTo>
                  <a:cubicBezTo>
                    <a:pt x="1848306" y="518410"/>
                    <a:pt x="1845060" y="518410"/>
                    <a:pt x="1843437" y="520033"/>
                  </a:cubicBezTo>
                  <a:cubicBezTo>
                    <a:pt x="1843437" y="521656"/>
                    <a:pt x="1840190" y="518410"/>
                    <a:pt x="1838567" y="520033"/>
                  </a:cubicBezTo>
                  <a:cubicBezTo>
                    <a:pt x="1838567" y="521656"/>
                    <a:pt x="1822336" y="531393"/>
                    <a:pt x="1820713" y="533016"/>
                  </a:cubicBezTo>
                  <a:cubicBezTo>
                    <a:pt x="1820713" y="534639"/>
                    <a:pt x="1817467" y="534639"/>
                    <a:pt x="1817467" y="536262"/>
                  </a:cubicBezTo>
                  <a:cubicBezTo>
                    <a:pt x="1815844" y="539507"/>
                    <a:pt x="1812598" y="541130"/>
                    <a:pt x="1810975" y="541130"/>
                  </a:cubicBezTo>
                  <a:cubicBezTo>
                    <a:pt x="1809352" y="542753"/>
                    <a:pt x="1809352" y="537884"/>
                    <a:pt x="1806105" y="542753"/>
                  </a:cubicBezTo>
                  <a:cubicBezTo>
                    <a:pt x="1801236" y="547621"/>
                    <a:pt x="1802859" y="544376"/>
                    <a:pt x="1799613" y="545999"/>
                  </a:cubicBezTo>
                  <a:cubicBezTo>
                    <a:pt x="1797990" y="549244"/>
                    <a:pt x="1799613" y="547621"/>
                    <a:pt x="1797990" y="549244"/>
                  </a:cubicBezTo>
                  <a:cubicBezTo>
                    <a:pt x="1796367" y="549244"/>
                    <a:pt x="1794744" y="549244"/>
                    <a:pt x="1794744" y="549244"/>
                  </a:cubicBezTo>
                  <a:cubicBezTo>
                    <a:pt x="1794744" y="550867"/>
                    <a:pt x="1793121" y="549244"/>
                    <a:pt x="1791498" y="550867"/>
                  </a:cubicBezTo>
                  <a:cubicBezTo>
                    <a:pt x="1788251" y="552490"/>
                    <a:pt x="1788251" y="552490"/>
                    <a:pt x="1786628" y="552490"/>
                  </a:cubicBezTo>
                  <a:cubicBezTo>
                    <a:pt x="1783382" y="550867"/>
                    <a:pt x="1781759" y="550867"/>
                    <a:pt x="1780136" y="552490"/>
                  </a:cubicBezTo>
                  <a:cubicBezTo>
                    <a:pt x="1778513" y="554113"/>
                    <a:pt x="1776890" y="554113"/>
                    <a:pt x="1775267" y="554113"/>
                  </a:cubicBezTo>
                  <a:cubicBezTo>
                    <a:pt x="1775267" y="555736"/>
                    <a:pt x="1763905" y="558981"/>
                    <a:pt x="1763905" y="558981"/>
                  </a:cubicBezTo>
                  <a:cubicBezTo>
                    <a:pt x="1762282" y="558981"/>
                    <a:pt x="1762282" y="557359"/>
                    <a:pt x="1760659" y="558981"/>
                  </a:cubicBezTo>
                  <a:cubicBezTo>
                    <a:pt x="1759036" y="558981"/>
                    <a:pt x="1759036" y="557359"/>
                    <a:pt x="1755789" y="558981"/>
                  </a:cubicBezTo>
                  <a:cubicBezTo>
                    <a:pt x="1752543" y="562227"/>
                    <a:pt x="1749297" y="560604"/>
                    <a:pt x="1747674" y="562227"/>
                  </a:cubicBezTo>
                  <a:cubicBezTo>
                    <a:pt x="1746051" y="563850"/>
                    <a:pt x="1741182" y="560604"/>
                    <a:pt x="1739559" y="562227"/>
                  </a:cubicBezTo>
                  <a:cubicBezTo>
                    <a:pt x="1737935" y="563850"/>
                    <a:pt x="1734689" y="565473"/>
                    <a:pt x="1733066" y="567096"/>
                  </a:cubicBezTo>
                  <a:cubicBezTo>
                    <a:pt x="1733066" y="567096"/>
                    <a:pt x="1733066" y="567096"/>
                    <a:pt x="1731443" y="565473"/>
                  </a:cubicBezTo>
                  <a:cubicBezTo>
                    <a:pt x="1731443" y="565473"/>
                    <a:pt x="1726574" y="560604"/>
                    <a:pt x="1726574" y="562227"/>
                  </a:cubicBezTo>
                  <a:cubicBezTo>
                    <a:pt x="1724951" y="562227"/>
                    <a:pt x="1723328" y="562227"/>
                    <a:pt x="1723328" y="563850"/>
                  </a:cubicBezTo>
                  <a:cubicBezTo>
                    <a:pt x="1723328" y="563850"/>
                    <a:pt x="1723328" y="565473"/>
                    <a:pt x="1723328" y="565473"/>
                  </a:cubicBezTo>
                  <a:cubicBezTo>
                    <a:pt x="1724951" y="565473"/>
                    <a:pt x="1726574" y="565473"/>
                    <a:pt x="1726574" y="565473"/>
                  </a:cubicBezTo>
                  <a:cubicBezTo>
                    <a:pt x="1728197" y="565473"/>
                    <a:pt x="1726574" y="567096"/>
                    <a:pt x="1726574" y="568719"/>
                  </a:cubicBezTo>
                  <a:cubicBezTo>
                    <a:pt x="1724951" y="568719"/>
                    <a:pt x="1720081" y="570341"/>
                    <a:pt x="1720081" y="570341"/>
                  </a:cubicBezTo>
                  <a:cubicBezTo>
                    <a:pt x="1718458" y="570341"/>
                    <a:pt x="1716835" y="567096"/>
                    <a:pt x="1715212" y="567096"/>
                  </a:cubicBezTo>
                  <a:cubicBezTo>
                    <a:pt x="1713589" y="567096"/>
                    <a:pt x="1711966" y="565473"/>
                    <a:pt x="1711966" y="567096"/>
                  </a:cubicBezTo>
                  <a:cubicBezTo>
                    <a:pt x="1711966" y="568719"/>
                    <a:pt x="1711966" y="570341"/>
                    <a:pt x="1710343" y="570341"/>
                  </a:cubicBezTo>
                  <a:cubicBezTo>
                    <a:pt x="1708720" y="570341"/>
                    <a:pt x="1702227" y="571964"/>
                    <a:pt x="1702227" y="571964"/>
                  </a:cubicBezTo>
                  <a:cubicBezTo>
                    <a:pt x="1700604" y="570341"/>
                    <a:pt x="1700604" y="567096"/>
                    <a:pt x="1697358" y="567096"/>
                  </a:cubicBezTo>
                  <a:cubicBezTo>
                    <a:pt x="1692489" y="565473"/>
                    <a:pt x="1692489" y="563850"/>
                    <a:pt x="1690866" y="563850"/>
                  </a:cubicBezTo>
                  <a:cubicBezTo>
                    <a:pt x="1689243" y="563850"/>
                    <a:pt x="1687620" y="558981"/>
                    <a:pt x="1685996" y="558981"/>
                  </a:cubicBezTo>
                  <a:cubicBezTo>
                    <a:pt x="1684373" y="558981"/>
                    <a:pt x="1681127" y="557359"/>
                    <a:pt x="1682750" y="560604"/>
                  </a:cubicBezTo>
                  <a:cubicBezTo>
                    <a:pt x="1682750" y="562227"/>
                    <a:pt x="1682750" y="563850"/>
                    <a:pt x="1684373" y="563850"/>
                  </a:cubicBezTo>
                  <a:cubicBezTo>
                    <a:pt x="1685996" y="565473"/>
                    <a:pt x="1685996" y="568719"/>
                    <a:pt x="1685996" y="568719"/>
                  </a:cubicBezTo>
                  <a:cubicBezTo>
                    <a:pt x="1687620" y="570341"/>
                    <a:pt x="1690866" y="570341"/>
                    <a:pt x="1689243" y="573587"/>
                  </a:cubicBezTo>
                  <a:cubicBezTo>
                    <a:pt x="1687620" y="575210"/>
                    <a:pt x="1689243" y="575210"/>
                    <a:pt x="1687620" y="576833"/>
                  </a:cubicBezTo>
                  <a:cubicBezTo>
                    <a:pt x="1685996" y="576833"/>
                    <a:pt x="1682750" y="576833"/>
                    <a:pt x="1681127" y="576833"/>
                  </a:cubicBezTo>
                  <a:cubicBezTo>
                    <a:pt x="1681127" y="578456"/>
                    <a:pt x="1676258" y="578456"/>
                    <a:pt x="1676258" y="580078"/>
                  </a:cubicBezTo>
                  <a:cubicBezTo>
                    <a:pt x="1674635" y="581701"/>
                    <a:pt x="1671389" y="583324"/>
                    <a:pt x="1671389" y="583324"/>
                  </a:cubicBezTo>
                  <a:cubicBezTo>
                    <a:pt x="1671389" y="583324"/>
                    <a:pt x="1668142" y="584947"/>
                    <a:pt x="1668142" y="586570"/>
                  </a:cubicBezTo>
                  <a:cubicBezTo>
                    <a:pt x="1666519" y="588193"/>
                    <a:pt x="1664896" y="586570"/>
                    <a:pt x="1663273" y="588193"/>
                  </a:cubicBezTo>
                  <a:cubicBezTo>
                    <a:pt x="1663273" y="591438"/>
                    <a:pt x="1661650" y="593061"/>
                    <a:pt x="1661650" y="594684"/>
                  </a:cubicBezTo>
                  <a:cubicBezTo>
                    <a:pt x="1661650" y="596307"/>
                    <a:pt x="1661650" y="597930"/>
                    <a:pt x="1661650" y="599553"/>
                  </a:cubicBezTo>
                  <a:cubicBezTo>
                    <a:pt x="1660027" y="599553"/>
                    <a:pt x="1658404" y="601176"/>
                    <a:pt x="1656781" y="602798"/>
                  </a:cubicBezTo>
                  <a:cubicBezTo>
                    <a:pt x="1655158" y="604421"/>
                    <a:pt x="1653535" y="604421"/>
                    <a:pt x="1653535" y="606044"/>
                  </a:cubicBezTo>
                  <a:cubicBezTo>
                    <a:pt x="1653535" y="606044"/>
                    <a:pt x="1653535" y="604421"/>
                    <a:pt x="1651911" y="607667"/>
                  </a:cubicBezTo>
                  <a:cubicBezTo>
                    <a:pt x="1651911" y="610913"/>
                    <a:pt x="1650288" y="610913"/>
                    <a:pt x="1650288" y="612535"/>
                  </a:cubicBezTo>
                  <a:cubicBezTo>
                    <a:pt x="1650288" y="614158"/>
                    <a:pt x="1647042" y="615781"/>
                    <a:pt x="1647042" y="615781"/>
                  </a:cubicBezTo>
                  <a:cubicBezTo>
                    <a:pt x="1645419" y="614158"/>
                    <a:pt x="1643796" y="612535"/>
                    <a:pt x="1643796" y="612535"/>
                  </a:cubicBezTo>
                  <a:cubicBezTo>
                    <a:pt x="1642173" y="614158"/>
                    <a:pt x="1643796" y="619027"/>
                    <a:pt x="1643796" y="620650"/>
                  </a:cubicBezTo>
                  <a:cubicBezTo>
                    <a:pt x="1642173" y="622273"/>
                    <a:pt x="1643796" y="622273"/>
                    <a:pt x="1642173" y="623895"/>
                  </a:cubicBezTo>
                  <a:cubicBezTo>
                    <a:pt x="1640550" y="625518"/>
                    <a:pt x="1634057" y="625518"/>
                    <a:pt x="1634057" y="625518"/>
                  </a:cubicBezTo>
                  <a:cubicBezTo>
                    <a:pt x="1632434" y="627141"/>
                    <a:pt x="1630811" y="627141"/>
                    <a:pt x="1629188" y="625518"/>
                  </a:cubicBezTo>
                  <a:cubicBezTo>
                    <a:pt x="1627565" y="625518"/>
                    <a:pt x="1627565" y="623895"/>
                    <a:pt x="1625942" y="625518"/>
                  </a:cubicBezTo>
                  <a:cubicBezTo>
                    <a:pt x="1622696" y="625518"/>
                    <a:pt x="1622696" y="627141"/>
                    <a:pt x="1622696" y="628764"/>
                  </a:cubicBezTo>
                  <a:cubicBezTo>
                    <a:pt x="1621073" y="628764"/>
                    <a:pt x="1621073" y="630387"/>
                    <a:pt x="1619450" y="630387"/>
                  </a:cubicBezTo>
                  <a:cubicBezTo>
                    <a:pt x="1619450" y="632010"/>
                    <a:pt x="1617826" y="630387"/>
                    <a:pt x="1616203" y="632010"/>
                  </a:cubicBezTo>
                  <a:cubicBezTo>
                    <a:pt x="1616203" y="633633"/>
                    <a:pt x="1617826" y="635255"/>
                    <a:pt x="1616203" y="635255"/>
                  </a:cubicBezTo>
                  <a:cubicBezTo>
                    <a:pt x="1614580" y="635255"/>
                    <a:pt x="1609711" y="632010"/>
                    <a:pt x="1609711" y="632010"/>
                  </a:cubicBezTo>
                  <a:cubicBezTo>
                    <a:pt x="1609711" y="632010"/>
                    <a:pt x="1609711" y="630387"/>
                    <a:pt x="1609711" y="630387"/>
                  </a:cubicBezTo>
                  <a:cubicBezTo>
                    <a:pt x="1608088" y="632010"/>
                    <a:pt x="1604842" y="632010"/>
                    <a:pt x="1604842" y="633633"/>
                  </a:cubicBezTo>
                  <a:cubicBezTo>
                    <a:pt x="1604842" y="635255"/>
                    <a:pt x="1604842" y="633633"/>
                    <a:pt x="1604842" y="635255"/>
                  </a:cubicBezTo>
                  <a:cubicBezTo>
                    <a:pt x="1604842" y="636878"/>
                    <a:pt x="1606465" y="638501"/>
                    <a:pt x="1604842" y="638501"/>
                  </a:cubicBezTo>
                  <a:cubicBezTo>
                    <a:pt x="1603219" y="638501"/>
                    <a:pt x="1599972" y="635255"/>
                    <a:pt x="1599972" y="635255"/>
                  </a:cubicBezTo>
                  <a:cubicBezTo>
                    <a:pt x="1598349" y="635255"/>
                    <a:pt x="1596726" y="635255"/>
                    <a:pt x="1596726" y="636878"/>
                  </a:cubicBezTo>
                  <a:cubicBezTo>
                    <a:pt x="1596726" y="636878"/>
                    <a:pt x="1596726" y="636878"/>
                    <a:pt x="1595103" y="638501"/>
                  </a:cubicBezTo>
                  <a:cubicBezTo>
                    <a:pt x="1593480" y="640124"/>
                    <a:pt x="1593480" y="638501"/>
                    <a:pt x="1593480" y="638501"/>
                  </a:cubicBezTo>
                  <a:cubicBezTo>
                    <a:pt x="1591857" y="638501"/>
                    <a:pt x="1590234" y="635255"/>
                    <a:pt x="1590234" y="635255"/>
                  </a:cubicBezTo>
                  <a:cubicBezTo>
                    <a:pt x="1588611" y="638501"/>
                    <a:pt x="1588611" y="636878"/>
                    <a:pt x="1588611" y="640124"/>
                  </a:cubicBezTo>
                  <a:cubicBezTo>
                    <a:pt x="1588611" y="641747"/>
                    <a:pt x="1588611" y="641747"/>
                    <a:pt x="1588611" y="643370"/>
                  </a:cubicBezTo>
                  <a:cubicBezTo>
                    <a:pt x="1586988" y="644992"/>
                    <a:pt x="1583741" y="644992"/>
                    <a:pt x="1582118" y="644992"/>
                  </a:cubicBezTo>
                  <a:cubicBezTo>
                    <a:pt x="1582118" y="643370"/>
                    <a:pt x="1580495" y="638501"/>
                    <a:pt x="1580495" y="638501"/>
                  </a:cubicBezTo>
                  <a:cubicBezTo>
                    <a:pt x="1582118" y="638501"/>
                    <a:pt x="1583741" y="636878"/>
                    <a:pt x="1583741" y="635255"/>
                  </a:cubicBezTo>
                  <a:cubicBezTo>
                    <a:pt x="1585365" y="635255"/>
                    <a:pt x="1586988" y="633633"/>
                    <a:pt x="1586988" y="632010"/>
                  </a:cubicBezTo>
                  <a:cubicBezTo>
                    <a:pt x="1586988" y="632010"/>
                    <a:pt x="1586988" y="628764"/>
                    <a:pt x="1586988" y="628764"/>
                  </a:cubicBezTo>
                  <a:cubicBezTo>
                    <a:pt x="1586988" y="628764"/>
                    <a:pt x="1588611" y="628764"/>
                    <a:pt x="1590234" y="627141"/>
                  </a:cubicBezTo>
                  <a:cubicBezTo>
                    <a:pt x="1590234" y="625518"/>
                    <a:pt x="1591857" y="625518"/>
                    <a:pt x="1590234" y="625518"/>
                  </a:cubicBezTo>
                  <a:cubicBezTo>
                    <a:pt x="1590234" y="623895"/>
                    <a:pt x="1586988" y="623895"/>
                    <a:pt x="1586988" y="623895"/>
                  </a:cubicBezTo>
                  <a:cubicBezTo>
                    <a:pt x="1586988" y="623895"/>
                    <a:pt x="1585365" y="623895"/>
                    <a:pt x="1585365" y="623895"/>
                  </a:cubicBezTo>
                  <a:cubicBezTo>
                    <a:pt x="1585365" y="625518"/>
                    <a:pt x="1583741" y="625518"/>
                    <a:pt x="1583741" y="627141"/>
                  </a:cubicBezTo>
                  <a:cubicBezTo>
                    <a:pt x="1583741" y="628764"/>
                    <a:pt x="1582118" y="628764"/>
                    <a:pt x="1583741" y="630387"/>
                  </a:cubicBezTo>
                  <a:cubicBezTo>
                    <a:pt x="1583741" y="630387"/>
                    <a:pt x="1582118" y="632010"/>
                    <a:pt x="1582118" y="633633"/>
                  </a:cubicBezTo>
                  <a:cubicBezTo>
                    <a:pt x="1580495" y="636878"/>
                    <a:pt x="1580495" y="633633"/>
                    <a:pt x="1578872" y="635255"/>
                  </a:cubicBezTo>
                  <a:cubicBezTo>
                    <a:pt x="1578872" y="636878"/>
                    <a:pt x="1578872" y="633633"/>
                    <a:pt x="1577249" y="636878"/>
                  </a:cubicBezTo>
                  <a:cubicBezTo>
                    <a:pt x="1577249" y="640124"/>
                    <a:pt x="1575626" y="641747"/>
                    <a:pt x="1574003" y="643370"/>
                  </a:cubicBezTo>
                  <a:cubicBezTo>
                    <a:pt x="1570757" y="644992"/>
                    <a:pt x="1567511" y="644992"/>
                    <a:pt x="1564264" y="644992"/>
                  </a:cubicBezTo>
                  <a:cubicBezTo>
                    <a:pt x="1562641" y="644992"/>
                    <a:pt x="1559395" y="646615"/>
                    <a:pt x="1557772" y="644992"/>
                  </a:cubicBezTo>
                  <a:cubicBezTo>
                    <a:pt x="1557772" y="644992"/>
                    <a:pt x="1552903" y="644992"/>
                    <a:pt x="1552903" y="644992"/>
                  </a:cubicBezTo>
                  <a:cubicBezTo>
                    <a:pt x="1551280" y="644992"/>
                    <a:pt x="1551280" y="641747"/>
                    <a:pt x="1548033" y="644992"/>
                  </a:cubicBezTo>
                  <a:cubicBezTo>
                    <a:pt x="1544787" y="648238"/>
                    <a:pt x="1544787" y="648238"/>
                    <a:pt x="1546410" y="649861"/>
                  </a:cubicBezTo>
                  <a:cubicBezTo>
                    <a:pt x="1548033" y="651484"/>
                    <a:pt x="1548033" y="649861"/>
                    <a:pt x="1549656" y="651484"/>
                  </a:cubicBezTo>
                  <a:cubicBezTo>
                    <a:pt x="1551280" y="651484"/>
                    <a:pt x="1552903" y="651484"/>
                    <a:pt x="1552903" y="651484"/>
                  </a:cubicBezTo>
                  <a:cubicBezTo>
                    <a:pt x="1552903" y="653107"/>
                    <a:pt x="1552903" y="653107"/>
                    <a:pt x="1552903" y="654730"/>
                  </a:cubicBezTo>
                  <a:cubicBezTo>
                    <a:pt x="1551280" y="656352"/>
                    <a:pt x="1549656" y="653107"/>
                    <a:pt x="1548033" y="654730"/>
                  </a:cubicBezTo>
                  <a:cubicBezTo>
                    <a:pt x="1546410" y="657975"/>
                    <a:pt x="1548033" y="656352"/>
                    <a:pt x="1546410" y="657975"/>
                  </a:cubicBezTo>
                  <a:cubicBezTo>
                    <a:pt x="1544787" y="661221"/>
                    <a:pt x="1543164" y="659598"/>
                    <a:pt x="1541541" y="661221"/>
                  </a:cubicBezTo>
                  <a:cubicBezTo>
                    <a:pt x="1539918" y="662844"/>
                    <a:pt x="1538295" y="659598"/>
                    <a:pt x="1536672" y="659598"/>
                  </a:cubicBezTo>
                  <a:cubicBezTo>
                    <a:pt x="1535049" y="659598"/>
                    <a:pt x="1533426" y="656352"/>
                    <a:pt x="1533426" y="657975"/>
                  </a:cubicBezTo>
                  <a:cubicBezTo>
                    <a:pt x="1531802" y="661221"/>
                    <a:pt x="1526933" y="656352"/>
                    <a:pt x="1526933" y="659598"/>
                  </a:cubicBezTo>
                  <a:cubicBezTo>
                    <a:pt x="1526933" y="662844"/>
                    <a:pt x="1526933" y="664467"/>
                    <a:pt x="1528556" y="664467"/>
                  </a:cubicBezTo>
                  <a:cubicBezTo>
                    <a:pt x="1528556" y="664467"/>
                    <a:pt x="1530179" y="666090"/>
                    <a:pt x="1531802" y="666090"/>
                  </a:cubicBezTo>
                  <a:cubicBezTo>
                    <a:pt x="1535049" y="666090"/>
                    <a:pt x="1536672" y="664467"/>
                    <a:pt x="1538295" y="666090"/>
                  </a:cubicBezTo>
                  <a:cubicBezTo>
                    <a:pt x="1538295" y="669335"/>
                    <a:pt x="1538295" y="667712"/>
                    <a:pt x="1539918" y="670958"/>
                  </a:cubicBezTo>
                  <a:cubicBezTo>
                    <a:pt x="1539918" y="674204"/>
                    <a:pt x="1543164" y="674204"/>
                    <a:pt x="1541541" y="675827"/>
                  </a:cubicBezTo>
                  <a:cubicBezTo>
                    <a:pt x="1541541" y="677449"/>
                    <a:pt x="1541541" y="679072"/>
                    <a:pt x="1538295" y="680695"/>
                  </a:cubicBezTo>
                  <a:cubicBezTo>
                    <a:pt x="1536672" y="682318"/>
                    <a:pt x="1533426" y="680695"/>
                    <a:pt x="1531802" y="680695"/>
                  </a:cubicBezTo>
                  <a:cubicBezTo>
                    <a:pt x="1531802" y="680695"/>
                    <a:pt x="1535049" y="677449"/>
                    <a:pt x="1526933" y="680695"/>
                  </a:cubicBezTo>
                  <a:cubicBezTo>
                    <a:pt x="1520441" y="683941"/>
                    <a:pt x="1520441" y="682318"/>
                    <a:pt x="1522064" y="683941"/>
                  </a:cubicBezTo>
                  <a:cubicBezTo>
                    <a:pt x="1522064" y="683941"/>
                    <a:pt x="1525310" y="683941"/>
                    <a:pt x="1525310" y="683941"/>
                  </a:cubicBezTo>
                  <a:cubicBezTo>
                    <a:pt x="1525310" y="683941"/>
                    <a:pt x="1531802" y="683941"/>
                    <a:pt x="1533426" y="685564"/>
                  </a:cubicBezTo>
                  <a:cubicBezTo>
                    <a:pt x="1535049" y="687187"/>
                    <a:pt x="1535049" y="687187"/>
                    <a:pt x="1535049" y="688809"/>
                  </a:cubicBezTo>
                  <a:cubicBezTo>
                    <a:pt x="1536672" y="688809"/>
                    <a:pt x="1536672" y="688809"/>
                    <a:pt x="1536672" y="692055"/>
                  </a:cubicBezTo>
                  <a:cubicBezTo>
                    <a:pt x="1536672" y="693678"/>
                    <a:pt x="1533426" y="698547"/>
                    <a:pt x="1533426" y="698547"/>
                  </a:cubicBezTo>
                  <a:cubicBezTo>
                    <a:pt x="1533426" y="698547"/>
                    <a:pt x="1533426" y="698547"/>
                    <a:pt x="1531802" y="701792"/>
                  </a:cubicBezTo>
                  <a:cubicBezTo>
                    <a:pt x="1531802" y="701792"/>
                    <a:pt x="1530179" y="695301"/>
                    <a:pt x="1528556" y="698547"/>
                  </a:cubicBezTo>
                  <a:cubicBezTo>
                    <a:pt x="1525310" y="701792"/>
                    <a:pt x="1522064" y="698547"/>
                    <a:pt x="1522064" y="700169"/>
                  </a:cubicBezTo>
                  <a:cubicBezTo>
                    <a:pt x="1522064" y="701792"/>
                    <a:pt x="1523687" y="703415"/>
                    <a:pt x="1523687" y="703415"/>
                  </a:cubicBezTo>
                  <a:cubicBezTo>
                    <a:pt x="1523687" y="703415"/>
                    <a:pt x="1526933" y="703415"/>
                    <a:pt x="1526933" y="705038"/>
                  </a:cubicBezTo>
                  <a:cubicBezTo>
                    <a:pt x="1526933" y="706661"/>
                    <a:pt x="1528556" y="706661"/>
                    <a:pt x="1526933" y="708284"/>
                  </a:cubicBezTo>
                  <a:cubicBezTo>
                    <a:pt x="1525310" y="708284"/>
                    <a:pt x="1523687" y="709906"/>
                    <a:pt x="1522064" y="711529"/>
                  </a:cubicBezTo>
                  <a:cubicBezTo>
                    <a:pt x="1520441" y="713152"/>
                    <a:pt x="1520441" y="713152"/>
                    <a:pt x="1518818" y="714775"/>
                  </a:cubicBezTo>
                  <a:cubicBezTo>
                    <a:pt x="1518818" y="714775"/>
                    <a:pt x="1517195" y="714775"/>
                    <a:pt x="1515572" y="716398"/>
                  </a:cubicBezTo>
                  <a:cubicBezTo>
                    <a:pt x="1515572" y="718021"/>
                    <a:pt x="1517195" y="714775"/>
                    <a:pt x="1515572" y="719644"/>
                  </a:cubicBezTo>
                  <a:cubicBezTo>
                    <a:pt x="1513948" y="724512"/>
                    <a:pt x="1510702" y="724512"/>
                    <a:pt x="1510702" y="724512"/>
                  </a:cubicBezTo>
                  <a:cubicBezTo>
                    <a:pt x="1509079" y="724512"/>
                    <a:pt x="1504210" y="724512"/>
                    <a:pt x="1504210" y="724512"/>
                  </a:cubicBezTo>
                  <a:cubicBezTo>
                    <a:pt x="1504210" y="724512"/>
                    <a:pt x="1504210" y="722889"/>
                    <a:pt x="1502587" y="722889"/>
                  </a:cubicBezTo>
                  <a:cubicBezTo>
                    <a:pt x="1499341" y="722889"/>
                    <a:pt x="1499341" y="722889"/>
                    <a:pt x="1497717" y="724512"/>
                  </a:cubicBezTo>
                  <a:cubicBezTo>
                    <a:pt x="1494471" y="727758"/>
                    <a:pt x="1494471" y="726135"/>
                    <a:pt x="1494471" y="727758"/>
                  </a:cubicBezTo>
                  <a:cubicBezTo>
                    <a:pt x="1494471" y="729381"/>
                    <a:pt x="1497717" y="729381"/>
                    <a:pt x="1499341" y="731004"/>
                  </a:cubicBezTo>
                  <a:cubicBezTo>
                    <a:pt x="1502587" y="732626"/>
                    <a:pt x="1502587" y="731004"/>
                    <a:pt x="1502587" y="732626"/>
                  </a:cubicBezTo>
                  <a:cubicBezTo>
                    <a:pt x="1504210" y="734249"/>
                    <a:pt x="1505833" y="735872"/>
                    <a:pt x="1505833" y="735872"/>
                  </a:cubicBezTo>
                  <a:cubicBezTo>
                    <a:pt x="1505833" y="737495"/>
                    <a:pt x="1507456" y="740741"/>
                    <a:pt x="1505833" y="740741"/>
                  </a:cubicBezTo>
                  <a:cubicBezTo>
                    <a:pt x="1505833" y="742363"/>
                    <a:pt x="1505833" y="742363"/>
                    <a:pt x="1505833" y="743986"/>
                  </a:cubicBezTo>
                  <a:cubicBezTo>
                    <a:pt x="1505833" y="743986"/>
                    <a:pt x="1505833" y="748855"/>
                    <a:pt x="1505833" y="748855"/>
                  </a:cubicBezTo>
                  <a:cubicBezTo>
                    <a:pt x="1505833" y="748855"/>
                    <a:pt x="1504210" y="753723"/>
                    <a:pt x="1502587" y="753723"/>
                  </a:cubicBezTo>
                  <a:cubicBezTo>
                    <a:pt x="1502587" y="755346"/>
                    <a:pt x="1500964" y="755346"/>
                    <a:pt x="1500964" y="755346"/>
                  </a:cubicBezTo>
                  <a:cubicBezTo>
                    <a:pt x="1499341" y="756969"/>
                    <a:pt x="1497717" y="755346"/>
                    <a:pt x="1497717" y="756969"/>
                  </a:cubicBezTo>
                  <a:cubicBezTo>
                    <a:pt x="1499341" y="758592"/>
                    <a:pt x="1500964" y="758592"/>
                    <a:pt x="1500964" y="761838"/>
                  </a:cubicBezTo>
                  <a:cubicBezTo>
                    <a:pt x="1502587" y="763461"/>
                    <a:pt x="1500964" y="763461"/>
                    <a:pt x="1499341" y="765083"/>
                  </a:cubicBezTo>
                  <a:cubicBezTo>
                    <a:pt x="1499341" y="766706"/>
                    <a:pt x="1497717" y="765083"/>
                    <a:pt x="1496094" y="766706"/>
                  </a:cubicBezTo>
                  <a:cubicBezTo>
                    <a:pt x="1496094" y="766706"/>
                    <a:pt x="1496094" y="768329"/>
                    <a:pt x="1496094" y="771575"/>
                  </a:cubicBezTo>
                  <a:cubicBezTo>
                    <a:pt x="1496094" y="774820"/>
                    <a:pt x="1497717" y="774820"/>
                    <a:pt x="1497717" y="776443"/>
                  </a:cubicBezTo>
                  <a:cubicBezTo>
                    <a:pt x="1496094" y="779689"/>
                    <a:pt x="1497717" y="776443"/>
                    <a:pt x="1494471" y="779689"/>
                  </a:cubicBezTo>
                  <a:cubicBezTo>
                    <a:pt x="1491225" y="781312"/>
                    <a:pt x="1491225" y="779689"/>
                    <a:pt x="1491225" y="782935"/>
                  </a:cubicBezTo>
                  <a:cubicBezTo>
                    <a:pt x="1491225" y="784558"/>
                    <a:pt x="1492848" y="781312"/>
                    <a:pt x="1491225" y="784558"/>
                  </a:cubicBezTo>
                  <a:cubicBezTo>
                    <a:pt x="1489602" y="786180"/>
                    <a:pt x="1486356" y="784558"/>
                    <a:pt x="1483110" y="786180"/>
                  </a:cubicBezTo>
                  <a:cubicBezTo>
                    <a:pt x="1481487" y="786180"/>
                    <a:pt x="1478240" y="784558"/>
                    <a:pt x="1479863" y="786180"/>
                  </a:cubicBezTo>
                  <a:cubicBezTo>
                    <a:pt x="1481487" y="789426"/>
                    <a:pt x="1483110" y="789426"/>
                    <a:pt x="1484733" y="789426"/>
                  </a:cubicBezTo>
                  <a:cubicBezTo>
                    <a:pt x="1486356" y="791049"/>
                    <a:pt x="1487979" y="789426"/>
                    <a:pt x="1487979" y="792672"/>
                  </a:cubicBezTo>
                  <a:cubicBezTo>
                    <a:pt x="1487979" y="794295"/>
                    <a:pt x="1486356" y="795918"/>
                    <a:pt x="1484733" y="795918"/>
                  </a:cubicBezTo>
                  <a:cubicBezTo>
                    <a:pt x="1484733" y="797540"/>
                    <a:pt x="1483110" y="794295"/>
                    <a:pt x="1481487" y="795918"/>
                  </a:cubicBezTo>
                  <a:cubicBezTo>
                    <a:pt x="1479863" y="795918"/>
                    <a:pt x="1478240" y="795918"/>
                    <a:pt x="1479863" y="797540"/>
                  </a:cubicBezTo>
                  <a:cubicBezTo>
                    <a:pt x="1479863" y="800786"/>
                    <a:pt x="1476617" y="800786"/>
                    <a:pt x="1476617" y="800786"/>
                  </a:cubicBezTo>
                  <a:cubicBezTo>
                    <a:pt x="1476617" y="800786"/>
                    <a:pt x="1476617" y="800786"/>
                    <a:pt x="1474994" y="795918"/>
                  </a:cubicBezTo>
                  <a:cubicBezTo>
                    <a:pt x="1474994" y="795918"/>
                    <a:pt x="1474994" y="795918"/>
                    <a:pt x="1470125" y="795918"/>
                  </a:cubicBezTo>
                  <a:cubicBezTo>
                    <a:pt x="1470125" y="795918"/>
                    <a:pt x="1470125" y="792672"/>
                    <a:pt x="1468502" y="794295"/>
                  </a:cubicBezTo>
                  <a:cubicBezTo>
                    <a:pt x="1466879" y="794295"/>
                    <a:pt x="1463633" y="795918"/>
                    <a:pt x="1462009" y="797540"/>
                  </a:cubicBezTo>
                  <a:cubicBezTo>
                    <a:pt x="1460386" y="797540"/>
                    <a:pt x="1458763" y="795918"/>
                    <a:pt x="1458763" y="794295"/>
                  </a:cubicBezTo>
                  <a:cubicBezTo>
                    <a:pt x="1458763" y="792672"/>
                    <a:pt x="1458763" y="791049"/>
                    <a:pt x="1460386" y="791049"/>
                  </a:cubicBezTo>
                  <a:cubicBezTo>
                    <a:pt x="1460386" y="791049"/>
                    <a:pt x="1462009" y="787803"/>
                    <a:pt x="1460386" y="787803"/>
                  </a:cubicBezTo>
                  <a:cubicBezTo>
                    <a:pt x="1458763" y="787803"/>
                    <a:pt x="1457140" y="789426"/>
                    <a:pt x="1455517" y="787803"/>
                  </a:cubicBezTo>
                  <a:cubicBezTo>
                    <a:pt x="1455517" y="786180"/>
                    <a:pt x="1455517" y="782935"/>
                    <a:pt x="1455517" y="782935"/>
                  </a:cubicBezTo>
                  <a:cubicBezTo>
                    <a:pt x="1455517" y="782935"/>
                    <a:pt x="1452271" y="784558"/>
                    <a:pt x="1450648" y="784558"/>
                  </a:cubicBezTo>
                  <a:cubicBezTo>
                    <a:pt x="1449025" y="784558"/>
                    <a:pt x="1444155" y="784558"/>
                    <a:pt x="1444155" y="782935"/>
                  </a:cubicBezTo>
                  <a:cubicBezTo>
                    <a:pt x="1444155" y="781312"/>
                    <a:pt x="1445778" y="779689"/>
                    <a:pt x="1445778" y="778066"/>
                  </a:cubicBezTo>
                  <a:cubicBezTo>
                    <a:pt x="1445778" y="778066"/>
                    <a:pt x="1445778" y="778066"/>
                    <a:pt x="1449025" y="776443"/>
                  </a:cubicBezTo>
                  <a:cubicBezTo>
                    <a:pt x="1449025" y="776443"/>
                    <a:pt x="1449025" y="776443"/>
                    <a:pt x="1450648" y="773198"/>
                  </a:cubicBezTo>
                  <a:cubicBezTo>
                    <a:pt x="1450648" y="773198"/>
                    <a:pt x="1450648" y="773198"/>
                    <a:pt x="1450648" y="768329"/>
                  </a:cubicBezTo>
                  <a:cubicBezTo>
                    <a:pt x="1450648" y="768329"/>
                    <a:pt x="1450648" y="768329"/>
                    <a:pt x="1444155" y="771575"/>
                  </a:cubicBezTo>
                  <a:cubicBezTo>
                    <a:pt x="1444155" y="771575"/>
                    <a:pt x="1444155" y="771575"/>
                    <a:pt x="1440909" y="769952"/>
                  </a:cubicBezTo>
                  <a:cubicBezTo>
                    <a:pt x="1440909" y="769952"/>
                    <a:pt x="1440909" y="768329"/>
                    <a:pt x="1440909" y="768329"/>
                  </a:cubicBezTo>
                  <a:cubicBezTo>
                    <a:pt x="1440909" y="766706"/>
                    <a:pt x="1440909" y="763461"/>
                    <a:pt x="1439286" y="766706"/>
                  </a:cubicBezTo>
                  <a:cubicBezTo>
                    <a:pt x="1437663" y="769952"/>
                    <a:pt x="1437663" y="769952"/>
                    <a:pt x="1437663" y="771575"/>
                  </a:cubicBezTo>
                  <a:cubicBezTo>
                    <a:pt x="1437663" y="773198"/>
                    <a:pt x="1432794" y="773198"/>
                    <a:pt x="1432794" y="773198"/>
                  </a:cubicBezTo>
                  <a:cubicBezTo>
                    <a:pt x="1431171" y="773198"/>
                    <a:pt x="1429548" y="774820"/>
                    <a:pt x="1429548" y="774820"/>
                  </a:cubicBezTo>
                  <a:cubicBezTo>
                    <a:pt x="1429548" y="776443"/>
                    <a:pt x="1426301" y="778066"/>
                    <a:pt x="1424678" y="778066"/>
                  </a:cubicBezTo>
                  <a:cubicBezTo>
                    <a:pt x="1423055" y="778066"/>
                    <a:pt x="1419809" y="778066"/>
                    <a:pt x="1418186" y="778066"/>
                  </a:cubicBezTo>
                  <a:cubicBezTo>
                    <a:pt x="1418186" y="776443"/>
                    <a:pt x="1419809" y="774820"/>
                    <a:pt x="1418186" y="774820"/>
                  </a:cubicBezTo>
                  <a:cubicBezTo>
                    <a:pt x="1416563" y="774820"/>
                    <a:pt x="1414940" y="774820"/>
                    <a:pt x="1414940" y="774820"/>
                  </a:cubicBezTo>
                  <a:cubicBezTo>
                    <a:pt x="1413317" y="776443"/>
                    <a:pt x="1413317" y="778066"/>
                    <a:pt x="1411694" y="779689"/>
                  </a:cubicBezTo>
                  <a:cubicBezTo>
                    <a:pt x="1410070" y="779689"/>
                    <a:pt x="1411694" y="779689"/>
                    <a:pt x="1408447" y="779689"/>
                  </a:cubicBezTo>
                  <a:cubicBezTo>
                    <a:pt x="1406824" y="781312"/>
                    <a:pt x="1408447" y="781312"/>
                    <a:pt x="1405201" y="781312"/>
                  </a:cubicBezTo>
                  <a:cubicBezTo>
                    <a:pt x="1401955" y="779689"/>
                    <a:pt x="1401955" y="779689"/>
                    <a:pt x="1401955" y="779689"/>
                  </a:cubicBezTo>
                  <a:cubicBezTo>
                    <a:pt x="1401955" y="779689"/>
                    <a:pt x="1401955" y="779689"/>
                    <a:pt x="1400332" y="771575"/>
                  </a:cubicBezTo>
                  <a:cubicBezTo>
                    <a:pt x="1400332" y="771575"/>
                    <a:pt x="1400332" y="771575"/>
                    <a:pt x="1403578" y="769952"/>
                  </a:cubicBezTo>
                  <a:cubicBezTo>
                    <a:pt x="1403578" y="769952"/>
                    <a:pt x="1403578" y="769952"/>
                    <a:pt x="1405201" y="768329"/>
                  </a:cubicBezTo>
                  <a:cubicBezTo>
                    <a:pt x="1405201" y="768329"/>
                    <a:pt x="1405201" y="768329"/>
                    <a:pt x="1403578" y="768329"/>
                  </a:cubicBezTo>
                  <a:cubicBezTo>
                    <a:pt x="1403578" y="768329"/>
                    <a:pt x="1403578" y="768329"/>
                    <a:pt x="1401955" y="768329"/>
                  </a:cubicBezTo>
                  <a:cubicBezTo>
                    <a:pt x="1401955" y="768329"/>
                    <a:pt x="1401955" y="768329"/>
                    <a:pt x="1401955" y="765083"/>
                  </a:cubicBezTo>
                  <a:cubicBezTo>
                    <a:pt x="1401955" y="765083"/>
                    <a:pt x="1401955" y="765083"/>
                    <a:pt x="1400332" y="763461"/>
                  </a:cubicBezTo>
                  <a:cubicBezTo>
                    <a:pt x="1400332" y="763461"/>
                    <a:pt x="1400332" y="763461"/>
                    <a:pt x="1400332" y="765083"/>
                  </a:cubicBezTo>
                  <a:cubicBezTo>
                    <a:pt x="1400332" y="765083"/>
                    <a:pt x="1400332" y="765083"/>
                    <a:pt x="1397086" y="766706"/>
                  </a:cubicBezTo>
                  <a:cubicBezTo>
                    <a:pt x="1397086" y="766706"/>
                    <a:pt x="1397086" y="766706"/>
                    <a:pt x="1395463" y="766706"/>
                  </a:cubicBezTo>
                  <a:cubicBezTo>
                    <a:pt x="1395463" y="766706"/>
                    <a:pt x="1393839" y="766706"/>
                    <a:pt x="1393839" y="766706"/>
                  </a:cubicBezTo>
                  <a:cubicBezTo>
                    <a:pt x="1393839" y="766706"/>
                    <a:pt x="1392216" y="765083"/>
                    <a:pt x="1392216" y="765083"/>
                  </a:cubicBezTo>
                  <a:cubicBezTo>
                    <a:pt x="1392216" y="765083"/>
                    <a:pt x="1392216" y="763461"/>
                    <a:pt x="1392216" y="763461"/>
                  </a:cubicBezTo>
                  <a:cubicBezTo>
                    <a:pt x="1392216" y="763461"/>
                    <a:pt x="1392216" y="763461"/>
                    <a:pt x="1393839" y="761838"/>
                  </a:cubicBezTo>
                  <a:cubicBezTo>
                    <a:pt x="1393839" y="761838"/>
                    <a:pt x="1393839" y="761838"/>
                    <a:pt x="1393839" y="760215"/>
                  </a:cubicBezTo>
                  <a:cubicBezTo>
                    <a:pt x="1392216" y="760215"/>
                    <a:pt x="1392216" y="758592"/>
                    <a:pt x="1392216" y="758592"/>
                  </a:cubicBezTo>
                  <a:cubicBezTo>
                    <a:pt x="1390593" y="758592"/>
                    <a:pt x="1388970" y="756969"/>
                    <a:pt x="1388970" y="756969"/>
                  </a:cubicBezTo>
                  <a:cubicBezTo>
                    <a:pt x="1388970" y="756969"/>
                    <a:pt x="1388970" y="756969"/>
                    <a:pt x="1387347" y="756969"/>
                  </a:cubicBezTo>
                  <a:cubicBezTo>
                    <a:pt x="1387347" y="756969"/>
                    <a:pt x="1385724" y="756969"/>
                    <a:pt x="1385724" y="756969"/>
                  </a:cubicBezTo>
                  <a:cubicBezTo>
                    <a:pt x="1385724" y="755346"/>
                    <a:pt x="1385724" y="755346"/>
                    <a:pt x="1385724" y="753723"/>
                  </a:cubicBezTo>
                  <a:cubicBezTo>
                    <a:pt x="1385724" y="753723"/>
                    <a:pt x="1385724" y="753723"/>
                    <a:pt x="1385724" y="752101"/>
                  </a:cubicBezTo>
                  <a:cubicBezTo>
                    <a:pt x="1385724" y="752101"/>
                    <a:pt x="1384101" y="752101"/>
                    <a:pt x="1384101" y="750478"/>
                  </a:cubicBezTo>
                  <a:cubicBezTo>
                    <a:pt x="1384101" y="750478"/>
                    <a:pt x="1382478" y="750478"/>
                    <a:pt x="1384101" y="748855"/>
                  </a:cubicBezTo>
                  <a:cubicBezTo>
                    <a:pt x="1385724" y="748855"/>
                    <a:pt x="1384101" y="748855"/>
                    <a:pt x="1385724" y="748855"/>
                  </a:cubicBezTo>
                  <a:cubicBezTo>
                    <a:pt x="1385724" y="748855"/>
                    <a:pt x="1385724" y="748855"/>
                    <a:pt x="1387347" y="747232"/>
                  </a:cubicBezTo>
                  <a:cubicBezTo>
                    <a:pt x="1387347" y="747232"/>
                    <a:pt x="1387347" y="745609"/>
                    <a:pt x="1387347" y="745609"/>
                  </a:cubicBezTo>
                  <a:cubicBezTo>
                    <a:pt x="1385724" y="747232"/>
                    <a:pt x="1385724" y="743986"/>
                    <a:pt x="1384101" y="745609"/>
                  </a:cubicBezTo>
                  <a:cubicBezTo>
                    <a:pt x="1384101" y="745609"/>
                    <a:pt x="1384101" y="745609"/>
                    <a:pt x="1384101" y="743986"/>
                  </a:cubicBezTo>
                  <a:cubicBezTo>
                    <a:pt x="1384101" y="742363"/>
                    <a:pt x="1387347" y="740741"/>
                    <a:pt x="1384101" y="742363"/>
                  </a:cubicBezTo>
                  <a:cubicBezTo>
                    <a:pt x="1379232" y="743986"/>
                    <a:pt x="1379232" y="745609"/>
                    <a:pt x="1379232" y="745609"/>
                  </a:cubicBezTo>
                  <a:cubicBezTo>
                    <a:pt x="1379232" y="745609"/>
                    <a:pt x="1379232" y="745609"/>
                    <a:pt x="1377609" y="743986"/>
                  </a:cubicBezTo>
                  <a:cubicBezTo>
                    <a:pt x="1377609" y="743986"/>
                    <a:pt x="1377609" y="743986"/>
                    <a:pt x="1374362" y="743986"/>
                  </a:cubicBezTo>
                  <a:cubicBezTo>
                    <a:pt x="1374362" y="743986"/>
                    <a:pt x="1374362" y="743986"/>
                    <a:pt x="1374362" y="742363"/>
                  </a:cubicBezTo>
                  <a:cubicBezTo>
                    <a:pt x="1374362" y="742363"/>
                    <a:pt x="1374362" y="742363"/>
                    <a:pt x="1372739" y="740741"/>
                  </a:cubicBezTo>
                  <a:cubicBezTo>
                    <a:pt x="1372739" y="740741"/>
                    <a:pt x="1372739" y="740741"/>
                    <a:pt x="1374362" y="737495"/>
                  </a:cubicBezTo>
                  <a:cubicBezTo>
                    <a:pt x="1374362" y="737495"/>
                    <a:pt x="1374362" y="737495"/>
                    <a:pt x="1372739" y="737495"/>
                  </a:cubicBezTo>
                  <a:cubicBezTo>
                    <a:pt x="1371116" y="737495"/>
                    <a:pt x="1371116" y="737495"/>
                    <a:pt x="1371116" y="735872"/>
                  </a:cubicBezTo>
                  <a:cubicBezTo>
                    <a:pt x="1369493" y="735872"/>
                    <a:pt x="1371116" y="735872"/>
                    <a:pt x="1369493" y="735872"/>
                  </a:cubicBezTo>
                  <a:cubicBezTo>
                    <a:pt x="1367870" y="735872"/>
                    <a:pt x="1367870" y="735872"/>
                    <a:pt x="1367870" y="735872"/>
                  </a:cubicBezTo>
                  <a:cubicBezTo>
                    <a:pt x="1366247" y="735872"/>
                    <a:pt x="1366247" y="735872"/>
                    <a:pt x="1364624" y="734249"/>
                  </a:cubicBezTo>
                  <a:cubicBezTo>
                    <a:pt x="1364624" y="734249"/>
                    <a:pt x="1364624" y="734249"/>
                    <a:pt x="1364624" y="732626"/>
                  </a:cubicBezTo>
                  <a:cubicBezTo>
                    <a:pt x="1363001" y="732626"/>
                    <a:pt x="1363001" y="732626"/>
                    <a:pt x="1363001" y="731004"/>
                  </a:cubicBezTo>
                  <a:cubicBezTo>
                    <a:pt x="1363001" y="731004"/>
                    <a:pt x="1363001" y="729381"/>
                    <a:pt x="1363001" y="729381"/>
                  </a:cubicBezTo>
                  <a:cubicBezTo>
                    <a:pt x="1363001" y="729381"/>
                    <a:pt x="1363001" y="729381"/>
                    <a:pt x="1364624" y="727758"/>
                  </a:cubicBezTo>
                  <a:cubicBezTo>
                    <a:pt x="1364624" y="727758"/>
                    <a:pt x="1364624" y="727758"/>
                    <a:pt x="1367870" y="726135"/>
                  </a:cubicBezTo>
                  <a:cubicBezTo>
                    <a:pt x="1367870" y="726135"/>
                    <a:pt x="1367870" y="726135"/>
                    <a:pt x="1367870" y="722889"/>
                  </a:cubicBezTo>
                  <a:cubicBezTo>
                    <a:pt x="1367870" y="722889"/>
                    <a:pt x="1367870" y="722889"/>
                    <a:pt x="1366247" y="721266"/>
                  </a:cubicBezTo>
                  <a:cubicBezTo>
                    <a:pt x="1366247" y="721266"/>
                    <a:pt x="1366247" y="721266"/>
                    <a:pt x="1366247" y="719644"/>
                  </a:cubicBezTo>
                  <a:cubicBezTo>
                    <a:pt x="1366247" y="719644"/>
                    <a:pt x="1367870" y="719644"/>
                    <a:pt x="1367870" y="718021"/>
                  </a:cubicBezTo>
                  <a:cubicBezTo>
                    <a:pt x="1367870" y="718021"/>
                    <a:pt x="1367870" y="718021"/>
                    <a:pt x="1367870" y="716398"/>
                  </a:cubicBezTo>
                  <a:cubicBezTo>
                    <a:pt x="1367870" y="716398"/>
                    <a:pt x="1366247" y="716398"/>
                    <a:pt x="1364624" y="716398"/>
                  </a:cubicBezTo>
                  <a:cubicBezTo>
                    <a:pt x="1364624" y="718021"/>
                    <a:pt x="1361378" y="718021"/>
                    <a:pt x="1359754" y="716398"/>
                  </a:cubicBezTo>
                  <a:cubicBezTo>
                    <a:pt x="1359754" y="714775"/>
                    <a:pt x="1354885" y="713152"/>
                    <a:pt x="1354885" y="713152"/>
                  </a:cubicBezTo>
                  <a:cubicBezTo>
                    <a:pt x="1354885" y="713152"/>
                    <a:pt x="1354885" y="713152"/>
                    <a:pt x="1358131" y="711529"/>
                  </a:cubicBezTo>
                  <a:cubicBezTo>
                    <a:pt x="1358131" y="711529"/>
                    <a:pt x="1358131" y="709906"/>
                    <a:pt x="1356508" y="711529"/>
                  </a:cubicBezTo>
                  <a:cubicBezTo>
                    <a:pt x="1356508" y="711529"/>
                    <a:pt x="1353262" y="709906"/>
                    <a:pt x="1353262" y="709906"/>
                  </a:cubicBezTo>
                  <a:cubicBezTo>
                    <a:pt x="1351639" y="709906"/>
                    <a:pt x="1350016" y="709906"/>
                    <a:pt x="1350016" y="709906"/>
                  </a:cubicBezTo>
                  <a:cubicBezTo>
                    <a:pt x="1350016" y="709906"/>
                    <a:pt x="1350016" y="709906"/>
                    <a:pt x="1353262" y="706661"/>
                  </a:cubicBezTo>
                  <a:cubicBezTo>
                    <a:pt x="1353262" y="706661"/>
                    <a:pt x="1353262" y="706661"/>
                    <a:pt x="1350016" y="705038"/>
                  </a:cubicBezTo>
                  <a:cubicBezTo>
                    <a:pt x="1350016" y="705038"/>
                    <a:pt x="1350016" y="705038"/>
                    <a:pt x="1351639" y="701792"/>
                  </a:cubicBezTo>
                  <a:cubicBezTo>
                    <a:pt x="1351639" y="701792"/>
                    <a:pt x="1351639" y="701792"/>
                    <a:pt x="1351639" y="700169"/>
                  </a:cubicBezTo>
                  <a:cubicBezTo>
                    <a:pt x="1351639" y="700169"/>
                    <a:pt x="1351639" y="698547"/>
                    <a:pt x="1350016" y="698547"/>
                  </a:cubicBezTo>
                  <a:cubicBezTo>
                    <a:pt x="1348393" y="698547"/>
                    <a:pt x="1348393" y="696924"/>
                    <a:pt x="1346770" y="698547"/>
                  </a:cubicBezTo>
                  <a:cubicBezTo>
                    <a:pt x="1345147" y="700169"/>
                    <a:pt x="1343524" y="700169"/>
                    <a:pt x="1343524" y="700169"/>
                  </a:cubicBezTo>
                  <a:cubicBezTo>
                    <a:pt x="1343524" y="700169"/>
                    <a:pt x="1343524" y="698547"/>
                    <a:pt x="1341900" y="698547"/>
                  </a:cubicBezTo>
                  <a:cubicBezTo>
                    <a:pt x="1341900" y="698547"/>
                    <a:pt x="1343524" y="693678"/>
                    <a:pt x="1343524" y="693678"/>
                  </a:cubicBezTo>
                  <a:cubicBezTo>
                    <a:pt x="1343524" y="693678"/>
                    <a:pt x="1343524" y="693678"/>
                    <a:pt x="1345147" y="692055"/>
                  </a:cubicBezTo>
                  <a:cubicBezTo>
                    <a:pt x="1345147" y="692055"/>
                    <a:pt x="1346770" y="690432"/>
                    <a:pt x="1348393" y="692055"/>
                  </a:cubicBezTo>
                  <a:cubicBezTo>
                    <a:pt x="1348393" y="692055"/>
                    <a:pt x="1348393" y="690432"/>
                    <a:pt x="1350016" y="690432"/>
                  </a:cubicBezTo>
                  <a:cubicBezTo>
                    <a:pt x="1350016" y="690432"/>
                    <a:pt x="1350016" y="690432"/>
                    <a:pt x="1351639" y="685564"/>
                  </a:cubicBezTo>
                  <a:cubicBezTo>
                    <a:pt x="1351639" y="685564"/>
                    <a:pt x="1351639" y="685564"/>
                    <a:pt x="1354885" y="685564"/>
                  </a:cubicBezTo>
                  <a:cubicBezTo>
                    <a:pt x="1354885" y="685564"/>
                    <a:pt x="1354885" y="685564"/>
                    <a:pt x="1358131" y="685564"/>
                  </a:cubicBezTo>
                  <a:cubicBezTo>
                    <a:pt x="1358131" y="685564"/>
                    <a:pt x="1358131" y="685564"/>
                    <a:pt x="1359754" y="685564"/>
                  </a:cubicBezTo>
                  <a:cubicBezTo>
                    <a:pt x="1359754" y="685564"/>
                    <a:pt x="1359754" y="682318"/>
                    <a:pt x="1359754" y="680695"/>
                  </a:cubicBezTo>
                  <a:cubicBezTo>
                    <a:pt x="1359754" y="680695"/>
                    <a:pt x="1361378" y="679072"/>
                    <a:pt x="1361378" y="679072"/>
                  </a:cubicBezTo>
                  <a:cubicBezTo>
                    <a:pt x="1361378" y="679072"/>
                    <a:pt x="1361378" y="677449"/>
                    <a:pt x="1363001" y="679072"/>
                  </a:cubicBezTo>
                  <a:cubicBezTo>
                    <a:pt x="1363001" y="679072"/>
                    <a:pt x="1366247" y="679072"/>
                    <a:pt x="1366247" y="680695"/>
                  </a:cubicBezTo>
                  <a:cubicBezTo>
                    <a:pt x="1367870" y="680695"/>
                    <a:pt x="1367870" y="680695"/>
                    <a:pt x="1369493" y="680695"/>
                  </a:cubicBezTo>
                  <a:cubicBezTo>
                    <a:pt x="1371116" y="680695"/>
                    <a:pt x="1371116" y="680695"/>
                    <a:pt x="1372739" y="680695"/>
                  </a:cubicBezTo>
                  <a:cubicBezTo>
                    <a:pt x="1372739" y="680695"/>
                    <a:pt x="1372739" y="680695"/>
                    <a:pt x="1372739" y="679072"/>
                  </a:cubicBezTo>
                  <a:cubicBezTo>
                    <a:pt x="1372739" y="679072"/>
                    <a:pt x="1372739" y="679072"/>
                    <a:pt x="1367870" y="675827"/>
                  </a:cubicBezTo>
                  <a:cubicBezTo>
                    <a:pt x="1367870" y="675827"/>
                    <a:pt x="1366247" y="674204"/>
                    <a:pt x="1366247" y="672581"/>
                  </a:cubicBezTo>
                  <a:cubicBezTo>
                    <a:pt x="1366247" y="672581"/>
                    <a:pt x="1367870" y="669335"/>
                    <a:pt x="1367870" y="669335"/>
                  </a:cubicBezTo>
                  <a:cubicBezTo>
                    <a:pt x="1367870" y="669335"/>
                    <a:pt x="1367870" y="669335"/>
                    <a:pt x="1364624" y="666090"/>
                  </a:cubicBezTo>
                  <a:cubicBezTo>
                    <a:pt x="1364624" y="666090"/>
                    <a:pt x="1364624" y="666090"/>
                    <a:pt x="1363001" y="666090"/>
                  </a:cubicBezTo>
                  <a:cubicBezTo>
                    <a:pt x="1363001" y="666090"/>
                    <a:pt x="1359754" y="666090"/>
                    <a:pt x="1359754" y="666090"/>
                  </a:cubicBezTo>
                  <a:cubicBezTo>
                    <a:pt x="1359754" y="666090"/>
                    <a:pt x="1359754" y="666090"/>
                    <a:pt x="1356508" y="664467"/>
                  </a:cubicBezTo>
                  <a:cubicBezTo>
                    <a:pt x="1356508" y="664467"/>
                    <a:pt x="1353262" y="661221"/>
                    <a:pt x="1353262" y="659598"/>
                  </a:cubicBezTo>
                  <a:cubicBezTo>
                    <a:pt x="1351639" y="657975"/>
                    <a:pt x="1351639" y="654730"/>
                    <a:pt x="1351639" y="656352"/>
                  </a:cubicBezTo>
                  <a:cubicBezTo>
                    <a:pt x="1350016" y="656352"/>
                    <a:pt x="1351639" y="659598"/>
                    <a:pt x="1351639" y="661221"/>
                  </a:cubicBezTo>
                  <a:cubicBezTo>
                    <a:pt x="1351639" y="661221"/>
                    <a:pt x="1351639" y="664467"/>
                    <a:pt x="1351639" y="664467"/>
                  </a:cubicBezTo>
                  <a:cubicBezTo>
                    <a:pt x="1351639" y="664467"/>
                    <a:pt x="1351639" y="664467"/>
                    <a:pt x="1350016" y="667712"/>
                  </a:cubicBezTo>
                  <a:cubicBezTo>
                    <a:pt x="1350016" y="667712"/>
                    <a:pt x="1350016" y="667712"/>
                    <a:pt x="1346770" y="666090"/>
                  </a:cubicBezTo>
                  <a:cubicBezTo>
                    <a:pt x="1346770" y="666090"/>
                    <a:pt x="1346770" y="666090"/>
                    <a:pt x="1345147" y="667712"/>
                  </a:cubicBezTo>
                  <a:cubicBezTo>
                    <a:pt x="1345147" y="667712"/>
                    <a:pt x="1345147" y="667712"/>
                    <a:pt x="1341900" y="669335"/>
                  </a:cubicBezTo>
                  <a:cubicBezTo>
                    <a:pt x="1341900" y="669335"/>
                    <a:pt x="1341900" y="670958"/>
                    <a:pt x="1341900" y="672581"/>
                  </a:cubicBezTo>
                  <a:cubicBezTo>
                    <a:pt x="1341900" y="672581"/>
                    <a:pt x="1340277" y="672581"/>
                    <a:pt x="1340277" y="674204"/>
                  </a:cubicBezTo>
                  <a:cubicBezTo>
                    <a:pt x="1340277" y="674204"/>
                    <a:pt x="1338654" y="674204"/>
                    <a:pt x="1338654" y="674204"/>
                  </a:cubicBezTo>
                  <a:cubicBezTo>
                    <a:pt x="1338654" y="675827"/>
                    <a:pt x="1337031" y="675827"/>
                    <a:pt x="1337031" y="677449"/>
                  </a:cubicBezTo>
                  <a:cubicBezTo>
                    <a:pt x="1337031" y="677449"/>
                    <a:pt x="1335408" y="679072"/>
                    <a:pt x="1335408" y="679072"/>
                  </a:cubicBezTo>
                  <a:cubicBezTo>
                    <a:pt x="1335408" y="679072"/>
                    <a:pt x="1335408" y="679072"/>
                    <a:pt x="1335408" y="680695"/>
                  </a:cubicBezTo>
                  <a:cubicBezTo>
                    <a:pt x="1333785" y="682318"/>
                    <a:pt x="1332162" y="682318"/>
                    <a:pt x="1332162" y="682318"/>
                  </a:cubicBezTo>
                  <a:cubicBezTo>
                    <a:pt x="1332162" y="682318"/>
                    <a:pt x="1330539" y="679072"/>
                    <a:pt x="1330539" y="679072"/>
                  </a:cubicBezTo>
                  <a:cubicBezTo>
                    <a:pt x="1328916" y="677449"/>
                    <a:pt x="1328916" y="677449"/>
                    <a:pt x="1328916" y="677449"/>
                  </a:cubicBezTo>
                  <a:cubicBezTo>
                    <a:pt x="1328916" y="677449"/>
                    <a:pt x="1328916" y="677449"/>
                    <a:pt x="1328916" y="674204"/>
                  </a:cubicBezTo>
                  <a:cubicBezTo>
                    <a:pt x="1328916" y="674204"/>
                    <a:pt x="1328916" y="674204"/>
                    <a:pt x="1330539" y="672581"/>
                  </a:cubicBezTo>
                  <a:cubicBezTo>
                    <a:pt x="1330539" y="672581"/>
                    <a:pt x="1330539" y="672581"/>
                    <a:pt x="1332162" y="669335"/>
                  </a:cubicBezTo>
                  <a:cubicBezTo>
                    <a:pt x="1332162" y="669335"/>
                    <a:pt x="1332162" y="669335"/>
                    <a:pt x="1335408" y="667712"/>
                  </a:cubicBezTo>
                  <a:cubicBezTo>
                    <a:pt x="1335408" y="667712"/>
                    <a:pt x="1335408" y="667712"/>
                    <a:pt x="1337031" y="667712"/>
                  </a:cubicBezTo>
                  <a:cubicBezTo>
                    <a:pt x="1337031" y="667712"/>
                    <a:pt x="1337031" y="667712"/>
                    <a:pt x="1340277" y="666090"/>
                  </a:cubicBezTo>
                  <a:cubicBezTo>
                    <a:pt x="1341900" y="666090"/>
                    <a:pt x="1341900" y="666090"/>
                    <a:pt x="1341900" y="664467"/>
                  </a:cubicBezTo>
                  <a:cubicBezTo>
                    <a:pt x="1341900" y="664467"/>
                    <a:pt x="1345147" y="664467"/>
                    <a:pt x="1340277" y="662844"/>
                  </a:cubicBezTo>
                  <a:cubicBezTo>
                    <a:pt x="1335408" y="662844"/>
                    <a:pt x="1335408" y="662844"/>
                    <a:pt x="1333785" y="662844"/>
                  </a:cubicBezTo>
                  <a:cubicBezTo>
                    <a:pt x="1332162" y="664467"/>
                    <a:pt x="1332162" y="664467"/>
                    <a:pt x="1332162" y="666090"/>
                  </a:cubicBezTo>
                  <a:cubicBezTo>
                    <a:pt x="1330539" y="666090"/>
                    <a:pt x="1330539" y="666090"/>
                    <a:pt x="1330539" y="666090"/>
                  </a:cubicBezTo>
                  <a:cubicBezTo>
                    <a:pt x="1330539" y="666090"/>
                    <a:pt x="1330539" y="666090"/>
                    <a:pt x="1328916" y="664467"/>
                  </a:cubicBezTo>
                  <a:cubicBezTo>
                    <a:pt x="1328916" y="664467"/>
                    <a:pt x="1328916" y="664467"/>
                    <a:pt x="1330539" y="651484"/>
                  </a:cubicBezTo>
                  <a:cubicBezTo>
                    <a:pt x="1330539" y="651484"/>
                    <a:pt x="1330539" y="651484"/>
                    <a:pt x="1328916" y="648238"/>
                  </a:cubicBezTo>
                  <a:cubicBezTo>
                    <a:pt x="1328916" y="648238"/>
                    <a:pt x="1327292" y="648238"/>
                    <a:pt x="1330539" y="648238"/>
                  </a:cubicBezTo>
                  <a:cubicBezTo>
                    <a:pt x="1333785" y="646615"/>
                    <a:pt x="1333785" y="644992"/>
                    <a:pt x="1333785" y="644992"/>
                  </a:cubicBezTo>
                  <a:cubicBezTo>
                    <a:pt x="1333785" y="644992"/>
                    <a:pt x="1333785" y="644992"/>
                    <a:pt x="1335408" y="643370"/>
                  </a:cubicBezTo>
                  <a:cubicBezTo>
                    <a:pt x="1335408" y="643370"/>
                    <a:pt x="1335408" y="643370"/>
                    <a:pt x="1337031" y="641747"/>
                  </a:cubicBezTo>
                  <a:cubicBezTo>
                    <a:pt x="1337031" y="641747"/>
                    <a:pt x="1338654" y="641747"/>
                    <a:pt x="1338654" y="641747"/>
                  </a:cubicBezTo>
                  <a:cubicBezTo>
                    <a:pt x="1340277" y="641747"/>
                    <a:pt x="1340277" y="641747"/>
                    <a:pt x="1340277" y="640124"/>
                  </a:cubicBezTo>
                  <a:cubicBezTo>
                    <a:pt x="1341900" y="640124"/>
                    <a:pt x="1343524" y="640124"/>
                    <a:pt x="1343524" y="640124"/>
                  </a:cubicBezTo>
                  <a:cubicBezTo>
                    <a:pt x="1345147" y="641747"/>
                    <a:pt x="1346770" y="641747"/>
                    <a:pt x="1346770" y="641747"/>
                  </a:cubicBezTo>
                  <a:cubicBezTo>
                    <a:pt x="1346770" y="641747"/>
                    <a:pt x="1346770" y="641747"/>
                    <a:pt x="1348393" y="641747"/>
                  </a:cubicBezTo>
                  <a:cubicBezTo>
                    <a:pt x="1348393" y="641747"/>
                    <a:pt x="1348393" y="641747"/>
                    <a:pt x="1350016" y="640124"/>
                  </a:cubicBezTo>
                  <a:cubicBezTo>
                    <a:pt x="1350016" y="640124"/>
                    <a:pt x="1350016" y="640124"/>
                    <a:pt x="1348393" y="640124"/>
                  </a:cubicBezTo>
                  <a:cubicBezTo>
                    <a:pt x="1348393" y="640124"/>
                    <a:pt x="1348393" y="640124"/>
                    <a:pt x="1343524" y="640124"/>
                  </a:cubicBezTo>
                  <a:cubicBezTo>
                    <a:pt x="1343524" y="640124"/>
                    <a:pt x="1341900" y="638501"/>
                    <a:pt x="1340277" y="638501"/>
                  </a:cubicBezTo>
                  <a:cubicBezTo>
                    <a:pt x="1340277" y="638501"/>
                    <a:pt x="1337031" y="640124"/>
                    <a:pt x="1337031" y="640124"/>
                  </a:cubicBezTo>
                  <a:cubicBezTo>
                    <a:pt x="1337031" y="640124"/>
                    <a:pt x="1332162" y="643370"/>
                    <a:pt x="1332162" y="643370"/>
                  </a:cubicBezTo>
                  <a:cubicBezTo>
                    <a:pt x="1330539" y="644992"/>
                    <a:pt x="1330539" y="644992"/>
                    <a:pt x="1330539" y="644992"/>
                  </a:cubicBezTo>
                  <a:cubicBezTo>
                    <a:pt x="1330539" y="644992"/>
                    <a:pt x="1328916" y="646615"/>
                    <a:pt x="1328916" y="646615"/>
                  </a:cubicBezTo>
                  <a:cubicBezTo>
                    <a:pt x="1327292" y="648238"/>
                    <a:pt x="1325669" y="648238"/>
                    <a:pt x="1325669" y="648238"/>
                  </a:cubicBezTo>
                  <a:cubicBezTo>
                    <a:pt x="1324046" y="648238"/>
                    <a:pt x="1324046" y="646615"/>
                    <a:pt x="1322423" y="646615"/>
                  </a:cubicBezTo>
                  <a:cubicBezTo>
                    <a:pt x="1322423" y="644992"/>
                    <a:pt x="1320800" y="644992"/>
                    <a:pt x="1320800" y="644992"/>
                  </a:cubicBezTo>
                  <a:cubicBezTo>
                    <a:pt x="1319177" y="644992"/>
                    <a:pt x="1317554" y="643370"/>
                    <a:pt x="1317554" y="643370"/>
                  </a:cubicBezTo>
                  <a:cubicBezTo>
                    <a:pt x="1317554" y="643370"/>
                    <a:pt x="1317554" y="643370"/>
                    <a:pt x="1314307" y="643370"/>
                  </a:cubicBezTo>
                  <a:cubicBezTo>
                    <a:pt x="1314307" y="643370"/>
                    <a:pt x="1314307" y="643370"/>
                    <a:pt x="1314307" y="640124"/>
                  </a:cubicBezTo>
                  <a:cubicBezTo>
                    <a:pt x="1314307" y="640124"/>
                    <a:pt x="1314307" y="640124"/>
                    <a:pt x="1314307" y="638501"/>
                  </a:cubicBezTo>
                  <a:cubicBezTo>
                    <a:pt x="1314307" y="638501"/>
                    <a:pt x="1314307" y="638501"/>
                    <a:pt x="1317554" y="636878"/>
                  </a:cubicBezTo>
                  <a:cubicBezTo>
                    <a:pt x="1317554" y="636878"/>
                    <a:pt x="1317554" y="636878"/>
                    <a:pt x="1322423" y="635255"/>
                  </a:cubicBezTo>
                  <a:cubicBezTo>
                    <a:pt x="1322423" y="635255"/>
                    <a:pt x="1322423" y="635255"/>
                    <a:pt x="1324046" y="635255"/>
                  </a:cubicBezTo>
                  <a:cubicBezTo>
                    <a:pt x="1325669" y="635255"/>
                    <a:pt x="1327292" y="635255"/>
                    <a:pt x="1327292" y="635255"/>
                  </a:cubicBezTo>
                  <a:cubicBezTo>
                    <a:pt x="1328916" y="635255"/>
                    <a:pt x="1330539" y="633633"/>
                    <a:pt x="1330539" y="633633"/>
                  </a:cubicBezTo>
                  <a:cubicBezTo>
                    <a:pt x="1332162" y="633633"/>
                    <a:pt x="1332162" y="632010"/>
                    <a:pt x="1332162" y="632010"/>
                  </a:cubicBezTo>
                  <a:cubicBezTo>
                    <a:pt x="1332162" y="632010"/>
                    <a:pt x="1332162" y="632010"/>
                    <a:pt x="1330539" y="632010"/>
                  </a:cubicBezTo>
                  <a:cubicBezTo>
                    <a:pt x="1328916" y="632010"/>
                    <a:pt x="1325669" y="632010"/>
                    <a:pt x="1324046" y="632010"/>
                  </a:cubicBezTo>
                  <a:cubicBezTo>
                    <a:pt x="1324046" y="632010"/>
                    <a:pt x="1324046" y="632010"/>
                    <a:pt x="1322423" y="633633"/>
                  </a:cubicBezTo>
                  <a:cubicBezTo>
                    <a:pt x="1320800" y="633633"/>
                    <a:pt x="1315930" y="633633"/>
                    <a:pt x="1315930" y="633633"/>
                  </a:cubicBezTo>
                  <a:cubicBezTo>
                    <a:pt x="1314307" y="633633"/>
                    <a:pt x="1312684" y="633633"/>
                    <a:pt x="1312684" y="633633"/>
                  </a:cubicBezTo>
                  <a:cubicBezTo>
                    <a:pt x="1312684" y="633633"/>
                    <a:pt x="1312684" y="633633"/>
                    <a:pt x="1311061" y="633633"/>
                  </a:cubicBezTo>
                  <a:cubicBezTo>
                    <a:pt x="1311061" y="633633"/>
                    <a:pt x="1311061" y="633633"/>
                    <a:pt x="1311061" y="630387"/>
                  </a:cubicBezTo>
                  <a:cubicBezTo>
                    <a:pt x="1311061" y="630387"/>
                    <a:pt x="1311061" y="630387"/>
                    <a:pt x="1311061" y="628764"/>
                  </a:cubicBezTo>
                  <a:cubicBezTo>
                    <a:pt x="1312684" y="628764"/>
                    <a:pt x="1314307" y="627141"/>
                    <a:pt x="1314307" y="627141"/>
                  </a:cubicBezTo>
                  <a:cubicBezTo>
                    <a:pt x="1315930" y="627141"/>
                    <a:pt x="1319177" y="625518"/>
                    <a:pt x="1319177" y="625518"/>
                  </a:cubicBezTo>
                  <a:cubicBezTo>
                    <a:pt x="1320800" y="623895"/>
                    <a:pt x="1322423" y="622273"/>
                    <a:pt x="1322423" y="622273"/>
                  </a:cubicBezTo>
                  <a:cubicBezTo>
                    <a:pt x="1322423" y="622273"/>
                    <a:pt x="1322423" y="622273"/>
                    <a:pt x="1327292" y="619027"/>
                  </a:cubicBezTo>
                  <a:cubicBezTo>
                    <a:pt x="1327292" y="619027"/>
                    <a:pt x="1327292" y="619027"/>
                    <a:pt x="1330539" y="615781"/>
                  </a:cubicBezTo>
                  <a:cubicBezTo>
                    <a:pt x="1330539" y="615781"/>
                    <a:pt x="1333785" y="614158"/>
                    <a:pt x="1335408" y="612535"/>
                  </a:cubicBezTo>
                  <a:cubicBezTo>
                    <a:pt x="1337031" y="612535"/>
                    <a:pt x="1343524" y="609290"/>
                    <a:pt x="1345147" y="609290"/>
                  </a:cubicBezTo>
                  <a:cubicBezTo>
                    <a:pt x="1345147" y="609290"/>
                    <a:pt x="1345147" y="609290"/>
                    <a:pt x="1348393" y="607667"/>
                  </a:cubicBezTo>
                  <a:cubicBezTo>
                    <a:pt x="1348393" y="607667"/>
                    <a:pt x="1350016" y="607667"/>
                    <a:pt x="1350016" y="607667"/>
                  </a:cubicBezTo>
                  <a:cubicBezTo>
                    <a:pt x="1351639" y="607667"/>
                    <a:pt x="1353262" y="607667"/>
                    <a:pt x="1354885" y="607667"/>
                  </a:cubicBezTo>
                  <a:cubicBezTo>
                    <a:pt x="1354885" y="606044"/>
                    <a:pt x="1356508" y="604421"/>
                    <a:pt x="1356508" y="604421"/>
                  </a:cubicBezTo>
                  <a:cubicBezTo>
                    <a:pt x="1356508" y="604421"/>
                    <a:pt x="1356508" y="604421"/>
                    <a:pt x="1353262" y="604421"/>
                  </a:cubicBezTo>
                  <a:cubicBezTo>
                    <a:pt x="1353262" y="604421"/>
                    <a:pt x="1348393" y="604421"/>
                    <a:pt x="1346770" y="606044"/>
                  </a:cubicBezTo>
                  <a:cubicBezTo>
                    <a:pt x="1343524" y="607667"/>
                    <a:pt x="1341900" y="607667"/>
                    <a:pt x="1341900" y="607667"/>
                  </a:cubicBezTo>
                  <a:cubicBezTo>
                    <a:pt x="1341900" y="607667"/>
                    <a:pt x="1340277" y="607667"/>
                    <a:pt x="1338654" y="609290"/>
                  </a:cubicBezTo>
                  <a:cubicBezTo>
                    <a:pt x="1337031" y="610913"/>
                    <a:pt x="1333785" y="612535"/>
                    <a:pt x="1333785" y="612535"/>
                  </a:cubicBezTo>
                  <a:cubicBezTo>
                    <a:pt x="1333785" y="612535"/>
                    <a:pt x="1333785" y="612535"/>
                    <a:pt x="1327292" y="617404"/>
                  </a:cubicBezTo>
                  <a:cubicBezTo>
                    <a:pt x="1327292" y="617404"/>
                    <a:pt x="1325669" y="617404"/>
                    <a:pt x="1325669" y="617404"/>
                  </a:cubicBezTo>
                  <a:cubicBezTo>
                    <a:pt x="1324046" y="619027"/>
                    <a:pt x="1320800" y="622273"/>
                    <a:pt x="1319177" y="623895"/>
                  </a:cubicBezTo>
                  <a:cubicBezTo>
                    <a:pt x="1319177" y="623895"/>
                    <a:pt x="1311061" y="625518"/>
                    <a:pt x="1311061" y="625518"/>
                  </a:cubicBezTo>
                  <a:cubicBezTo>
                    <a:pt x="1311061" y="625518"/>
                    <a:pt x="1311061" y="625518"/>
                    <a:pt x="1307815" y="625518"/>
                  </a:cubicBezTo>
                  <a:cubicBezTo>
                    <a:pt x="1307815" y="625518"/>
                    <a:pt x="1307815" y="625518"/>
                    <a:pt x="1306192" y="625518"/>
                  </a:cubicBezTo>
                  <a:cubicBezTo>
                    <a:pt x="1306192" y="625518"/>
                    <a:pt x="1304569" y="623895"/>
                    <a:pt x="1304569" y="623895"/>
                  </a:cubicBezTo>
                  <a:cubicBezTo>
                    <a:pt x="1304569" y="622273"/>
                    <a:pt x="1304569" y="620650"/>
                    <a:pt x="1306192" y="619027"/>
                  </a:cubicBezTo>
                  <a:cubicBezTo>
                    <a:pt x="1306192" y="619027"/>
                    <a:pt x="1306192" y="617404"/>
                    <a:pt x="1307815" y="615781"/>
                  </a:cubicBezTo>
                  <a:cubicBezTo>
                    <a:pt x="1309438" y="614158"/>
                    <a:pt x="1309438" y="614158"/>
                    <a:pt x="1311061" y="614158"/>
                  </a:cubicBezTo>
                  <a:cubicBezTo>
                    <a:pt x="1311061" y="614158"/>
                    <a:pt x="1311061" y="614158"/>
                    <a:pt x="1312684" y="614158"/>
                  </a:cubicBezTo>
                  <a:cubicBezTo>
                    <a:pt x="1314307" y="614158"/>
                    <a:pt x="1314307" y="610913"/>
                    <a:pt x="1315930" y="612535"/>
                  </a:cubicBezTo>
                  <a:cubicBezTo>
                    <a:pt x="1317554" y="612535"/>
                    <a:pt x="1319177" y="612535"/>
                    <a:pt x="1320800" y="610913"/>
                  </a:cubicBezTo>
                  <a:cubicBezTo>
                    <a:pt x="1322423" y="610913"/>
                    <a:pt x="1324046" y="609290"/>
                    <a:pt x="1325669" y="607667"/>
                  </a:cubicBezTo>
                  <a:cubicBezTo>
                    <a:pt x="1325669" y="607667"/>
                    <a:pt x="1327292" y="604421"/>
                    <a:pt x="1325669" y="604421"/>
                  </a:cubicBezTo>
                  <a:cubicBezTo>
                    <a:pt x="1325669" y="604421"/>
                    <a:pt x="1324046" y="602798"/>
                    <a:pt x="1322423" y="602798"/>
                  </a:cubicBezTo>
                  <a:cubicBezTo>
                    <a:pt x="1320800" y="604421"/>
                    <a:pt x="1314307" y="606044"/>
                    <a:pt x="1314307" y="606044"/>
                  </a:cubicBezTo>
                  <a:cubicBezTo>
                    <a:pt x="1312684" y="606044"/>
                    <a:pt x="1311061" y="606044"/>
                    <a:pt x="1309438" y="606044"/>
                  </a:cubicBezTo>
                  <a:cubicBezTo>
                    <a:pt x="1309438" y="606044"/>
                    <a:pt x="1307815" y="604421"/>
                    <a:pt x="1306192" y="602798"/>
                  </a:cubicBezTo>
                  <a:cubicBezTo>
                    <a:pt x="1304569" y="602798"/>
                    <a:pt x="1304569" y="601176"/>
                    <a:pt x="1304569" y="601176"/>
                  </a:cubicBezTo>
                  <a:cubicBezTo>
                    <a:pt x="1304569" y="601176"/>
                    <a:pt x="1302946" y="599553"/>
                    <a:pt x="1302946" y="599553"/>
                  </a:cubicBezTo>
                  <a:cubicBezTo>
                    <a:pt x="1302946" y="597930"/>
                    <a:pt x="1304569" y="596307"/>
                    <a:pt x="1304569" y="596307"/>
                  </a:cubicBezTo>
                  <a:cubicBezTo>
                    <a:pt x="1304569" y="596307"/>
                    <a:pt x="1306192" y="596307"/>
                    <a:pt x="1306192" y="596307"/>
                  </a:cubicBezTo>
                  <a:cubicBezTo>
                    <a:pt x="1307815" y="594684"/>
                    <a:pt x="1311061" y="594684"/>
                    <a:pt x="1311061" y="594684"/>
                  </a:cubicBezTo>
                  <a:cubicBezTo>
                    <a:pt x="1311061" y="594684"/>
                    <a:pt x="1312684" y="594684"/>
                    <a:pt x="1314307" y="596307"/>
                  </a:cubicBezTo>
                  <a:cubicBezTo>
                    <a:pt x="1315930" y="596307"/>
                    <a:pt x="1319177" y="596307"/>
                    <a:pt x="1319177" y="596307"/>
                  </a:cubicBezTo>
                  <a:cubicBezTo>
                    <a:pt x="1319177" y="596307"/>
                    <a:pt x="1319177" y="596307"/>
                    <a:pt x="1320800" y="594684"/>
                  </a:cubicBezTo>
                  <a:cubicBezTo>
                    <a:pt x="1320800" y="594684"/>
                    <a:pt x="1320800" y="594684"/>
                    <a:pt x="1324046" y="594684"/>
                  </a:cubicBezTo>
                  <a:cubicBezTo>
                    <a:pt x="1324046" y="594684"/>
                    <a:pt x="1324046" y="594684"/>
                    <a:pt x="1325669" y="593061"/>
                  </a:cubicBezTo>
                  <a:cubicBezTo>
                    <a:pt x="1325669" y="593061"/>
                    <a:pt x="1327292" y="593061"/>
                    <a:pt x="1328916" y="593061"/>
                  </a:cubicBezTo>
                  <a:cubicBezTo>
                    <a:pt x="1328916" y="593061"/>
                    <a:pt x="1332162" y="593061"/>
                    <a:pt x="1332162" y="594684"/>
                  </a:cubicBezTo>
                  <a:cubicBezTo>
                    <a:pt x="1333785" y="594684"/>
                    <a:pt x="1333785" y="593061"/>
                    <a:pt x="1335408" y="594684"/>
                  </a:cubicBezTo>
                  <a:cubicBezTo>
                    <a:pt x="1337031" y="594684"/>
                    <a:pt x="1338654" y="593061"/>
                    <a:pt x="1340277" y="594684"/>
                  </a:cubicBezTo>
                  <a:cubicBezTo>
                    <a:pt x="1340277" y="594684"/>
                    <a:pt x="1337031" y="594684"/>
                    <a:pt x="1340277" y="596307"/>
                  </a:cubicBezTo>
                  <a:cubicBezTo>
                    <a:pt x="1343524" y="599553"/>
                    <a:pt x="1345147" y="599553"/>
                    <a:pt x="1345147" y="599553"/>
                  </a:cubicBezTo>
                  <a:cubicBezTo>
                    <a:pt x="1345147" y="599553"/>
                    <a:pt x="1345147" y="599553"/>
                    <a:pt x="1346770" y="599553"/>
                  </a:cubicBezTo>
                  <a:cubicBezTo>
                    <a:pt x="1346770" y="601176"/>
                    <a:pt x="1348393" y="599553"/>
                    <a:pt x="1348393" y="599553"/>
                  </a:cubicBezTo>
                  <a:cubicBezTo>
                    <a:pt x="1348393" y="599553"/>
                    <a:pt x="1348393" y="599553"/>
                    <a:pt x="1350016" y="599553"/>
                  </a:cubicBezTo>
                  <a:cubicBezTo>
                    <a:pt x="1350016" y="599553"/>
                    <a:pt x="1350016" y="599553"/>
                    <a:pt x="1351639" y="599553"/>
                  </a:cubicBezTo>
                  <a:cubicBezTo>
                    <a:pt x="1351639" y="599553"/>
                    <a:pt x="1353262" y="599553"/>
                    <a:pt x="1353262" y="599553"/>
                  </a:cubicBezTo>
                  <a:cubicBezTo>
                    <a:pt x="1353262" y="599553"/>
                    <a:pt x="1356508" y="597930"/>
                    <a:pt x="1358131" y="597930"/>
                  </a:cubicBezTo>
                  <a:cubicBezTo>
                    <a:pt x="1359754" y="597930"/>
                    <a:pt x="1359754" y="597930"/>
                    <a:pt x="1359754" y="597930"/>
                  </a:cubicBezTo>
                  <a:cubicBezTo>
                    <a:pt x="1359754" y="597930"/>
                    <a:pt x="1359754" y="597930"/>
                    <a:pt x="1359754" y="596307"/>
                  </a:cubicBezTo>
                  <a:cubicBezTo>
                    <a:pt x="1359754" y="596307"/>
                    <a:pt x="1354885" y="596307"/>
                    <a:pt x="1353262" y="596307"/>
                  </a:cubicBezTo>
                  <a:cubicBezTo>
                    <a:pt x="1353262" y="596307"/>
                    <a:pt x="1351639" y="596307"/>
                    <a:pt x="1350016" y="596307"/>
                  </a:cubicBezTo>
                  <a:cubicBezTo>
                    <a:pt x="1348393" y="597930"/>
                    <a:pt x="1346770" y="596307"/>
                    <a:pt x="1345147" y="597930"/>
                  </a:cubicBezTo>
                  <a:cubicBezTo>
                    <a:pt x="1345147" y="597930"/>
                    <a:pt x="1346770" y="596307"/>
                    <a:pt x="1345147" y="596307"/>
                  </a:cubicBezTo>
                  <a:cubicBezTo>
                    <a:pt x="1343524" y="597930"/>
                    <a:pt x="1341900" y="596307"/>
                    <a:pt x="1341900" y="596307"/>
                  </a:cubicBezTo>
                  <a:cubicBezTo>
                    <a:pt x="1341900" y="596307"/>
                    <a:pt x="1341900" y="596307"/>
                    <a:pt x="1343524" y="594684"/>
                  </a:cubicBezTo>
                  <a:cubicBezTo>
                    <a:pt x="1343524" y="594684"/>
                    <a:pt x="1343524" y="594684"/>
                    <a:pt x="1341900" y="593061"/>
                  </a:cubicBezTo>
                  <a:cubicBezTo>
                    <a:pt x="1341900" y="593061"/>
                    <a:pt x="1340277" y="591438"/>
                    <a:pt x="1340277" y="593061"/>
                  </a:cubicBezTo>
                  <a:cubicBezTo>
                    <a:pt x="1340277" y="593061"/>
                    <a:pt x="1338654" y="591438"/>
                    <a:pt x="1337031" y="591438"/>
                  </a:cubicBezTo>
                  <a:cubicBezTo>
                    <a:pt x="1335408" y="593061"/>
                    <a:pt x="1333785" y="593061"/>
                    <a:pt x="1333785" y="593061"/>
                  </a:cubicBezTo>
                  <a:cubicBezTo>
                    <a:pt x="1333785" y="593061"/>
                    <a:pt x="1333785" y="593061"/>
                    <a:pt x="1332162" y="593061"/>
                  </a:cubicBezTo>
                  <a:cubicBezTo>
                    <a:pt x="1332162" y="593061"/>
                    <a:pt x="1332162" y="591438"/>
                    <a:pt x="1332162" y="591438"/>
                  </a:cubicBezTo>
                  <a:cubicBezTo>
                    <a:pt x="1330539" y="593061"/>
                    <a:pt x="1328916" y="591438"/>
                    <a:pt x="1328916" y="591438"/>
                  </a:cubicBezTo>
                  <a:cubicBezTo>
                    <a:pt x="1328916" y="591438"/>
                    <a:pt x="1328916" y="591438"/>
                    <a:pt x="1320800" y="593061"/>
                  </a:cubicBezTo>
                  <a:cubicBezTo>
                    <a:pt x="1320800" y="593061"/>
                    <a:pt x="1320800" y="593061"/>
                    <a:pt x="1319177" y="593061"/>
                  </a:cubicBezTo>
                  <a:cubicBezTo>
                    <a:pt x="1319177" y="593061"/>
                    <a:pt x="1319177" y="593061"/>
                    <a:pt x="1317554" y="593061"/>
                  </a:cubicBezTo>
                  <a:cubicBezTo>
                    <a:pt x="1315930" y="593061"/>
                    <a:pt x="1314307" y="593061"/>
                    <a:pt x="1314307" y="593061"/>
                  </a:cubicBezTo>
                  <a:cubicBezTo>
                    <a:pt x="1312684" y="593061"/>
                    <a:pt x="1312684" y="593061"/>
                    <a:pt x="1311061" y="593061"/>
                  </a:cubicBezTo>
                  <a:cubicBezTo>
                    <a:pt x="1309438" y="593061"/>
                    <a:pt x="1307815" y="593061"/>
                    <a:pt x="1307815" y="594684"/>
                  </a:cubicBezTo>
                  <a:cubicBezTo>
                    <a:pt x="1306192" y="594684"/>
                    <a:pt x="1302946" y="594684"/>
                    <a:pt x="1302946" y="594684"/>
                  </a:cubicBezTo>
                  <a:cubicBezTo>
                    <a:pt x="1301323" y="594684"/>
                    <a:pt x="1299700" y="594684"/>
                    <a:pt x="1299700" y="594684"/>
                  </a:cubicBezTo>
                  <a:cubicBezTo>
                    <a:pt x="1299700" y="594684"/>
                    <a:pt x="1299700" y="594684"/>
                    <a:pt x="1299700" y="593061"/>
                  </a:cubicBezTo>
                  <a:cubicBezTo>
                    <a:pt x="1299700" y="593061"/>
                    <a:pt x="1294830" y="594684"/>
                    <a:pt x="1299700" y="591438"/>
                  </a:cubicBezTo>
                  <a:cubicBezTo>
                    <a:pt x="1306192" y="589816"/>
                    <a:pt x="1307815" y="586570"/>
                    <a:pt x="1307815" y="586570"/>
                  </a:cubicBezTo>
                  <a:cubicBezTo>
                    <a:pt x="1307815" y="586570"/>
                    <a:pt x="1307815" y="586570"/>
                    <a:pt x="1309438" y="584947"/>
                  </a:cubicBezTo>
                  <a:cubicBezTo>
                    <a:pt x="1309438" y="584947"/>
                    <a:pt x="1309438" y="584947"/>
                    <a:pt x="1311061" y="583324"/>
                  </a:cubicBezTo>
                  <a:cubicBezTo>
                    <a:pt x="1311061" y="583324"/>
                    <a:pt x="1312684" y="583324"/>
                    <a:pt x="1312684" y="583324"/>
                  </a:cubicBezTo>
                  <a:cubicBezTo>
                    <a:pt x="1312684" y="583324"/>
                    <a:pt x="1315930" y="581701"/>
                    <a:pt x="1317554" y="581701"/>
                  </a:cubicBezTo>
                  <a:cubicBezTo>
                    <a:pt x="1317554" y="581701"/>
                    <a:pt x="1320800" y="581701"/>
                    <a:pt x="1320800" y="581701"/>
                  </a:cubicBezTo>
                  <a:cubicBezTo>
                    <a:pt x="1320800" y="581701"/>
                    <a:pt x="1320800" y="581701"/>
                    <a:pt x="1327292" y="581701"/>
                  </a:cubicBezTo>
                  <a:cubicBezTo>
                    <a:pt x="1327292" y="581701"/>
                    <a:pt x="1327292" y="581701"/>
                    <a:pt x="1328916" y="581701"/>
                  </a:cubicBezTo>
                  <a:cubicBezTo>
                    <a:pt x="1328916" y="581701"/>
                    <a:pt x="1333785" y="583324"/>
                    <a:pt x="1333785" y="584947"/>
                  </a:cubicBezTo>
                  <a:cubicBezTo>
                    <a:pt x="1335408" y="586570"/>
                    <a:pt x="1335408" y="584947"/>
                    <a:pt x="1335408" y="584947"/>
                  </a:cubicBezTo>
                  <a:cubicBezTo>
                    <a:pt x="1337031" y="584947"/>
                    <a:pt x="1337031" y="583324"/>
                    <a:pt x="1338654" y="584947"/>
                  </a:cubicBezTo>
                  <a:cubicBezTo>
                    <a:pt x="1340277" y="584947"/>
                    <a:pt x="1338654" y="583324"/>
                    <a:pt x="1340277" y="584947"/>
                  </a:cubicBezTo>
                  <a:cubicBezTo>
                    <a:pt x="1341900" y="584947"/>
                    <a:pt x="1341900" y="583324"/>
                    <a:pt x="1343524" y="584947"/>
                  </a:cubicBezTo>
                  <a:cubicBezTo>
                    <a:pt x="1343524" y="584947"/>
                    <a:pt x="1343524" y="583324"/>
                    <a:pt x="1345147" y="584947"/>
                  </a:cubicBezTo>
                  <a:cubicBezTo>
                    <a:pt x="1345147" y="584947"/>
                    <a:pt x="1345147" y="584947"/>
                    <a:pt x="1345147" y="586570"/>
                  </a:cubicBezTo>
                  <a:cubicBezTo>
                    <a:pt x="1345147" y="584947"/>
                    <a:pt x="1345147" y="584947"/>
                    <a:pt x="1346770" y="586570"/>
                  </a:cubicBezTo>
                  <a:cubicBezTo>
                    <a:pt x="1350016" y="588193"/>
                    <a:pt x="1351639" y="589816"/>
                    <a:pt x="1351639" y="589816"/>
                  </a:cubicBezTo>
                  <a:cubicBezTo>
                    <a:pt x="1351639" y="589816"/>
                    <a:pt x="1350016" y="588193"/>
                    <a:pt x="1353262" y="588193"/>
                  </a:cubicBezTo>
                  <a:cubicBezTo>
                    <a:pt x="1356508" y="589816"/>
                    <a:pt x="1358131" y="588193"/>
                    <a:pt x="1358131" y="588193"/>
                  </a:cubicBezTo>
                  <a:cubicBezTo>
                    <a:pt x="1359754" y="588193"/>
                    <a:pt x="1363001" y="588193"/>
                    <a:pt x="1363001" y="588193"/>
                  </a:cubicBezTo>
                  <a:cubicBezTo>
                    <a:pt x="1363001" y="588193"/>
                    <a:pt x="1363001" y="588193"/>
                    <a:pt x="1359754" y="586570"/>
                  </a:cubicBezTo>
                  <a:cubicBezTo>
                    <a:pt x="1359754" y="586570"/>
                    <a:pt x="1359754" y="586570"/>
                    <a:pt x="1356508" y="586570"/>
                  </a:cubicBezTo>
                  <a:cubicBezTo>
                    <a:pt x="1356508" y="586570"/>
                    <a:pt x="1356508" y="586570"/>
                    <a:pt x="1356508" y="584947"/>
                  </a:cubicBezTo>
                  <a:cubicBezTo>
                    <a:pt x="1356508" y="584947"/>
                    <a:pt x="1356508" y="584947"/>
                    <a:pt x="1358131" y="583324"/>
                  </a:cubicBezTo>
                  <a:cubicBezTo>
                    <a:pt x="1358131" y="583324"/>
                    <a:pt x="1358131" y="583324"/>
                    <a:pt x="1363001" y="583324"/>
                  </a:cubicBezTo>
                  <a:cubicBezTo>
                    <a:pt x="1363001" y="583324"/>
                    <a:pt x="1363001" y="583324"/>
                    <a:pt x="1364624" y="583324"/>
                  </a:cubicBezTo>
                  <a:cubicBezTo>
                    <a:pt x="1364624" y="583324"/>
                    <a:pt x="1364624" y="583324"/>
                    <a:pt x="1366247" y="583324"/>
                  </a:cubicBezTo>
                  <a:cubicBezTo>
                    <a:pt x="1366247" y="583324"/>
                    <a:pt x="1366247" y="583324"/>
                    <a:pt x="1366247" y="581701"/>
                  </a:cubicBezTo>
                  <a:cubicBezTo>
                    <a:pt x="1366247" y="581701"/>
                    <a:pt x="1366247" y="581701"/>
                    <a:pt x="1364624" y="580078"/>
                  </a:cubicBezTo>
                  <a:cubicBezTo>
                    <a:pt x="1364624" y="580078"/>
                    <a:pt x="1364624" y="580078"/>
                    <a:pt x="1363001" y="580078"/>
                  </a:cubicBezTo>
                  <a:cubicBezTo>
                    <a:pt x="1363001" y="580078"/>
                    <a:pt x="1363001" y="580078"/>
                    <a:pt x="1364624" y="578456"/>
                  </a:cubicBezTo>
                  <a:cubicBezTo>
                    <a:pt x="1364624" y="578456"/>
                    <a:pt x="1364624" y="578456"/>
                    <a:pt x="1364624" y="576833"/>
                  </a:cubicBezTo>
                  <a:cubicBezTo>
                    <a:pt x="1364624" y="576833"/>
                    <a:pt x="1364624" y="576833"/>
                    <a:pt x="1363001" y="575210"/>
                  </a:cubicBezTo>
                  <a:cubicBezTo>
                    <a:pt x="1363001" y="575210"/>
                    <a:pt x="1363001" y="571964"/>
                    <a:pt x="1361378" y="573587"/>
                  </a:cubicBezTo>
                  <a:cubicBezTo>
                    <a:pt x="1361378" y="573587"/>
                    <a:pt x="1359754" y="573587"/>
                    <a:pt x="1359754" y="573587"/>
                  </a:cubicBezTo>
                  <a:cubicBezTo>
                    <a:pt x="1358131" y="575210"/>
                    <a:pt x="1358131" y="575210"/>
                    <a:pt x="1356508" y="575210"/>
                  </a:cubicBezTo>
                  <a:cubicBezTo>
                    <a:pt x="1356508" y="575210"/>
                    <a:pt x="1358131" y="573587"/>
                    <a:pt x="1356508" y="573587"/>
                  </a:cubicBezTo>
                  <a:cubicBezTo>
                    <a:pt x="1354885" y="573587"/>
                    <a:pt x="1353262" y="571964"/>
                    <a:pt x="1351639" y="571964"/>
                  </a:cubicBezTo>
                  <a:cubicBezTo>
                    <a:pt x="1351639" y="571964"/>
                    <a:pt x="1351639" y="571964"/>
                    <a:pt x="1351639" y="570341"/>
                  </a:cubicBezTo>
                  <a:cubicBezTo>
                    <a:pt x="1351639" y="568719"/>
                    <a:pt x="1351639" y="567096"/>
                    <a:pt x="1350016" y="567096"/>
                  </a:cubicBezTo>
                  <a:cubicBezTo>
                    <a:pt x="1350016" y="568719"/>
                    <a:pt x="1350016" y="567096"/>
                    <a:pt x="1348393" y="567096"/>
                  </a:cubicBezTo>
                  <a:cubicBezTo>
                    <a:pt x="1348393" y="567096"/>
                    <a:pt x="1348393" y="567096"/>
                    <a:pt x="1348393" y="565473"/>
                  </a:cubicBezTo>
                  <a:cubicBezTo>
                    <a:pt x="1348393" y="565473"/>
                    <a:pt x="1348393" y="565473"/>
                    <a:pt x="1348393" y="562227"/>
                  </a:cubicBezTo>
                  <a:cubicBezTo>
                    <a:pt x="1348393" y="562227"/>
                    <a:pt x="1350016" y="562227"/>
                    <a:pt x="1350016" y="560604"/>
                  </a:cubicBezTo>
                  <a:cubicBezTo>
                    <a:pt x="1350016" y="560604"/>
                    <a:pt x="1351639" y="558981"/>
                    <a:pt x="1351639" y="558981"/>
                  </a:cubicBezTo>
                  <a:cubicBezTo>
                    <a:pt x="1350016" y="558981"/>
                    <a:pt x="1350016" y="557359"/>
                    <a:pt x="1348393" y="557359"/>
                  </a:cubicBezTo>
                  <a:cubicBezTo>
                    <a:pt x="1348393" y="557359"/>
                    <a:pt x="1348393" y="557359"/>
                    <a:pt x="1348393" y="555736"/>
                  </a:cubicBezTo>
                  <a:cubicBezTo>
                    <a:pt x="1346770" y="555736"/>
                    <a:pt x="1346770" y="554113"/>
                    <a:pt x="1346770" y="554113"/>
                  </a:cubicBezTo>
                  <a:cubicBezTo>
                    <a:pt x="1348393" y="554113"/>
                    <a:pt x="1351639" y="552490"/>
                    <a:pt x="1351639" y="552490"/>
                  </a:cubicBezTo>
                  <a:cubicBezTo>
                    <a:pt x="1351639" y="552490"/>
                    <a:pt x="1351639" y="552490"/>
                    <a:pt x="1351639" y="550867"/>
                  </a:cubicBezTo>
                  <a:cubicBezTo>
                    <a:pt x="1351639" y="550867"/>
                    <a:pt x="1351639" y="547621"/>
                    <a:pt x="1351639" y="547621"/>
                  </a:cubicBezTo>
                  <a:cubicBezTo>
                    <a:pt x="1351639" y="547621"/>
                    <a:pt x="1348393" y="547621"/>
                    <a:pt x="1348393" y="547621"/>
                  </a:cubicBezTo>
                  <a:cubicBezTo>
                    <a:pt x="1348393" y="547621"/>
                    <a:pt x="1348393" y="547621"/>
                    <a:pt x="1348393" y="544376"/>
                  </a:cubicBezTo>
                  <a:cubicBezTo>
                    <a:pt x="1348393" y="544376"/>
                    <a:pt x="1348393" y="544376"/>
                    <a:pt x="1350016" y="541130"/>
                  </a:cubicBezTo>
                  <a:cubicBezTo>
                    <a:pt x="1350016" y="541130"/>
                    <a:pt x="1350016" y="541130"/>
                    <a:pt x="1351639" y="542753"/>
                  </a:cubicBezTo>
                  <a:cubicBezTo>
                    <a:pt x="1351639" y="542753"/>
                    <a:pt x="1351639" y="542753"/>
                    <a:pt x="1353262" y="542753"/>
                  </a:cubicBezTo>
                  <a:cubicBezTo>
                    <a:pt x="1354885" y="542753"/>
                    <a:pt x="1354885" y="544376"/>
                    <a:pt x="1356508" y="544376"/>
                  </a:cubicBezTo>
                  <a:cubicBezTo>
                    <a:pt x="1356508" y="544376"/>
                    <a:pt x="1358131" y="544376"/>
                    <a:pt x="1358131" y="544376"/>
                  </a:cubicBezTo>
                  <a:cubicBezTo>
                    <a:pt x="1358131" y="545999"/>
                    <a:pt x="1361378" y="545999"/>
                    <a:pt x="1361378" y="545999"/>
                  </a:cubicBezTo>
                  <a:cubicBezTo>
                    <a:pt x="1361378" y="545999"/>
                    <a:pt x="1361378" y="545999"/>
                    <a:pt x="1363001" y="537884"/>
                  </a:cubicBezTo>
                  <a:cubicBezTo>
                    <a:pt x="1363001" y="537884"/>
                    <a:pt x="1363001" y="537884"/>
                    <a:pt x="1358131" y="539507"/>
                  </a:cubicBezTo>
                  <a:cubicBezTo>
                    <a:pt x="1358131" y="539507"/>
                    <a:pt x="1358131" y="536262"/>
                    <a:pt x="1358131" y="536262"/>
                  </a:cubicBezTo>
                  <a:cubicBezTo>
                    <a:pt x="1356508" y="536262"/>
                    <a:pt x="1356508" y="533016"/>
                    <a:pt x="1354885" y="533016"/>
                  </a:cubicBezTo>
                  <a:cubicBezTo>
                    <a:pt x="1353262" y="534639"/>
                    <a:pt x="1353262" y="533016"/>
                    <a:pt x="1353262" y="533016"/>
                  </a:cubicBezTo>
                  <a:cubicBezTo>
                    <a:pt x="1353262" y="533016"/>
                    <a:pt x="1353262" y="531393"/>
                    <a:pt x="1353262" y="531393"/>
                  </a:cubicBezTo>
                  <a:cubicBezTo>
                    <a:pt x="1353262" y="529770"/>
                    <a:pt x="1353262" y="529770"/>
                    <a:pt x="1354885" y="528147"/>
                  </a:cubicBezTo>
                  <a:cubicBezTo>
                    <a:pt x="1356508" y="528147"/>
                    <a:pt x="1358131" y="526524"/>
                    <a:pt x="1358131" y="526524"/>
                  </a:cubicBezTo>
                  <a:cubicBezTo>
                    <a:pt x="1358131" y="526524"/>
                    <a:pt x="1358131" y="526524"/>
                    <a:pt x="1361378" y="524902"/>
                  </a:cubicBezTo>
                  <a:cubicBezTo>
                    <a:pt x="1361378" y="524902"/>
                    <a:pt x="1361378" y="524902"/>
                    <a:pt x="1361378" y="523279"/>
                  </a:cubicBezTo>
                  <a:cubicBezTo>
                    <a:pt x="1361378" y="523279"/>
                    <a:pt x="1361378" y="523279"/>
                    <a:pt x="1359754" y="520033"/>
                  </a:cubicBezTo>
                  <a:cubicBezTo>
                    <a:pt x="1359754" y="520033"/>
                    <a:pt x="1359754" y="520033"/>
                    <a:pt x="1361378" y="518410"/>
                  </a:cubicBezTo>
                  <a:cubicBezTo>
                    <a:pt x="1361378" y="518410"/>
                    <a:pt x="1361378" y="518410"/>
                    <a:pt x="1363001" y="518410"/>
                  </a:cubicBezTo>
                  <a:cubicBezTo>
                    <a:pt x="1364624" y="516787"/>
                    <a:pt x="1364624" y="515164"/>
                    <a:pt x="1364624" y="515164"/>
                  </a:cubicBezTo>
                  <a:cubicBezTo>
                    <a:pt x="1364624" y="515164"/>
                    <a:pt x="1364624" y="515164"/>
                    <a:pt x="1363001" y="513542"/>
                  </a:cubicBezTo>
                  <a:cubicBezTo>
                    <a:pt x="1363001" y="513542"/>
                    <a:pt x="1363001" y="513542"/>
                    <a:pt x="1363001" y="511919"/>
                  </a:cubicBezTo>
                  <a:cubicBezTo>
                    <a:pt x="1363001" y="511919"/>
                    <a:pt x="1364624" y="510296"/>
                    <a:pt x="1363001" y="510296"/>
                  </a:cubicBezTo>
                  <a:cubicBezTo>
                    <a:pt x="1363001" y="510296"/>
                    <a:pt x="1361378" y="508673"/>
                    <a:pt x="1359754" y="508673"/>
                  </a:cubicBezTo>
                  <a:cubicBezTo>
                    <a:pt x="1359754" y="508673"/>
                    <a:pt x="1354885" y="510296"/>
                    <a:pt x="1354885" y="510296"/>
                  </a:cubicBezTo>
                  <a:cubicBezTo>
                    <a:pt x="1354885" y="510296"/>
                    <a:pt x="1354885" y="510296"/>
                    <a:pt x="1351639" y="510296"/>
                  </a:cubicBezTo>
                  <a:cubicBezTo>
                    <a:pt x="1351639" y="510296"/>
                    <a:pt x="1351639" y="510296"/>
                    <a:pt x="1348393" y="510296"/>
                  </a:cubicBezTo>
                  <a:cubicBezTo>
                    <a:pt x="1348393" y="510296"/>
                    <a:pt x="1348393" y="510296"/>
                    <a:pt x="1346770" y="508673"/>
                  </a:cubicBezTo>
                  <a:cubicBezTo>
                    <a:pt x="1346770" y="508673"/>
                    <a:pt x="1346770" y="508673"/>
                    <a:pt x="1343524" y="508673"/>
                  </a:cubicBezTo>
                  <a:cubicBezTo>
                    <a:pt x="1343524" y="510296"/>
                    <a:pt x="1341900" y="510296"/>
                    <a:pt x="1341900" y="510296"/>
                  </a:cubicBezTo>
                  <a:cubicBezTo>
                    <a:pt x="1341900" y="510296"/>
                    <a:pt x="1341900" y="510296"/>
                    <a:pt x="1338654" y="511919"/>
                  </a:cubicBezTo>
                  <a:cubicBezTo>
                    <a:pt x="1338654" y="511919"/>
                    <a:pt x="1338654" y="511919"/>
                    <a:pt x="1337031" y="510296"/>
                  </a:cubicBezTo>
                  <a:cubicBezTo>
                    <a:pt x="1337031" y="510296"/>
                    <a:pt x="1337031" y="510296"/>
                    <a:pt x="1332162" y="510296"/>
                  </a:cubicBezTo>
                  <a:cubicBezTo>
                    <a:pt x="1332162" y="510296"/>
                    <a:pt x="1332162" y="510296"/>
                    <a:pt x="1328916" y="510296"/>
                  </a:cubicBezTo>
                  <a:cubicBezTo>
                    <a:pt x="1327292" y="510296"/>
                    <a:pt x="1325669" y="508673"/>
                    <a:pt x="1324046" y="508673"/>
                  </a:cubicBezTo>
                  <a:cubicBezTo>
                    <a:pt x="1324046" y="508673"/>
                    <a:pt x="1324046" y="508673"/>
                    <a:pt x="1322423" y="507050"/>
                  </a:cubicBezTo>
                  <a:cubicBezTo>
                    <a:pt x="1322423" y="507050"/>
                    <a:pt x="1322423" y="507050"/>
                    <a:pt x="1319177" y="503804"/>
                  </a:cubicBezTo>
                  <a:cubicBezTo>
                    <a:pt x="1319177" y="503804"/>
                    <a:pt x="1319177" y="502182"/>
                    <a:pt x="1319177" y="502182"/>
                  </a:cubicBezTo>
                  <a:cubicBezTo>
                    <a:pt x="1319177" y="502182"/>
                    <a:pt x="1317554" y="500559"/>
                    <a:pt x="1317554" y="500559"/>
                  </a:cubicBezTo>
                  <a:cubicBezTo>
                    <a:pt x="1315930" y="500559"/>
                    <a:pt x="1311061" y="500559"/>
                    <a:pt x="1311061" y="500559"/>
                  </a:cubicBezTo>
                  <a:cubicBezTo>
                    <a:pt x="1311061" y="500559"/>
                    <a:pt x="1311061" y="500559"/>
                    <a:pt x="1306192" y="498936"/>
                  </a:cubicBezTo>
                  <a:cubicBezTo>
                    <a:pt x="1306192" y="498936"/>
                    <a:pt x="1306192" y="498936"/>
                    <a:pt x="1302946" y="498936"/>
                  </a:cubicBezTo>
                  <a:cubicBezTo>
                    <a:pt x="1302946" y="498936"/>
                    <a:pt x="1302946" y="498936"/>
                    <a:pt x="1301323" y="498936"/>
                  </a:cubicBezTo>
                  <a:cubicBezTo>
                    <a:pt x="1299700" y="498936"/>
                    <a:pt x="1299700" y="498936"/>
                    <a:pt x="1298076" y="498936"/>
                  </a:cubicBezTo>
                  <a:cubicBezTo>
                    <a:pt x="1296453" y="498936"/>
                    <a:pt x="1296453" y="497313"/>
                    <a:pt x="1296453" y="497313"/>
                  </a:cubicBezTo>
                  <a:cubicBezTo>
                    <a:pt x="1294830" y="497313"/>
                    <a:pt x="1293207" y="497313"/>
                    <a:pt x="1293207" y="495690"/>
                  </a:cubicBezTo>
                  <a:cubicBezTo>
                    <a:pt x="1293207" y="495690"/>
                    <a:pt x="1293207" y="495690"/>
                    <a:pt x="1289961" y="494067"/>
                  </a:cubicBezTo>
                  <a:cubicBezTo>
                    <a:pt x="1289961" y="494067"/>
                    <a:pt x="1288338" y="492445"/>
                    <a:pt x="1288338" y="490822"/>
                  </a:cubicBezTo>
                  <a:cubicBezTo>
                    <a:pt x="1288338" y="490822"/>
                    <a:pt x="1288338" y="489199"/>
                    <a:pt x="1288338" y="489199"/>
                  </a:cubicBezTo>
                  <a:cubicBezTo>
                    <a:pt x="1288338" y="489199"/>
                    <a:pt x="1286715" y="487576"/>
                    <a:pt x="1288338" y="487576"/>
                  </a:cubicBezTo>
                  <a:cubicBezTo>
                    <a:pt x="1289961" y="485953"/>
                    <a:pt x="1289961" y="485953"/>
                    <a:pt x="1291584" y="485953"/>
                  </a:cubicBezTo>
                  <a:cubicBezTo>
                    <a:pt x="1291584" y="485953"/>
                    <a:pt x="1294830" y="485953"/>
                    <a:pt x="1296453" y="485953"/>
                  </a:cubicBezTo>
                  <a:cubicBezTo>
                    <a:pt x="1298076" y="485953"/>
                    <a:pt x="1302946" y="485953"/>
                    <a:pt x="1302946" y="485953"/>
                  </a:cubicBezTo>
                  <a:cubicBezTo>
                    <a:pt x="1304569" y="485953"/>
                    <a:pt x="1306192" y="484330"/>
                    <a:pt x="1306192" y="485953"/>
                  </a:cubicBezTo>
                  <a:cubicBezTo>
                    <a:pt x="1307815" y="485953"/>
                    <a:pt x="1307815" y="484330"/>
                    <a:pt x="1309438" y="484330"/>
                  </a:cubicBezTo>
                  <a:cubicBezTo>
                    <a:pt x="1311061" y="485953"/>
                    <a:pt x="1312684" y="485953"/>
                    <a:pt x="1314307" y="487576"/>
                  </a:cubicBezTo>
                  <a:cubicBezTo>
                    <a:pt x="1315930" y="487576"/>
                    <a:pt x="1317554" y="485953"/>
                    <a:pt x="1317554" y="487576"/>
                  </a:cubicBezTo>
                  <a:cubicBezTo>
                    <a:pt x="1317554" y="487576"/>
                    <a:pt x="1317554" y="487576"/>
                    <a:pt x="1320800" y="489199"/>
                  </a:cubicBezTo>
                  <a:cubicBezTo>
                    <a:pt x="1320800" y="489199"/>
                    <a:pt x="1322423" y="489199"/>
                    <a:pt x="1324046" y="489199"/>
                  </a:cubicBezTo>
                  <a:cubicBezTo>
                    <a:pt x="1324046" y="490822"/>
                    <a:pt x="1327292" y="490822"/>
                    <a:pt x="1327292" y="490822"/>
                  </a:cubicBezTo>
                  <a:cubicBezTo>
                    <a:pt x="1327292" y="492445"/>
                    <a:pt x="1332162" y="494067"/>
                    <a:pt x="1332162" y="494067"/>
                  </a:cubicBezTo>
                  <a:cubicBezTo>
                    <a:pt x="1332162" y="494067"/>
                    <a:pt x="1332162" y="494067"/>
                    <a:pt x="1335408" y="494067"/>
                  </a:cubicBezTo>
                  <a:cubicBezTo>
                    <a:pt x="1335408" y="494067"/>
                    <a:pt x="1335408" y="494067"/>
                    <a:pt x="1337031" y="497313"/>
                  </a:cubicBezTo>
                  <a:cubicBezTo>
                    <a:pt x="1338654" y="497313"/>
                    <a:pt x="1340277" y="497313"/>
                    <a:pt x="1341900" y="497313"/>
                  </a:cubicBezTo>
                  <a:cubicBezTo>
                    <a:pt x="1341900" y="497313"/>
                    <a:pt x="1343524" y="497313"/>
                    <a:pt x="1343524" y="497313"/>
                  </a:cubicBezTo>
                  <a:cubicBezTo>
                    <a:pt x="1343524" y="497313"/>
                    <a:pt x="1343524" y="497313"/>
                    <a:pt x="1345147" y="498936"/>
                  </a:cubicBezTo>
                  <a:cubicBezTo>
                    <a:pt x="1345147" y="498936"/>
                    <a:pt x="1345147" y="498936"/>
                    <a:pt x="1346770" y="498936"/>
                  </a:cubicBezTo>
                  <a:cubicBezTo>
                    <a:pt x="1346770" y="498936"/>
                    <a:pt x="1346770" y="498936"/>
                    <a:pt x="1350016" y="498936"/>
                  </a:cubicBezTo>
                  <a:cubicBezTo>
                    <a:pt x="1350016" y="498936"/>
                    <a:pt x="1350016" y="498936"/>
                    <a:pt x="1351639" y="498936"/>
                  </a:cubicBezTo>
                  <a:cubicBezTo>
                    <a:pt x="1351639" y="498936"/>
                    <a:pt x="1351639" y="498936"/>
                    <a:pt x="1354885" y="497313"/>
                  </a:cubicBezTo>
                  <a:cubicBezTo>
                    <a:pt x="1354885" y="497313"/>
                    <a:pt x="1354885" y="497313"/>
                    <a:pt x="1353262" y="495690"/>
                  </a:cubicBezTo>
                  <a:cubicBezTo>
                    <a:pt x="1353262" y="495690"/>
                    <a:pt x="1353262" y="495690"/>
                    <a:pt x="1351639" y="492445"/>
                  </a:cubicBezTo>
                  <a:cubicBezTo>
                    <a:pt x="1351639" y="492445"/>
                    <a:pt x="1351639" y="492445"/>
                    <a:pt x="1350016" y="490822"/>
                  </a:cubicBezTo>
                  <a:cubicBezTo>
                    <a:pt x="1350016" y="490822"/>
                    <a:pt x="1350016" y="490822"/>
                    <a:pt x="1351639" y="487576"/>
                  </a:cubicBezTo>
                  <a:cubicBezTo>
                    <a:pt x="1351639" y="487576"/>
                    <a:pt x="1351639" y="487576"/>
                    <a:pt x="1351639" y="485953"/>
                  </a:cubicBezTo>
                  <a:cubicBezTo>
                    <a:pt x="1351639" y="485953"/>
                    <a:pt x="1351639" y="485953"/>
                    <a:pt x="1348393" y="484330"/>
                  </a:cubicBezTo>
                  <a:cubicBezTo>
                    <a:pt x="1348393" y="484330"/>
                    <a:pt x="1348393" y="482707"/>
                    <a:pt x="1346770" y="482707"/>
                  </a:cubicBezTo>
                  <a:cubicBezTo>
                    <a:pt x="1346770" y="482707"/>
                    <a:pt x="1345147" y="479462"/>
                    <a:pt x="1345147" y="479462"/>
                  </a:cubicBezTo>
                  <a:cubicBezTo>
                    <a:pt x="1345147" y="479462"/>
                    <a:pt x="1345147" y="479462"/>
                    <a:pt x="1343524" y="477839"/>
                  </a:cubicBezTo>
                  <a:cubicBezTo>
                    <a:pt x="1343524" y="477839"/>
                    <a:pt x="1343524" y="477839"/>
                    <a:pt x="1340277" y="474593"/>
                  </a:cubicBezTo>
                  <a:cubicBezTo>
                    <a:pt x="1338654" y="474593"/>
                    <a:pt x="1337031" y="474593"/>
                    <a:pt x="1335408" y="474593"/>
                  </a:cubicBezTo>
                  <a:cubicBezTo>
                    <a:pt x="1335408" y="474593"/>
                    <a:pt x="1333785" y="474593"/>
                    <a:pt x="1333785" y="474593"/>
                  </a:cubicBezTo>
                  <a:cubicBezTo>
                    <a:pt x="1333785" y="474593"/>
                    <a:pt x="1333785" y="474593"/>
                    <a:pt x="1333785" y="472970"/>
                  </a:cubicBezTo>
                  <a:cubicBezTo>
                    <a:pt x="1333785" y="472970"/>
                    <a:pt x="1333785" y="471347"/>
                    <a:pt x="1335408" y="471347"/>
                  </a:cubicBezTo>
                  <a:cubicBezTo>
                    <a:pt x="1335408" y="469724"/>
                    <a:pt x="1338654" y="468102"/>
                    <a:pt x="1338654" y="468102"/>
                  </a:cubicBezTo>
                  <a:cubicBezTo>
                    <a:pt x="1338654" y="468102"/>
                    <a:pt x="1338654" y="468102"/>
                    <a:pt x="1338654" y="466479"/>
                  </a:cubicBezTo>
                  <a:cubicBezTo>
                    <a:pt x="1338654" y="466479"/>
                    <a:pt x="1338654" y="466479"/>
                    <a:pt x="1340277" y="463233"/>
                  </a:cubicBezTo>
                  <a:cubicBezTo>
                    <a:pt x="1340277" y="463233"/>
                    <a:pt x="1340277" y="463233"/>
                    <a:pt x="1341900" y="463233"/>
                  </a:cubicBezTo>
                  <a:cubicBezTo>
                    <a:pt x="1341900" y="463233"/>
                    <a:pt x="1341900" y="459987"/>
                    <a:pt x="1338654" y="459987"/>
                  </a:cubicBezTo>
                  <a:cubicBezTo>
                    <a:pt x="1337031" y="461610"/>
                    <a:pt x="1335408" y="461610"/>
                    <a:pt x="1333785" y="461610"/>
                  </a:cubicBezTo>
                  <a:cubicBezTo>
                    <a:pt x="1333785" y="461610"/>
                    <a:pt x="1332162" y="461610"/>
                    <a:pt x="1332162" y="463233"/>
                  </a:cubicBezTo>
                  <a:cubicBezTo>
                    <a:pt x="1330539" y="464856"/>
                    <a:pt x="1332162" y="463233"/>
                    <a:pt x="1330539" y="463233"/>
                  </a:cubicBezTo>
                  <a:cubicBezTo>
                    <a:pt x="1328916" y="464856"/>
                    <a:pt x="1328916" y="463233"/>
                    <a:pt x="1328916" y="463233"/>
                  </a:cubicBezTo>
                  <a:cubicBezTo>
                    <a:pt x="1328916" y="463233"/>
                    <a:pt x="1328916" y="463233"/>
                    <a:pt x="1325669" y="461610"/>
                  </a:cubicBezTo>
                  <a:cubicBezTo>
                    <a:pt x="1325669" y="461610"/>
                    <a:pt x="1325669" y="461610"/>
                    <a:pt x="1325669" y="459987"/>
                  </a:cubicBezTo>
                  <a:cubicBezTo>
                    <a:pt x="1325669" y="459987"/>
                    <a:pt x="1327292" y="456742"/>
                    <a:pt x="1325669" y="458365"/>
                  </a:cubicBezTo>
                  <a:cubicBezTo>
                    <a:pt x="1324046" y="458365"/>
                    <a:pt x="1320800" y="458365"/>
                    <a:pt x="1320800" y="458365"/>
                  </a:cubicBezTo>
                  <a:cubicBezTo>
                    <a:pt x="1320800" y="458365"/>
                    <a:pt x="1320800" y="458365"/>
                    <a:pt x="1319177" y="456742"/>
                  </a:cubicBezTo>
                  <a:cubicBezTo>
                    <a:pt x="1319177" y="456742"/>
                    <a:pt x="1319177" y="455119"/>
                    <a:pt x="1317554" y="456742"/>
                  </a:cubicBezTo>
                  <a:cubicBezTo>
                    <a:pt x="1315930" y="456742"/>
                    <a:pt x="1315930" y="456742"/>
                    <a:pt x="1315930" y="456742"/>
                  </a:cubicBezTo>
                  <a:cubicBezTo>
                    <a:pt x="1315930" y="458365"/>
                    <a:pt x="1312684" y="456742"/>
                    <a:pt x="1312684" y="456742"/>
                  </a:cubicBezTo>
                  <a:cubicBezTo>
                    <a:pt x="1312684" y="456742"/>
                    <a:pt x="1312684" y="456742"/>
                    <a:pt x="1312684" y="455119"/>
                  </a:cubicBezTo>
                  <a:cubicBezTo>
                    <a:pt x="1312684" y="455119"/>
                    <a:pt x="1312684" y="455119"/>
                    <a:pt x="1312684" y="453496"/>
                  </a:cubicBezTo>
                  <a:cubicBezTo>
                    <a:pt x="1312684" y="451873"/>
                    <a:pt x="1314307" y="451873"/>
                    <a:pt x="1314307" y="450250"/>
                  </a:cubicBezTo>
                  <a:cubicBezTo>
                    <a:pt x="1315930" y="450250"/>
                    <a:pt x="1315930" y="448627"/>
                    <a:pt x="1314307" y="448627"/>
                  </a:cubicBezTo>
                  <a:cubicBezTo>
                    <a:pt x="1314307" y="448627"/>
                    <a:pt x="1312684" y="447005"/>
                    <a:pt x="1312684" y="448627"/>
                  </a:cubicBezTo>
                  <a:cubicBezTo>
                    <a:pt x="1312684" y="448627"/>
                    <a:pt x="1309438" y="451873"/>
                    <a:pt x="1309438" y="450250"/>
                  </a:cubicBezTo>
                  <a:cubicBezTo>
                    <a:pt x="1309438" y="450250"/>
                    <a:pt x="1309438" y="450250"/>
                    <a:pt x="1306192" y="448627"/>
                  </a:cubicBezTo>
                  <a:cubicBezTo>
                    <a:pt x="1306192" y="448627"/>
                    <a:pt x="1306192" y="445382"/>
                    <a:pt x="1304569" y="445382"/>
                  </a:cubicBezTo>
                  <a:cubicBezTo>
                    <a:pt x="1304569" y="445382"/>
                    <a:pt x="1302946" y="445382"/>
                    <a:pt x="1301323" y="443759"/>
                  </a:cubicBezTo>
                  <a:cubicBezTo>
                    <a:pt x="1299700" y="442136"/>
                    <a:pt x="1299700" y="438890"/>
                    <a:pt x="1299700" y="437267"/>
                  </a:cubicBezTo>
                  <a:cubicBezTo>
                    <a:pt x="1299700" y="437267"/>
                    <a:pt x="1301323" y="434022"/>
                    <a:pt x="1299700" y="434022"/>
                  </a:cubicBezTo>
                  <a:cubicBezTo>
                    <a:pt x="1298076" y="435645"/>
                    <a:pt x="1298076" y="437267"/>
                    <a:pt x="1298076" y="437267"/>
                  </a:cubicBezTo>
                  <a:cubicBezTo>
                    <a:pt x="1298076" y="438890"/>
                    <a:pt x="1298076" y="438890"/>
                    <a:pt x="1299700" y="440513"/>
                  </a:cubicBezTo>
                  <a:cubicBezTo>
                    <a:pt x="1299700" y="442136"/>
                    <a:pt x="1299700" y="442136"/>
                    <a:pt x="1301323" y="443759"/>
                  </a:cubicBezTo>
                  <a:cubicBezTo>
                    <a:pt x="1301323" y="443759"/>
                    <a:pt x="1302946" y="447005"/>
                    <a:pt x="1302946" y="447005"/>
                  </a:cubicBezTo>
                  <a:cubicBezTo>
                    <a:pt x="1302946" y="447005"/>
                    <a:pt x="1302946" y="447005"/>
                    <a:pt x="1304569" y="451873"/>
                  </a:cubicBezTo>
                  <a:cubicBezTo>
                    <a:pt x="1304569" y="451873"/>
                    <a:pt x="1304569" y="451873"/>
                    <a:pt x="1302946" y="453496"/>
                  </a:cubicBezTo>
                  <a:cubicBezTo>
                    <a:pt x="1302946" y="453496"/>
                    <a:pt x="1302946" y="453496"/>
                    <a:pt x="1299700" y="455119"/>
                  </a:cubicBezTo>
                  <a:cubicBezTo>
                    <a:pt x="1298076" y="456742"/>
                    <a:pt x="1298076" y="456742"/>
                    <a:pt x="1298076" y="459987"/>
                  </a:cubicBezTo>
                  <a:cubicBezTo>
                    <a:pt x="1296453" y="461610"/>
                    <a:pt x="1296453" y="463233"/>
                    <a:pt x="1294830" y="463233"/>
                  </a:cubicBezTo>
                  <a:cubicBezTo>
                    <a:pt x="1294830" y="464856"/>
                    <a:pt x="1293207" y="464856"/>
                    <a:pt x="1291584" y="464856"/>
                  </a:cubicBezTo>
                  <a:cubicBezTo>
                    <a:pt x="1291584" y="466479"/>
                    <a:pt x="1281846" y="464856"/>
                    <a:pt x="1281846" y="464856"/>
                  </a:cubicBezTo>
                  <a:cubicBezTo>
                    <a:pt x="1281846" y="464856"/>
                    <a:pt x="1281846" y="464856"/>
                    <a:pt x="1280222" y="463233"/>
                  </a:cubicBezTo>
                  <a:cubicBezTo>
                    <a:pt x="1280222" y="463233"/>
                    <a:pt x="1276976" y="463233"/>
                    <a:pt x="1276976" y="463233"/>
                  </a:cubicBezTo>
                  <a:cubicBezTo>
                    <a:pt x="1275353" y="463233"/>
                    <a:pt x="1272107" y="464856"/>
                    <a:pt x="1272107" y="464856"/>
                  </a:cubicBezTo>
                  <a:cubicBezTo>
                    <a:pt x="1270484" y="464856"/>
                    <a:pt x="1268861" y="463233"/>
                    <a:pt x="1268861" y="463233"/>
                  </a:cubicBezTo>
                  <a:cubicBezTo>
                    <a:pt x="1267238" y="463233"/>
                    <a:pt x="1267238" y="459987"/>
                    <a:pt x="1265615" y="459987"/>
                  </a:cubicBezTo>
                  <a:cubicBezTo>
                    <a:pt x="1263991" y="458365"/>
                    <a:pt x="1265615" y="456742"/>
                    <a:pt x="1265615" y="456742"/>
                  </a:cubicBezTo>
                  <a:cubicBezTo>
                    <a:pt x="1265615" y="456742"/>
                    <a:pt x="1265615" y="455119"/>
                    <a:pt x="1267238" y="455119"/>
                  </a:cubicBezTo>
                  <a:cubicBezTo>
                    <a:pt x="1267238" y="455119"/>
                    <a:pt x="1270484" y="455119"/>
                    <a:pt x="1270484" y="455119"/>
                  </a:cubicBezTo>
                  <a:cubicBezTo>
                    <a:pt x="1270484" y="455119"/>
                    <a:pt x="1270484" y="455119"/>
                    <a:pt x="1272107" y="453496"/>
                  </a:cubicBezTo>
                  <a:cubicBezTo>
                    <a:pt x="1272107" y="453496"/>
                    <a:pt x="1272107" y="453496"/>
                    <a:pt x="1275353" y="453496"/>
                  </a:cubicBezTo>
                  <a:cubicBezTo>
                    <a:pt x="1275353" y="453496"/>
                    <a:pt x="1275353" y="453496"/>
                    <a:pt x="1280222" y="450250"/>
                  </a:cubicBezTo>
                  <a:cubicBezTo>
                    <a:pt x="1280222" y="450250"/>
                    <a:pt x="1280222" y="450250"/>
                    <a:pt x="1281846" y="448627"/>
                  </a:cubicBezTo>
                  <a:cubicBezTo>
                    <a:pt x="1281846" y="448627"/>
                    <a:pt x="1281846" y="448627"/>
                    <a:pt x="1283469" y="447005"/>
                  </a:cubicBezTo>
                  <a:cubicBezTo>
                    <a:pt x="1283469" y="447005"/>
                    <a:pt x="1283469" y="447005"/>
                    <a:pt x="1285092" y="445382"/>
                  </a:cubicBezTo>
                  <a:cubicBezTo>
                    <a:pt x="1285092" y="445382"/>
                    <a:pt x="1285092" y="445382"/>
                    <a:pt x="1285092" y="443759"/>
                  </a:cubicBezTo>
                  <a:cubicBezTo>
                    <a:pt x="1285092" y="443759"/>
                    <a:pt x="1283469" y="443759"/>
                    <a:pt x="1283469" y="443759"/>
                  </a:cubicBezTo>
                  <a:cubicBezTo>
                    <a:pt x="1281846" y="445382"/>
                    <a:pt x="1281846" y="445382"/>
                    <a:pt x="1278599" y="447005"/>
                  </a:cubicBezTo>
                  <a:cubicBezTo>
                    <a:pt x="1276976" y="450250"/>
                    <a:pt x="1276976" y="450250"/>
                    <a:pt x="1276976" y="450250"/>
                  </a:cubicBezTo>
                  <a:cubicBezTo>
                    <a:pt x="1275353" y="450250"/>
                    <a:pt x="1275353" y="448627"/>
                    <a:pt x="1273730" y="448627"/>
                  </a:cubicBezTo>
                  <a:cubicBezTo>
                    <a:pt x="1273730" y="448627"/>
                    <a:pt x="1272107" y="448627"/>
                    <a:pt x="1272107" y="448627"/>
                  </a:cubicBezTo>
                  <a:cubicBezTo>
                    <a:pt x="1272107" y="448627"/>
                    <a:pt x="1272107" y="448627"/>
                    <a:pt x="1275353" y="447005"/>
                  </a:cubicBezTo>
                  <a:cubicBezTo>
                    <a:pt x="1276976" y="445382"/>
                    <a:pt x="1278599" y="443759"/>
                    <a:pt x="1278599" y="442136"/>
                  </a:cubicBezTo>
                  <a:cubicBezTo>
                    <a:pt x="1278599" y="442136"/>
                    <a:pt x="1278599" y="442136"/>
                    <a:pt x="1280222" y="440513"/>
                  </a:cubicBezTo>
                  <a:cubicBezTo>
                    <a:pt x="1280222" y="440513"/>
                    <a:pt x="1280222" y="440513"/>
                    <a:pt x="1281846" y="438890"/>
                  </a:cubicBezTo>
                  <a:cubicBezTo>
                    <a:pt x="1281846" y="437267"/>
                    <a:pt x="1281846" y="437267"/>
                    <a:pt x="1283469" y="435645"/>
                  </a:cubicBezTo>
                  <a:cubicBezTo>
                    <a:pt x="1283469" y="435645"/>
                    <a:pt x="1283469" y="434022"/>
                    <a:pt x="1285092" y="432399"/>
                  </a:cubicBezTo>
                  <a:cubicBezTo>
                    <a:pt x="1286715" y="430776"/>
                    <a:pt x="1288338" y="432399"/>
                    <a:pt x="1288338" y="432399"/>
                  </a:cubicBezTo>
                  <a:cubicBezTo>
                    <a:pt x="1288338" y="432399"/>
                    <a:pt x="1291584" y="429153"/>
                    <a:pt x="1288338" y="429153"/>
                  </a:cubicBezTo>
                  <a:cubicBezTo>
                    <a:pt x="1285092" y="429153"/>
                    <a:pt x="1285092" y="427530"/>
                    <a:pt x="1283469" y="427530"/>
                  </a:cubicBezTo>
                  <a:cubicBezTo>
                    <a:pt x="1283469" y="425908"/>
                    <a:pt x="1281846" y="425908"/>
                    <a:pt x="1281846" y="424285"/>
                  </a:cubicBezTo>
                  <a:cubicBezTo>
                    <a:pt x="1281846" y="424285"/>
                    <a:pt x="1283469" y="422662"/>
                    <a:pt x="1283469" y="421039"/>
                  </a:cubicBezTo>
                  <a:cubicBezTo>
                    <a:pt x="1283469" y="421039"/>
                    <a:pt x="1283469" y="417793"/>
                    <a:pt x="1283469" y="417793"/>
                  </a:cubicBezTo>
                  <a:cubicBezTo>
                    <a:pt x="1283469" y="417793"/>
                    <a:pt x="1283469" y="417793"/>
                    <a:pt x="1283469" y="414548"/>
                  </a:cubicBezTo>
                  <a:cubicBezTo>
                    <a:pt x="1283469" y="414548"/>
                    <a:pt x="1281846" y="412925"/>
                    <a:pt x="1280222" y="412925"/>
                  </a:cubicBezTo>
                  <a:cubicBezTo>
                    <a:pt x="1278599" y="412925"/>
                    <a:pt x="1278599" y="412925"/>
                    <a:pt x="1278599" y="412925"/>
                  </a:cubicBezTo>
                  <a:cubicBezTo>
                    <a:pt x="1276976" y="412925"/>
                    <a:pt x="1276976" y="412925"/>
                    <a:pt x="1275353" y="412925"/>
                  </a:cubicBezTo>
                  <a:cubicBezTo>
                    <a:pt x="1273730" y="412925"/>
                    <a:pt x="1272107" y="411302"/>
                    <a:pt x="1272107" y="411302"/>
                  </a:cubicBezTo>
                  <a:cubicBezTo>
                    <a:pt x="1272107" y="411302"/>
                    <a:pt x="1272107" y="411302"/>
                    <a:pt x="1270484" y="412925"/>
                  </a:cubicBezTo>
                  <a:cubicBezTo>
                    <a:pt x="1270484" y="412925"/>
                    <a:pt x="1270484" y="406433"/>
                    <a:pt x="1272107" y="404810"/>
                  </a:cubicBezTo>
                  <a:cubicBezTo>
                    <a:pt x="1273730" y="403188"/>
                    <a:pt x="1273730" y="403188"/>
                    <a:pt x="1273730" y="401565"/>
                  </a:cubicBezTo>
                  <a:cubicBezTo>
                    <a:pt x="1273730" y="401565"/>
                    <a:pt x="1273730" y="401565"/>
                    <a:pt x="1273730" y="398319"/>
                  </a:cubicBezTo>
                  <a:cubicBezTo>
                    <a:pt x="1272107" y="398319"/>
                    <a:pt x="1272107" y="396696"/>
                    <a:pt x="1270484" y="396696"/>
                  </a:cubicBezTo>
                  <a:cubicBezTo>
                    <a:pt x="1270484" y="396696"/>
                    <a:pt x="1267238" y="395073"/>
                    <a:pt x="1267238" y="395073"/>
                  </a:cubicBezTo>
                  <a:cubicBezTo>
                    <a:pt x="1267238" y="395073"/>
                    <a:pt x="1265615" y="393451"/>
                    <a:pt x="1265615" y="393451"/>
                  </a:cubicBezTo>
                  <a:cubicBezTo>
                    <a:pt x="1265615" y="393451"/>
                    <a:pt x="1265615" y="393451"/>
                    <a:pt x="1265615" y="390205"/>
                  </a:cubicBezTo>
                  <a:cubicBezTo>
                    <a:pt x="1265615" y="390205"/>
                    <a:pt x="1265615" y="390205"/>
                    <a:pt x="1263991" y="386959"/>
                  </a:cubicBezTo>
                  <a:cubicBezTo>
                    <a:pt x="1263991" y="386959"/>
                    <a:pt x="1263991" y="386959"/>
                    <a:pt x="1262368" y="383713"/>
                  </a:cubicBezTo>
                  <a:cubicBezTo>
                    <a:pt x="1262368" y="383713"/>
                    <a:pt x="1262368" y="382091"/>
                    <a:pt x="1260745" y="382091"/>
                  </a:cubicBezTo>
                  <a:cubicBezTo>
                    <a:pt x="1260745" y="380468"/>
                    <a:pt x="1259122" y="377222"/>
                    <a:pt x="1257499" y="377222"/>
                  </a:cubicBezTo>
                  <a:cubicBezTo>
                    <a:pt x="1257499" y="377222"/>
                    <a:pt x="1257499" y="373976"/>
                    <a:pt x="1255876" y="373976"/>
                  </a:cubicBezTo>
                  <a:cubicBezTo>
                    <a:pt x="1255876" y="372353"/>
                    <a:pt x="1254253" y="370731"/>
                    <a:pt x="1254253" y="370731"/>
                  </a:cubicBezTo>
                  <a:cubicBezTo>
                    <a:pt x="1254253" y="369108"/>
                    <a:pt x="1254253" y="365862"/>
                    <a:pt x="1254253" y="365862"/>
                  </a:cubicBezTo>
                  <a:cubicBezTo>
                    <a:pt x="1254253" y="365862"/>
                    <a:pt x="1254253" y="365862"/>
                    <a:pt x="1255876" y="364239"/>
                  </a:cubicBezTo>
                  <a:cubicBezTo>
                    <a:pt x="1255876" y="364239"/>
                    <a:pt x="1255876" y="364239"/>
                    <a:pt x="1252630" y="360994"/>
                  </a:cubicBezTo>
                  <a:cubicBezTo>
                    <a:pt x="1252630" y="359371"/>
                    <a:pt x="1252630" y="357748"/>
                    <a:pt x="1251007" y="357748"/>
                  </a:cubicBezTo>
                  <a:cubicBezTo>
                    <a:pt x="1249384" y="357748"/>
                    <a:pt x="1247761" y="356125"/>
                    <a:pt x="1247761" y="356125"/>
                  </a:cubicBezTo>
                  <a:cubicBezTo>
                    <a:pt x="1247761" y="356125"/>
                    <a:pt x="1247761" y="356125"/>
                    <a:pt x="1246137" y="356125"/>
                  </a:cubicBezTo>
                  <a:cubicBezTo>
                    <a:pt x="1246137" y="356125"/>
                    <a:pt x="1246137" y="356125"/>
                    <a:pt x="1244514" y="354502"/>
                  </a:cubicBezTo>
                  <a:cubicBezTo>
                    <a:pt x="1244514" y="354502"/>
                    <a:pt x="1244514" y="354502"/>
                    <a:pt x="1242891" y="351256"/>
                  </a:cubicBezTo>
                  <a:cubicBezTo>
                    <a:pt x="1241268" y="351256"/>
                    <a:pt x="1242891" y="349634"/>
                    <a:pt x="1241268" y="348011"/>
                  </a:cubicBezTo>
                  <a:cubicBezTo>
                    <a:pt x="1241268" y="348011"/>
                    <a:pt x="1241268" y="346388"/>
                    <a:pt x="1238022" y="346388"/>
                  </a:cubicBezTo>
                  <a:cubicBezTo>
                    <a:pt x="1236399" y="344765"/>
                    <a:pt x="1236399" y="344765"/>
                    <a:pt x="1234776" y="344765"/>
                  </a:cubicBezTo>
                  <a:cubicBezTo>
                    <a:pt x="1234776" y="344765"/>
                    <a:pt x="1231530" y="341519"/>
                    <a:pt x="1229906" y="341519"/>
                  </a:cubicBezTo>
                  <a:cubicBezTo>
                    <a:pt x="1228283" y="343142"/>
                    <a:pt x="1226660" y="341519"/>
                    <a:pt x="1226660" y="341519"/>
                  </a:cubicBezTo>
                  <a:cubicBezTo>
                    <a:pt x="1226660" y="341519"/>
                    <a:pt x="1223414" y="341519"/>
                    <a:pt x="1223414" y="341519"/>
                  </a:cubicBezTo>
                  <a:cubicBezTo>
                    <a:pt x="1223414" y="341519"/>
                    <a:pt x="1223414" y="341519"/>
                    <a:pt x="1220168" y="336651"/>
                  </a:cubicBezTo>
                  <a:cubicBezTo>
                    <a:pt x="1220168" y="336651"/>
                    <a:pt x="1220168" y="336651"/>
                    <a:pt x="1218545" y="333405"/>
                  </a:cubicBezTo>
                  <a:cubicBezTo>
                    <a:pt x="1218545" y="333405"/>
                    <a:pt x="1218545" y="333405"/>
                    <a:pt x="1218545" y="330159"/>
                  </a:cubicBezTo>
                  <a:cubicBezTo>
                    <a:pt x="1218545" y="330159"/>
                    <a:pt x="1218545" y="330159"/>
                    <a:pt x="1220168" y="328537"/>
                  </a:cubicBezTo>
                  <a:cubicBezTo>
                    <a:pt x="1220168" y="328537"/>
                    <a:pt x="1220168" y="328537"/>
                    <a:pt x="1220168" y="326914"/>
                  </a:cubicBezTo>
                  <a:cubicBezTo>
                    <a:pt x="1220168" y="326914"/>
                    <a:pt x="1220168" y="326914"/>
                    <a:pt x="1220168" y="325291"/>
                  </a:cubicBezTo>
                  <a:cubicBezTo>
                    <a:pt x="1220168" y="325291"/>
                    <a:pt x="1220168" y="325291"/>
                    <a:pt x="1218545" y="323668"/>
                  </a:cubicBezTo>
                  <a:cubicBezTo>
                    <a:pt x="1218545" y="323668"/>
                    <a:pt x="1216922" y="322045"/>
                    <a:pt x="1216922" y="322045"/>
                  </a:cubicBezTo>
                  <a:cubicBezTo>
                    <a:pt x="1215299" y="322045"/>
                    <a:pt x="1215299" y="318799"/>
                    <a:pt x="1215299" y="318799"/>
                  </a:cubicBezTo>
                  <a:cubicBezTo>
                    <a:pt x="1215299" y="318799"/>
                    <a:pt x="1215299" y="318799"/>
                    <a:pt x="1215299" y="317177"/>
                  </a:cubicBezTo>
                  <a:cubicBezTo>
                    <a:pt x="1215299" y="317177"/>
                    <a:pt x="1215299" y="317177"/>
                    <a:pt x="1210429" y="317177"/>
                  </a:cubicBezTo>
                  <a:cubicBezTo>
                    <a:pt x="1210429" y="317177"/>
                    <a:pt x="1210429" y="317177"/>
                    <a:pt x="1207183" y="317177"/>
                  </a:cubicBezTo>
                  <a:cubicBezTo>
                    <a:pt x="1207183" y="317177"/>
                    <a:pt x="1207183" y="317177"/>
                    <a:pt x="1202314" y="315554"/>
                  </a:cubicBezTo>
                  <a:cubicBezTo>
                    <a:pt x="1202314" y="315554"/>
                    <a:pt x="1202314" y="315554"/>
                    <a:pt x="1200691" y="313931"/>
                  </a:cubicBezTo>
                  <a:cubicBezTo>
                    <a:pt x="1200691" y="313931"/>
                    <a:pt x="1200691" y="313931"/>
                    <a:pt x="1199068" y="312308"/>
                  </a:cubicBezTo>
                  <a:cubicBezTo>
                    <a:pt x="1199068" y="312308"/>
                    <a:pt x="1199068" y="310685"/>
                    <a:pt x="1197445" y="310685"/>
                  </a:cubicBezTo>
                  <a:cubicBezTo>
                    <a:pt x="1197445" y="310685"/>
                    <a:pt x="1195822" y="307439"/>
                    <a:pt x="1194198" y="309062"/>
                  </a:cubicBezTo>
                  <a:cubicBezTo>
                    <a:pt x="1192575" y="309062"/>
                    <a:pt x="1192575" y="307439"/>
                    <a:pt x="1190952" y="307439"/>
                  </a:cubicBezTo>
                  <a:cubicBezTo>
                    <a:pt x="1189329" y="307439"/>
                    <a:pt x="1186083" y="307439"/>
                    <a:pt x="1186083" y="307439"/>
                  </a:cubicBezTo>
                  <a:cubicBezTo>
                    <a:pt x="1184460" y="309062"/>
                    <a:pt x="1182837" y="307439"/>
                    <a:pt x="1182837" y="307439"/>
                  </a:cubicBezTo>
                  <a:cubicBezTo>
                    <a:pt x="1182837" y="307439"/>
                    <a:pt x="1182837" y="307439"/>
                    <a:pt x="1181214" y="305817"/>
                  </a:cubicBezTo>
                  <a:cubicBezTo>
                    <a:pt x="1181214" y="305817"/>
                    <a:pt x="1179591" y="305817"/>
                    <a:pt x="1179591" y="305817"/>
                  </a:cubicBezTo>
                  <a:cubicBezTo>
                    <a:pt x="1177967" y="305817"/>
                    <a:pt x="1176344" y="304194"/>
                    <a:pt x="1176344" y="304194"/>
                  </a:cubicBezTo>
                  <a:cubicBezTo>
                    <a:pt x="1174721" y="304194"/>
                    <a:pt x="1174721" y="302571"/>
                    <a:pt x="1173098" y="302571"/>
                  </a:cubicBezTo>
                  <a:cubicBezTo>
                    <a:pt x="1171475" y="302571"/>
                    <a:pt x="1171475" y="302571"/>
                    <a:pt x="1169852" y="302571"/>
                  </a:cubicBezTo>
                  <a:cubicBezTo>
                    <a:pt x="1166606" y="300948"/>
                    <a:pt x="1161737" y="302571"/>
                    <a:pt x="1161737" y="302571"/>
                  </a:cubicBezTo>
                  <a:cubicBezTo>
                    <a:pt x="1161737" y="302571"/>
                    <a:pt x="1160113" y="300948"/>
                    <a:pt x="1160113" y="300948"/>
                  </a:cubicBezTo>
                  <a:cubicBezTo>
                    <a:pt x="1158490" y="300948"/>
                    <a:pt x="1153621" y="300948"/>
                    <a:pt x="1153621" y="300948"/>
                  </a:cubicBezTo>
                  <a:cubicBezTo>
                    <a:pt x="1153621" y="300948"/>
                    <a:pt x="1151998" y="297702"/>
                    <a:pt x="1151998" y="299325"/>
                  </a:cubicBezTo>
                  <a:cubicBezTo>
                    <a:pt x="1150375" y="299325"/>
                    <a:pt x="1148752" y="297702"/>
                    <a:pt x="1147129" y="299325"/>
                  </a:cubicBezTo>
                  <a:cubicBezTo>
                    <a:pt x="1147129" y="299325"/>
                    <a:pt x="1143882" y="297702"/>
                    <a:pt x="1143882" y="297702"/>
                  </a:cubicBezTo>
                  <a:cubicBezTo>
                    <a:pt x="1143882" y="297702"/>
                    <a:pt x="1143882" y="297702"/>
                    <a:pt x="1139013" y="297702"/>
                  </a:cubicBezTo>
                  <a:cubicBezTo>
                    <a:pt x="1139013" y="297702"/>
                    <a:pt x="1139013" y="297702"/>
                    <a:pt x="1134144" y="294457"/>
                  </a:cubicBezTo>
                  <a:cubicBezTo>
                    <a:pt x="1134144" y="294457"/>
                    <a:pt x="1134144" y="294457"/>
                    <a:pt x="1130898" y="294457"/>
                  </a:cubicBezTo>
                  <a:cubicBezTo>
                    <a:pt x="1130898" y="294457"/>
                    <a:pt x="1130898" y="294457"/>
                    <a:pt x="1129275" y="292834"/>
                  </a:cubicBezTo>
                  <a:cubicBezTo>
                    <a:pt x="1129275" y="294457"/>
                    <a:pt x="1127652" y="296080"/>
                    <a:pt x="1127652" y="297702"/>
                  </a:cubicBezTo>
                  <a:cubicBezTo>
                    <a:pt x="1126028" y="297702"/>
                    <a:pt x="1124405" y="297702"/>
                    <a:pt x="1122782" y="299325"/>
                  </a:cubicBezTo>
                  <a:cubicBezTo>
                    <a:pt x="1121159" y="300948"/>
                    <a:pt x="1119536" y="300948"/>
                    <a:pt x="1119536" y="302571"/>
                  </a:cubicBezTo>
                  <a:cubicBezTo>
                    <a:pt x="1119536" y="302571"/>
                    <a:pt x="1119536" y="302571"/>
                    <a:pt x="1117913" y="300948"/>
                  </a:cubicBezTo>
                  <a:cubicBezTo>
                    <a:pt x="1117913" y="300948"/>
                    <a:pt x="1116290" y="299325"/>
                    <a:pt x="1114667" y="299325"/>
                  </a:cubicBezTo>
                  <a:cubicBezTo>
                    <a:pt x="1113044" y="299325"/>
                    <a:pt x="1113044" y="296080"/>
                    <a:pt x="1111421" y="297702"/>
                  </a:cubicBezTo>
                  <a:cubicBezTo>
                    <a:pt x="1111421" y="297702"/>
                    <a:pt x="1111421" y="297702"/>
                    <a:pt x="1109798" y="297702"/>
                  </a:cubicBezTo>
                  <a:cubicBezTo>
                    <a:pt x="1109798" y="297702"/>
                    <a:pt x="1108174" y="297702"/>
                    <a:pt x="1108174" y="297702"/>
                  </a:cubicBezTo>
                  <a:cubicBezTo>
                    <a:pt x="1108174" y="299325"/>
                    <a:pt x="1106551" y="299325"/>
                    <a:pt x="1106551" y="299325"/>
                  </a:cubicBezTo>
                  <a:cubicBezTo>
                    <a:pt x="1106551" y="300948"/>
                    <a:pt x="1104928" y="299325"/>
                    <a:pt x="1104928" y="299325"/>
                  </a:cubicBezTo>
                  <a:cubicBezTo>
                    <a:pt x="1104928" y="300948"/>
                    <a:pt x="1104928" y="300948"/>
                    <a:pt x="1104928" y="300948"/>
                  </a:cubicBezTo>
                  <a:cubicBezTo>
                    <a:pt x="1104928" y="300948"/>
                    <a:pt x="1104928" y="300948"/>
                    <a:pt x="1101682" y="302571"/>
                  </a:cubicBezTo>
                  <a:cubicBezTo>
                    <a:pt x="1100059" y="302571"/>
                    <a:pt x="1098436" y="302571"/>
                    <a:pt x="1098436" y="304194"/>
                  </a:cubicBezTo>
                  <a:cubicBezTo>
                    <a:pt x="1098436" y="304194"/>
                    <a:pt x="1096813" y="304194"/>
                    <a:pt x="1096813" y="305817"/>
                  </a:cubicBezTo>
                  <a:cubicBezTo>
                    <a:pt x="1096813" y="305817"/>
                    <a:pt x="1093567" y="305817"/>
                    <a:pt x="1093567" y="305817"/>
                  </a:cubicBezTo>
                  <a:cubicBezTo>
                    <a:pt x="1091943" y="305817"/>
                    <a:pt x="1091943" y="305817"/>
                    <a:pt x="1091943" y="305817"/>
                  </a:cubicBezTo>
                  <a:cubicBezTo>
                    <a:pt x="1091943" y="305817"/>
                    <a:pt x="1087074" y="305817"/>
                    <a:pt x="1085451" y="305817"/>
                  </a:cubicBezTo>
                  <a:cubicBezTo>
                    <a:pt x="1085451" y="305817"/>
                    <a:pt x="1083828" y="302571"/>
                    <a:pt x="1083828" y="302571"/>
                  </a:cubicBezTo>
                  <a:cubicBezTo>
                    <a:pt x="1083828" y="302571"/>
                    <a:pt x="1083828" y="302571"/>
                    <a:pt x="1085451" y="300948"/>
                  </a:cubicBezTo>
                  <a:cubicBezTo>
                    <a:pt x="1085451" y="300948"/>
                    <a:pt x="1085451" y="300948"/>
                    <a:pt x="1082205" y="299325"/>
                  </a:cubicBezTo>
                  <a:cubicBezTo>
                    <a:pt x="1080582" y="299325"/>
                    <a:pt x="1078959" y="297702"/>
                    <a:pt x="1078959" y="299325"/>
                  </a:cubicBezTo>
                  <a:cubicBezTo>
                    <a:pt x="1077336" y="299325"/>
                    <a:pt x="1075713" y="299325"/>
                    <a:pt x="1075713" y="299325"/>
                  </a:cubicBezTo>
                  <a:cubicBezTo>
                    <a:pt x="1075713" y="300948"/>
                    <a:pt x="1075713" y="299325"/>
                    <a:pt x="1075713" y="300948"/>
                  </a:cubicBezTo>
                  <a:cubicBezTo>
                    <a:pt x="1074089" y="304194"/>
                    <a:pt x="1074089" y="305817"/>
                    <a:pt x="1074089" y="305817"/>
                  </a:cubicBezTo>
                  <a:cubicBezTo>
                    <a:pt x="1074089" y="305817"/>
                    <a:pt x="1072466" y="305817"/>
                    <a:pt x="1070843" y="305817"/>
                  </a:cubicBezTo>
                  <a:cubicBezTo>
                    <a:pt x="1070843" y="305817"/>
                    <a:pt x="1070843" y="304194"/>
                    <a:pt x="1069220" y="302571"/>
                  </a:cubicBezTo>
                  <a:cubicBezTo>
                    <a:pt x="1069220" y="302571"/>
                    <a:pt x="1067597" y="299325"/>
                    <a:pt x="1065974" y="300948"/>
                  </a:cubicBezTo>
                  <a:cubicBezTo>
                    <a:pt x="1065974" y="300948"/>
                    <a:pt x="1064351" y="299325"/>
                    <a:pt x="1064351" y="300948"/>
                  </a:cubicBezTo>
                  <a:cubicBezTo>
                    <a:pt x="1064351" y="300948"/>
                    <a:pt x="1062728" y="299325"/>
                    <a:pt x="1062728" y="299325"/>
                  </a:cubicBezTo>
                  <a:cubicBezTo>
                    <a:pt x="1061105" y="300948"/>
                    <a:pt x="1061105" y="300948"/>
                    <a:pt x="1061105" y="302571"/>
                  </a:cubicBezTo>
                  <a:cubicBezTo>
                    <a:pt x="1062728" y="302571"/>
                    <a:pt x="1064351" y="304194"/>
                    <a:pt x="1064351" y="305817"/>
                  </a:cubicBezTo>
                  <a:cubicBezTo>
                    <a:pt x="1064351" y="305817"/>
                    <a:pt x="1065974" y="307439"/>
                    <a:pt x="1065974" y="307439"/>
                  </a:cubicBezTo>
                  <a:cubicBezTo>
                    <a:pt x="1065974" y="307439"/>
                    <a:pt x="1065974" y="307439"/>
                    <a:pt x="1064351" y="309062"/>
                  </a:cubicBezTo>
                  <a:cubicBezTo>
                    <a:pt x="1064351" y="309062"/>
                    <a:pt x="1064351" y="309062"/>
                    <a:pt x="1061105" y="309062"/>
                  </a:cubicBezTo>
                  <a:cubicBezTo>
                    <a:pt x="1061105" y="309062"/>
                    <a:pt x="1061105" y="307439"/>
                    <a:pt x="1059482" y="307439"/>
                  </a:cubicBezTo>
                  <a:cubicBezTo>
                    <a:pt x="1059482" y="309062"/>
                    <a:pt x="1056235" y="307439"/>
                    <a:pt x="1054612" y="307439"/>
                  </a:cubicBezTo>
                  <a:cubicBezTo>
                    <a:pt x="1052989" y="309062"/>
                    <a:pt x="1051366" y="307439"/>
                    <a:pt x="1049743" y="307439"/>
                  </a:cubicBezTo>
                  <a:cubicBezTo>
                    <a:pt x="1048120" y="309062"/>
                    <a:pt x="1048120" y="307439"/>
                    <a:pt x="1046497" y="309062"/>
                  </a:cubicBezTo>
                  <a:cubicBezTo>
                    <a:pt x="1044874" y="309062"/>
                    <a:pt x="1040004" y="307439"/>
                    <a:pt x="1040004" y="307439"/>
                  </a:cubicBezTo>
                  <a:cubicBezTo>
                    <a:pt x="1040004" y="307439"/>
                    <a:pt x="1040004" y="307439"/>
                    <a:pt x="1038381" y="305817"/>
                  </a:cubicBezTo>
                  <a:cubicBezTo>
                    <a:pt x="1038381" y="305817"/>
                    <a:pt x="1038381" y="305817"/>
                    <a:pt x="1033512" y="304194"/>
                  </a:cubicBezTo>
                  <a:cubicBezTo>
                    <a:pt x="1033512" y="304194"/>
                    <a:pt x="1033512" y="304194"/>
                    <a:pt x="1030266" y="302571"/>
                  </a:cubicBezTo>
                  <a:cubicBezTo>
                    <a:pt x="1030266" y="302571"/>
                    <a:pt x="1030266" y="302571"/>
                    <a:pt x="1028643" y="300948"/>
                  </a:cubicBezTo>
                  <a:cubicBezTo>
                    <a:pt x="1028643" y="300948"/>
                    <a:pt x="1027020" y="300948"/>
                    <a:pt x="1025397" y="299325"/>
                  </a:cubicBezTo>
                  <a:cubicBezTo>
                    <a:pt x="1025397" y="299325"/>
                    <a:pt x="1023774" y="294457"/>
                    <a:pt x="1023774" y="296080"/>
                  </a:cubicBezTo>
                  <a:cubicBezTo>
                    <a:pt x="1023774" y="296080"/>
                    <a:pt x="1023774" y="296080"/>
                    <a:pt x="1022150" y="294457"/>
                  </a:cubicBezTo>
                  <a:cubicBezTo>
                    <a:pt x="1022150" y="294457"/>
                    <a:pt x="1022150" y="294457"/>
                    <a:pt x="1022150" y="292834"/>
                  </a:cubicBezTo>
                  <a:cubicBezTo>
                    <a:pt x="1022150" y="292834"/>
                    <a:pt x="1022150" y="292834"/>
                    <a:pt x="1023774" y="291211"/>
                  </a:cubicBezTo>
                  <a:cubicBezTo>
                    <a:pt x="1023774" y="291211"/>
                    <a:pt x="1023774" y="291211"/>
                    <a:pt x="1025397" y="291211"/>
                  </a:cubicBezTo>
                  <a:cubicBezTo>
                    <a:pt x="1027020" y="291211"/>
                    <a:pt x="1028643" y="291211"/>
                    <a:pt x="1028643" y="289588"/>
                  </a:cubicBezTo>
                  <a:cubicBezTo>
                    <a:pt x="1028643" y="289588"/>
                    <a:pt x="1028643" y="291211"/>
                    <a:pt x="1030266" y="289588"/>
                  </a:cubicBezTo>
                  <a:cubicBezTo>
                    <a:pt x="1030266" y="289588"/>
                    <a:pt x="1031889" y="287965"/>
                    <a:pt x="1031889" y="287965"/>
                  </a:cubicBezTo>
                  <a:cubicBezTo>
                    <a:pt x="1031889" y="287965"/>
                    <a:pt x="1031889" y="287965"/>
                    <a:pt x="1033512" y="287965"/>
                  </a:cubicBezTo>
                  <a:cubicBezTo>
                    <a:pt x="1033512" y="287965"/>
                    <a:pt x="1033512" y="287965"/>
                    <a:pt x="1035135" y="287965"/>
                  </a:cubicBezTo>
                  <a:cubicBezTo>
                    <a:pt x="1035135" y="287965"/>
                    <a:pt x="1035135" y="287965"/>
                    <a:pt x="1038381" y="287965"/>
                  </a:cubicBezTo>
                  <a:cubicBezTo>
                    <a:pt x="1038381" y="287965"/>
                    <a:pt x="1038381" y="287965"/>
                    <a:pt x="1043251" y="287965"/>
                  </a:cubicBezTo>
                  <a:cubicBezTo>
                    <a:pt x="1043251" y="287965"/>
                    <a:pt x="1043251" y="287965"/>
                    <a:pt x="1044874" y="286342"/>
                  </a:cubicBezTo>
                  <a:cubicBezTo>
                    <a:pt x="1044874" y="286342"/>
                    <a:pt x="1044874" y="286342"/>
                    <a:pt x="1043251" y="284720"/>
                  </a:cubicBezTo>
                  <a:cubicBezTo>
                    <a:pt x="1043251" y="284720"/>
                    <a:pt x="1040004" y="283097"/>
                    <a:pt x="1038381" y="283097"/>
                  </a:cubicBezTo>
                  <a:cubicBezTo>
                    <a:pt x="1036758" y="283097"/>
                    <a:pt x="1036758" y="283097"/>
                    <a:pt x="1035135" y="283097"/>
                  </a:cubicBezTo>
                  <a:cubicBezTo>
                    <a:pt x="1035135" y="283097"/>
                    <a:pt x="1035135" y="283097"/>
                    <a:pt x="1031889" y="283097"/>
                  </a:cubicBezTo>
                  <a:cubicBezTo>
                    <a:pt x="1031889" y="283097"/>
                    <a:pt x="1031889" y="283097"/>
                    <a:pt x="1030266" y="283097"/>
                  </a:cubicBezTo>
                  <a:cubicBezTo>
                    <a:pt x="1030266" y="283097"/>
                    <a:pt x="1030266" y="283097"/>
                    <a:pt x="1027020" y="283097"/>
                  </a:cubicBezTo>
                  <a:cubicBezTo>
                    <a:pt x="1027020" y="283097"/>
                    <a:pt x="1027020" y="283097"/>
                    <a:pt x="1023774" y="283097"/>
                  </a:cubicBezTo>
                  <a:cubicBezTo>
                    <a:pt x="1023774" y="283097"/>
                    <a:pt x="1022150" y="281474"/>
                    <a:pt x="1020527" y="283097"/>
                  </a:cubicBezTo>
                  <a:cubicBezTo>
                    <a:pt x="1020527" y="283097"/>
                    <a:pt x="1018904" y="283097"/>
                    <a:pt x="1017281" y="283097"/>
                  </a:cubicBezTo>
                  <a:cubicBezTo>
                    <a:pt x="1017281" y="283097"/>
                    <a:pt x="1014035" y="283097"/>
                    <a:pt x="1014035" y="283097"/>
                  </a:cubicBezTo>
                  <a:cubicBezTo>
                    <a:pt x="1014035" y="283097"/>
                    <a:pt x="1014035" y="283097"/>
                    <a:pt x="1012412" y="281474"/>
                  </a:cubicBezTo>
                  <a:cubicBezTo>
                    <a:pt x="1012412" y="281474"/>
                    <a:pt x="1012412" y="281474"/>
                    <a:pt x="1010789" y="278228"/>
                  </a:cubicBezTo>
                  <a:cubicBezTo>
                    <a:pt x="1010789" y="278228"/>
                    <a:pt x="1010789" y="278228"/>
                    <a:pt x="1010789" y="276605"/>
                  </a:cubicBezTo>
                  <a:cubicBezTo>
                    <a:pt x="1010789" y="276605"/>
                    <a:pt x="1010789" y="276605"/>
                    <a:pt x="1012412" y="274982"/>
                  </a:cubicBezTo>
                  <a:cubicBezTo>
                    <a:pt x="1012412" y="274982"/>
                    <a:pt x="1012412" y="274982"/>
                    <a:pt x="1010789" y="273360"/>
                  </a:cubicBezTo>
                  <a:cubicBezTo>
                    <a:pt x="1010789" y="273360"/>
                    <a:pt x="1010789" y="273360"/>
                    <a:pt x="1007543" y="274982"/>
                  </a:cubicBezTo>
                  <a:cubicBezTo>
                    <a:pt x="1007543" y="274982"/>
                    <a:pt x="1005919" y="274982"/>
                    <a:pt x="1004296" y="276605"/>
                  </a:cubicBezTo>
                  <a:cubicBezTo>
                    <a:pt x="1004296" y="276605"/>
                    <a:pt x="1002673" y="276605"/>
                    <a:pt x="1002673" y="276605"/>
                  </a:cubicBezTo>
                  <a:cubicBezTo>
                    <a:pt x="1002673" y="276605"/>
                    <a:pt x="1002673" y="276605"/>
                    <a:pt x="999427" y="276605"/>
                  </a:cubicBezTo>
                  <a:cubicBezTo>
                    <a:pt x="999427" y="276605"/>
                    <a:pt x="999427" y="276605"/>
                    <a:pt x="996181" y="276605"/>
                  </a:cubicBezTo>
                  <a:cubicBezTo>
                    <a:pt x="996181" y="276605"/>
                    <a:pt x="996181" y="276605"/>
                    <a:pt x="994558" y="276605"/>
                  </a:cubicBezTo>
                  <a:cubicBezTo>
                    <a:pt x="994558" y="276605"/>
                    <a:pt x="994558" y="276605"/>
                    <a:pt x="994558" y="274982"/>
                  </a:cubicBezTo>
                  <a:cubicBezTo>
                    <a:pt x="992935" y="273360"/>
                    <a:pt x="991312" y="273360"/>
                    <a:pt x="991312" y="273360"/>
                  </a:cubicBezTo>
                  <a:cubicBezTo>
                    <a:pt x="989689" y="273360"/>
                    <a:pt x="989689" y="271737"/>
                    <a:pt x="988065" y="271737"/>
                  </a:cubicBezTo>
                  <a:cubicBezTo>
                    <a:pt x="988065" y="271737"/>
                    <a:pt x="988065" y="271737"/>
                    <a:pt x="986442" y="270114"/>
                  </a:cubicBezTo>
                  <a:cubicBezTo>
                    <a:pt x="986442" y="270114"/>
                    <a:pt x="986442" y="268491"/>
                    <a:pt x="988065" y="268491"/>
                  </a:cubicBezTo>
                  <a:cubicBezTo>
                    <a:pt x="988065" y="266868"/>
                    <a:pt x="989689" y="265245"/>
                    <a:pt x="991312" y="265245"/>
                  </a:cubicBezTo>
                  <a:cubicBezTo>
                    <a:pt x="991312" y="265245"/>
                    <a:pt x="991312" y="265245"/>
                    <a:pt x="992935" y="265245"/>
                  </a:cubicBezTo>
                  <a:cubicBezTo>
                    <a:pt x="992935" y="265245"/>
                    <a:pt x="996181" y="265245"/>
                    <a:pt x="997804" y="265245"/>
                  </a:cubicBezTo>
                  <a:cubicBezTo>
                    <a:pt x="997804" y="265245"/>
                    <a:pt x="1001050" y="265245"/>
                    <a:pt x="1001050" y="265245"/>
                  </a:cubicBezTo>
                  <a:cubicBezTo>
                    <a:pt x="1002673" y="265245"/>
                    <a:pt x="1002673" y="263623"/>
                    <a:pt x="1004296" y="265245"/>
                  </a:cubicBezTo>
                  <a:cubicBezTo>
                    <a:pt x="1004296" y="265245"/>
                    <a:pt x="1005919" y="263623"/>
                    <a:pt x="1005919" y="263623"/>
                  </a:cubicBezTo>
                  <a:cubicBezTo>
                    <a:pt x="1007543" y="263623"/>
                    <a:pt x="1010789" y="263623"/>
                    <a:pt x="1012412" y="263623"/>
                  </a:cubicBezTo>
                  <a:cubicBezTo>
                    <a:pt x="1012412" y="263623"/>
                    <a:pt x="1022150" y="263623"/>
                    <a:pt x="1023774" y="263623"/>
                  </a:cubicBezTo>
                  <a:cubicBezTo>
                    <a:pt x="1023774" y="263623"/>
                    <a:pt x="1027020" y="262000"/>
                    <a:pt x="1028643" y="262000"/>
                  </a:cubicBezTo>
                  <a:cubicBezTo>
                    <a:pt x="1028643" y="262000"/>
                    <a:pt x="1030266" y="260377"/>
                    <a:pt x="1030266" y="260377"/>
                  </a:cubicBezTo>
                  <a:cubicBezTo>
                    <a:pt x="1030266" y="260377"/>
                    <a:pt x="1030266" y="260377"/>
                    <a:pt x="1031889" y="260377"/>
                  </a:cubicBezTo>
                  <a:cubicBezTo>
                    <a:pt x="1031889" y="260377"/>
                    <a:pt x="1031889" y="258754"/>
                    <a:pt x="1033512" y="258754"/>
                  </a:cubicBezTo>
                  <a:cubicBezTo>
                    <a:pt x="1035135" y="258754"/>
                    <a:pt x="1036758" y="258754"/>
                    <a:pt x="1036758" y="258754"/>
                  </a:cubicBezTo>
                  <a:cubicBezTo>
                    <a:pt x="1036758" y="258754"/>
                    <a:pt x="1036758" y="258754"/>
                    <a:pt x="1056235" y="260377"/>
                  </a:cubicBezTo>
                  <a:cubicBezTo>
                    <a:pt x="1056235" y="260377"/>
                    <a:pt x="1057858" y="258754"/>
                    <a:pt x="1059482" y="258754"/>
                  </a:cubicBezTo>
                  <a:cubicBezTo>
                    <a:pt x="1061105" y="258754"/>
                    <a:pt x="1062728" y="258754"/>
                    <a:pt x="1062728" y="258754"/>
                  </a:cubicBezTo>
                  <a:cubicBezTo>
                    <a:pt x="1064351" y="258754"/>
                    <a:pt x="1064351" y="258754"/>
                    <a:pt x="1065974" y="258754"/>
                  </a:cubicBezTo>
                  <a:cubicBezTo>
                    <a:pt x="1065974" y="260377"/>
                    <a:pt x="1067597" y="258754"/>
                    <a:pt x="1067597" y="260377"/>
                  </a:cubicBezTo>
                  <a:cubicBezTo>
                    <a:pt x="1069220" y="260377"/>
                    <a:pt x="1069220" y="258754"/>
                    <a:pt x="1069220" y="258754"/>
                  </a:cubicBezTo>
                  <a:cubicBezTo>
                    <a:pt x="1070843" y="258754"/>
                    <a:pt x="1072466" y="258754"/>
                    <a:pt x="1072466" y="258754"/>
                  </a:cubicBezTo>
                  <a:cubicBezTo>
                    <a:pt x="1072466" y="258754"/>
                    <a:pt x="1072466" y="258754"/>
                    <a:pt x="1074089" y="257131"/>
                  </a:cubicBezTo>
                  <a:cubicBezTo>
                    <a:pt x="1074089" y="257131"/>
                    <a:pt x="1075713" y="255508"/>
                    <a:pt x="1075713" y="255508"/>
                  </a:cubicBezTo>
                  <a:cubicBezTo>
                    <a:pt x="1075713" y="255508"/>
                    <a:pt x="1078959" y="253885"/>
                    <a:pt x="1078959" y="253885"/>
                  </a:cubicBezTo>
                  <a:cubicBezTo>
                    <a:pt x="1078959" y="253885"/>
                    <a:pt x="1077336" y="250640"/>
                    <a:pt x="1077336" y="250640"/>
                  </a:cubicBezTo>
                  <a:cubicBezTo>
                    <a:pt x="1075713" y="250640"/>
                    <a:pt x="1074089" y="249017"/>
                    <a:pt x="1072466" y="249017"/>
                  </a:cubicBezTo>
                  <a:cubicBezTo>
                    <a:pt x="1072466" y="249017"/>
                    <a:pt x="1070843" y="247394"/>
                    <a:pt x="1069220" y="247394"/>
                  </a:cubicBezTo>
                  <a:cubicBezTo>
                    <a:pt x="1067597" y="247394"/>
                    <a:pt x="1067597" y="245771"/>
                    <a:pt x="1065974" y="245771"/>
                  </a:cubicBezTo>
                  <a:cubicBezTo>
                    <a:pt x="1064351" y="245771"/>
                    <a:pt x="1064351" y="244148"/>
                    <a:pt x="1062728" y="245771"/>
                  </a:cubicBezTo>
                  <a:cubicBezTo>
                    <a:pt x="1062728" y="247394"/>
                    <a:pt x="1059482" y="247394"/>
                    <a:pt x="1059482" y="249017"/>
                  </a:cubicBezTo>
                  <a:cubicBezTo>
                    <a:pt x="1057858" y="250640"/>
                    <a:pt x="1057858" y="250640"/>
                    <a:pt x="1057858" y="250640"/>
                  </a:cubicBezTo>
                  <a:cubicBezTo>
                    <a:pt x="1056235" y="252263"/>
                    <a:pt x="1052989" y="252263"/>
                    <a:pt x="1052989" y="252263"/>
                  </a:cubicBezTo>
                  <a:cubicBezTo>
                    <a:pt x="1051366" y="252263"/>
                    <a:pt x="1049743" y="250640"/>
                    <a:pt x="1049743" y="252263"/>
                  </a:cubicBezTo>
                  <a:cubicBezTo>
                    <a:pt x="1049743" y="252263"/>
                    <a:pt x="1046497" y="252263"/>
                    <a:pt x="1044874" y="252263"/>
                  </a:cubicBezTo>
                  <a:cubicBezTo>
                    <a:pt x="1044874" y="252263"/>
                    <a:pt x="1038381" y="252263"/>
                    <a:pt x="1038381" y="252263"/>
                  </a:cubicBezTo>
                  <a:cubicBezTo>
                    <a:pt x="1038381" y="252263"/>
                    <a:pt x="1038381" y="252263"/>
                    <a:pt x="1036758" y="252263"/>
                  </a:cubicBezTo>
                  <a:cubicBezTo>
                    <a:pt x="1036758" y="252263"/>
                    <a:pt x="1036758" y="252263"/>
                    <a:pt x="1035135" y="250640"/>
                  </a:cubicBezTo>
                  <a:cubicBezTo>
                    <a:pt x="1035135" y="250640"/>
                    <a:pt x="1035135" y="250640"/>
                    <a:pt x="1030266" y="250640"/>
                  </a:cubicBezTo>
                  <a:cubicBezTo>
                    <a:pt x="1030266" y="250640"/>
                    <a:pt x="1030266" y="250640"/>
                    <a:pt x="1028643" y="252263"/>
                  </a:cubicBezTo>
                  <a:cubicBezTo>
                    <a:pt x="1028643" y="252263"/>
                    <a:pt x="1025397" y="253885"/>
                    <a:pt x="1025397" y="253885"/>
                  </a:cubicBezTo>
                  <a:cubicBezTo>
                    <a:pt x="1025397" y="253885"/>
                    <a:pt x="1025397" y="253885"/>
                    <a:pt x="1022150" y="253885"/>
                  </a:cubicBezTo>
                  <a:cubicBezTo>
                    <a:pt x="1020527" y="253885"/>
                    <a:pt x="1018904" y="253885"/>
                    <a:pt x="1017281" y="253885"/>
                  </a:cubicBezTo>
                  <a:cubicBezTo>
                    <a:pt x="1017281" y="253885"/>
                    <a:pt x="1017281" y="252263"/>
                    <a:pt x="1017281" y="250640"/>
                  </a:cubicBezTo>
                  <a:cubicBezTo>
                    <a:pt x="1017281" y="250640"/>
                    <a:pt x="1017281" y="250640"/>
                    <a:pt x="1017281" y="249017"/>
                  </a:cubicBezTo>
                  <a:cubicBezTo>
                    <a:pt x="1017281" y="249017"/>
                    <a:pt x="1017281" y="249017"/>
                    <a:pt x="1014035" y="247394"/>
                  </a:cubicBezTo>
                  <a:cubicBezTo>
                    <a:pt x="1014035" y="247394"/>
                    <a:pt x="1014035" y="247394"/>
                    <a:pt x="1010789" y="244148"/>
                  </a:cubicBezTo>
                  <a:cubicBezTo>
                    <a:pt x="1010789" y="244148"/>
                    <a:pt x="1010789" y="244148"/>
                    <a:pt x="1009166" y="245771"/>
                  </a:cubicBezTo>
                  <a:cubicBezTo>
                    <a:pt x="1009166" y="245771"/>
                    <a:pt x="1005919" y="245771"/>
                    <a:pt x="1005919" y="245771"/>
                  </a:cubicBezTo>
                  <a:cubicBezTo>
                    <a:pt x="1004296" y="245771"/>
                    <a:pt x="1001050" y="245771"/>
                    <a:pt x="1001050" y="245771"/>
                  </a:cubicBezTo>
                  <a:cubicBezTo>
                    <a:pt x="999427" y="245771"/>
                    <a:pt x="997804" y="244148"/>
                    <a:pt x="997804" y="244148"/>
                  </a:cubicBezTo>
                  <a:cubicBezTo>
                    <a:pt x="996181" y="244148"/>
                    <a:pt x="996181" y="242525"/>
                    <a:pt x="994558" y="242525"/>
                  </a:cubicBezTo>
                  <a:cubicBezTo>
                    <a:pt x="994558" y="242525"/>
                    <a:pt x="994558" y="242525"/>
                    <a:pt x="992935" y="242525"/>
                  </a:cubicBezTo>
                  <a:cubicBezTo>
                    <a:pt x="992935" y="242525"/>
                    <a:pt x="991312" y="240903"/>
                    <a:pt x="991312" y="240903"/>
                  </a:cubicBezTo>
                  <a:cubicBezTo>
                    <a:pt x="989689" y="240903"/>
                    <a:pt x="988065" y="240903"/>
                    <a:pt x="986442" y="240903"/>
                  </a:cubicBezTo>
                  <a:cubicBezTo>
                    <a:pt x="984819" y="240903"/>
                    <a:pt x="979950" y="240903"/>
                    <a:pt x="979950" y="240903"/>
                  </a:cubicBezTo>
                  <a:cubicBezTo>
                    <a:pt x="979950" y="240903"/>
                    <a:pt x="979950" y="240903"/>
                    <a:pt x="978327" y="239280"/>
                  </a:cubicBezTo>
                  <a:cubicBezTo>
                    <a:pt x="976704" y="239280"/>
                    <a:pt x="975081" y="237657"/>
                    <a:pt x="973458" y="237657"/>
                  </a:cubicBezTo>
                  <a:cubicBezTo>
                    <a:pt x="973458" y="237657"/>
                    <a:pt x="970211" y="237657"/>
                    <a:pt x="970211" y="236034"/>
                  </a:cubicBezTo>
                  <a:cubicBezTo>
                    <a:pt x="970211" y="236034"/>
                    <a:pt x="970211" y="236034"/>
                    <a:pt x="968588" y="236034"/>
                  </a:cubicBezTo>
                  <a:cubicBezTo>
                    <a:pt x="968588" y="236034"/>
                    <a:pt x="968588" y="236034"/>
                    <a:pt x="966965" y="234411"/>
                  </a:cubicBezTo>
                  <a:cubicBezTo>
                    <a:pt x="965342" y="234411"/>
                    <a:pt x="965342" y="232788"/>
                    <a:pt x="963719" y="232788"/>
                  </a:cubicBezTo>
                  <a:cubicBezTo>
                    <a:pt x="962096" y="231166"/>
                    <a:pt x="958850" y="229543"/>
                    <a:pt x="958850" y="229543"/>
                  </a:cubicBezTo>
                  <a:cubicBezTo>
                    <a:pt x="958850" y="229543"/>
                    <a:pt x="958850" y="229543"/>
                    <a:pt x="958850" y="227920"/>
                  </a:cubicBezTo>
                  <a:cubicBezTo>
                    <a:pt x="958850" y="227920"/>
                    <a:pt x="958850" y="227920"/>
                    <a:pt x="958850" y="226297"/>
                  </a:cubicBezTo>
                  <a:cubicBezTo>
                    <a:pt x="958850" y="226297"/>
                    <a:pt x="958850" y="226297"/>
                    <a:pt x="962096" y="224674"/>
                  </a:cubicBezTo>
                  <a:cubicBezTo>
                    <a:pt x="962096" y="224674"/>
                    <a:pt x="962096" y="224674"/>
                    <a:pt x="962096" y="219806"/>
                  </a:cubicBezTo>
                  <a:cubicBezTo>
                    <a:pt x="962096" y="219806"/>
                    <a:pt x="962096" y="219806"/>
                    <a:pt x="963719" y="218183"/>
                  </a:cubicBezTo>
                  <a:cubicBezTo>
                    <a:pt x="963719" y="218183"/>
                    <a:pt x="963719" y="218183"/>
                    <a:pt x="966965" y="216560"/>
                  </a:cubicBezTo>
                  <a:cubicBezTo>
                    <a:pt x="966965" y="216560"/>
                    <a:pt x="966965" y="216560"/>
                    <a:pt x="968588" y="216560"/>
                  </a:cubicBezTo>
                  <a:cubicBezTo>
                    <a:pt x="968588" y="218183"/>
                    <a:pt x="971835" y="218183"/>
                    <a:pt x="971835" y="218183"/>
                  </a:cubicBezTo>
                  <a:cubicBezTo>
                    <a:pt x="971835" y="219806"/>
                    <a:pt x="975081" y="216560"/>
                    <a:pt x="975081" y="216560"/>
                  </a:cubicBezTo>
                  <a:cubicBezTo>
                    <a:pt x="975081" y="216560"/>
                    <a:pt x="975081" y="216560"/>
                    <a:pt x="976704" y="214937"/>
                  </a:cubicBezTo>
                  <a:cubicBezTo>
                    <a:pt x="976704" y="214937"/>
                    <a:pt x="976704" y="214937"/>
                    <a:pt x="976704" y="213314"/>
                  </a:cubicBezTo>
                  <a:cubicBezTo>
                    <a:pt x="976704" y="213314"/>
                    <a:pt x="976704" y="213314"/>
                    <a:pt x="978327" y="211691"/>
                  </a:cubicBezTo>
                  <a:cubicBezTo>
                    <a:pt x="978327" y="213314"/>
                    <a:pt x="979950" y="211691"/>
                    <a:pt x="981573" y="211691"/>
                  </a:cubicBezTo>
                  <a:cubicBezTo>
                    <a:pt x="981573" y="211691"/>
                    <a:pt x="988065" y="211691"/>
                    <a:pt x="988065" y="211691"/>
                  </a:cubicBezTo>
                  <a:cubicBezTo>
                    <a:pt x="988065" y="211691"/>
                    <a:pt x="988065" y="211691"/>
                    <a:pt x="992935" y="211691"/>
                  </a:cubicBezTo>
                  <a:cubicBezTo>
                    <a:pt x="992935" y="211691"/>
                    <a:pt x="992935" y="211691"/>
                    <a:pt x="996181" y="208446"/>
                  </a:cubicBezTo>
                  <a:cubicBezTo>
                    <a:pt x="996181" y="208446"/>
                    <a:pt x="996181" y="208446"/>
                    <a:pt x="999427" y="206823"/>
                  </a:cubicBezTo>
                  <a:cubicBezTo>
                    <a:pt x="999427" y="206823"/>
                    <a:pt x="999427" y="206823"/>
                    <a:pt x="1002673" y="206823"/>
                  </a:cubicBezTo>
                  <a:cubicBezTo>
                    <a:pt x="1002673" y="206823"/>
                    <a:pt x="1004296" y="206823"/>
                    <a:pt x="1005919" y="206823"/>
                  </a:cubicBezTo>
                  <a:cubicBezTo>
                    <a:pt x="1007543" y="206823"/>
                    <a:pt x="1007543" y="205200"/>
                    <a:pt x="1009166" y="206823"/>
                  </a:cubicBezTo>
                  <a:cubicBezTo>
                    <a:pt x="1010789" y="206823"/>
                    <a:pt x="1012412" y="206823"/>
                    <a:pt x="1012412" y="206823"/>
                  </a:cubicBezTo>
                  <a:cubicBezTo>
                    <a:pt x="1014035" y="206823"/>
                    <a:pt x="1022150" y="203577"/>
                    <a:pt x="1022150" y="203577"/>
                  </a:cubicBezTo>
                  <a:cubicBezTo>
                    <a:pt x="1022150" y="203577"/>
                    <a:pt x="1022150" y="203577"/>
                    <a:pt x="1027020" y="201954"/>
                  </a:cubicBezTo>
                  <a:cubicBezTo>
                    <a:pt x="1027020" y="201954"/>
                    <a:pt x="1027020" y="201954"/>
                    <a:pt x="1028643" y="198709"/>
                  </a:cubicBezTo>
                  <a:cubicBezTo>
                    <a:pt x="1028643" y="198709"/>
                    <a:pt x="1028643" y="198709"/>
                    <a:pt x="1030266" y="197086"/>
                  </a:cubicBezTo>
                  <a:cubicBezTo>
                    <a:pt x="1030266" y="197086"/>
                    <a:pt x="1030266" y="197086"/>
                    <a:pt x="1031889" y="197086"/>
                  </a:cubicBezTo>
                  <a:cubicBezTo>
                    <a:pt x="1031889" y="197086"/>
                    <a:pt x="1035135" y="193840"/>
                    <a:pt x="1036758" y="195463"/>
                  </a:cubicBezTo>
                  <a:cubicBezTo>
                    <a:pt x="1038381" y="195463"/>
                    <a:pt x="1041628" y="193840"/>
                    <a:pt x="1043251" y="193840"/>
                  </a:cubicBezTo>
                  <a:cubicBezTo>
                    <a:pt x="1043251" y="195463"/>
                    <a:pt x="1044874" y="195463"/>
                    <a:pt x="1044874" y="197086"/>
                  </a:cubicBezTo>
                  <a:cubicBezTo>
                    <a:pt x="1044874" y="197086"/>
                    <a:pt x="1046497" y="197086"/>
                    <a:pt x="1046497" y="197086"/>
                  </a:cubicBezTo>
                  <a:cubicBezTo>
                    <a:pt x="1048120" y="195463"/>
                    <a:pt x="1051366" y="193840"/>
                    <a:pt x="1051366" y="193840"/>
                  </a:cubicBezTo>
                  <a:cubicBezTo>
                    <a:pt x="1051366" y="193840"/>
                    <a:pt x="1051366" y="193840"/>
                    <a:pt x="1054612" y="192217"/>
                  </a:cubicBezTo>
                  <a:cubicBezTo>
                    <a:pt x="1054612" y="192217"/>
                    <a:pt x="1056235" y="190594"/>
                    <a:pt x="1056235" y="190594"/>
                  </a:cubicBezTo>
                  <a:cubicBezTo>
                    <a:pt x="1057858" y="190594"/>
                    <a:pt x="1059482" y="188971"/>
                    <a:pt x="1061105" y="188971"/>
                  </a:cubicBezTo>
                  <a:cubicBezTo>
                    <a:pt x="1062728" y="188971"/>
                    <a:pt x="1062728" y="187349"/>
                    <a:pt x="1064351" y="188971"/>
                  </a:cubicBezTo>
                  <a:cubicBezTo>
                    <a:pt x="1065974" y="188971"/>
                    <a:pt x="1065974" y="188971"/>
                    <a:pt x="1067597" y="188971"/>
                  </a:cubicBezTo>
                  <a:cubicBezTo>
                    <a:pt x="1069220" y="188971"/>
                    <a:pt x="1070843" y="188971"/>
                    <a:pt x="1070843" y="188971"/>
                  </a:cubicBezTo>
                  <a:cubicBezTo>
                    <a:pt x="1070843" y="188971"/>
                    <a:pt x="1070843" y="188971"/>
                    <a:pt x="1072466" y="188971"/>
                  </a:cubicBezTo>
                  <a:cubicBezTo>
                    <a:pt x="1072466" y="188971"/>
                    <a:pt x="1072466" y="188971"/>
                    <a:pt x="1074089" y="188971"/>
                  </a:cubicBezTo>
                  <a:cubicBezTo>
                    <a:pt x="1074089" y="188971"/>
                    <a:pt x="1075713" y="187349"/>
                    <a:pt x="1075713" y="188971"/>
                  </a:cubicBezTo>
                  <a:cubicBezTo>
                    <a:pt x="1075713" y="188971"/>
                    <a:pt x="1075713" y="188971"/>
                    <a:pt x="1078959" y="187349"/>
                  </a:cubicBezTo>
                  <a:cubicBezTo>
                    <a:pt x="1078959" y="187349"/>
                    <a:pt x="1078959" y="187349"/>
                    <a:pt x="1080582" y="187349"/>
                  </a:cubicBezTo>
                  <a:cubicBezTo>
                    <a:pt x="1082205" y="187349"/>
                    <a:pt x="1082205" y="187349"/>
                    <a:pt x="1082205" y="187349"/>
                  </a:cubicBezTo>
                  <a:cubicBezTo>
                    <a:pt x="1082205" y="187349"/>
                    <a:pt x="1082205" y="187349"/>
                    <a:pt x="1087074" y="185726"/>
                  </a:cubicBezTo>
                  <a:cubicBezTo>
                    <a:pt x="1087074" y="185726"/>
                    <a:pt x="1087074" y="185726"/>
                    <a:pt x="1090320" y="182480"/>
                  </a:cubicBezTo>
                  <a:cubicBezTo>
                    <a:pt x="1090320" y="182480"/>
                    <a:pt x="1090320" y="182480"/>
                    <a:pt x="1091943" y="180857"/>
                  </a:cubicBezTo>
                  <a:cubicBezTo>
                    <a:pt x="1091943" y="180857"/>
                    <a:pt x="1091943" y="180857"/>
                    <a:pt x="1093567" y="179234"/>
                  </a:cubicBezTo>
                  <a:cubicBezTo>
                    <a:pt x="1093567" y="179234"/>
                    <a:pt x="1093567" y="179234"/>
                    <a:pt x="1095190" y="177611"/>
                  </a:cubicBezTo>
                  <a:cubicBezTo>
                    <a:pt x="1095190" y="177611"/>
                    <a:pt x="1095190" y="177611"/>
                    <a:pt x="1096813" y="177611"/>
                  </a:cubicBezTo>
                  <a:cubicBezTo>
                    <a:pt x="1096813" y="175989"/>
                    <a:pt x="1098436" y="175989"/>
                    <a:pt x="1098436" y="175989"/>
                  </a:cubicBezTo>
                  <a:cubicBezTo>
                    <a:pt x="1098436" y="175989"/>
                    <a:pt x="1098436" y="175989"/>
                    <a:pt x="1100059" y="172743"/>
                  </a:cubicBezTo>
                  <a:cubicBezTo>
                    <a:pt x="1100059" y="172743"/>
                    <a:pt x="1100059" y="172743"/>
                    <a:pt x="1098436" y="171120"/>
                  </a:cubicBezTo>
                  <a:cubicBezTo>
                    <a:pt x="1098436" y="171120"/>
                    <a:pt x="1098436" y="171120"/>
                    <a:pt x="1098436" y="167874"/>
                  </a:cubicBezTo>
                  <a:cubicBezTo>
                    <a:pt x="1098436" y="167874"/>
                    <a:pt x="1098436" y="167874"/>
                    <a:pt x="1098436" y="164629"/>
                  </a:cubicBezTo>
                  <a:cubicBezTo>
                    <a:pt x="1098436" y="164629"/>
                    <a:pt x="1098436" y="161383"/>
                    <a:pt x="1096813" y="161383"/>
                  </a:cubicBezTo>
                  <a:cubicBezTo>
                    <a:pt x="1096813" y="161383"/>
                    <a:pt x="1098436" y="158137"/>
                    <a:pt x="1098436" y="158137"/>
                  </a:cubicBezTo>
                  <a:cubicBezTo>
                    <a:pt x="1098436" y="158137"/>
                    <a:pt x="1098436" y="158137"/>
                    <a:pt x="1100059" y="154892"/>
                  </a:cubicBezTo>
                  <a:cubicBezTo>
                    <a:pt x="1100059" y="154892"/>
                    <a:pt x="1100059" y="154892"/>
                    <a:pt x="1103305" y="154892"/>
                  </a:cubicBezTo>
                  <a:cubicBezTo>
                    <a:pt x="1104928" y="154892"/>
                    <a:pt x="1104928" y="154892"/>
                    <a:pt x="1106551" y="153269"/>
                  </a:cubicBezTo>
                  <a:cubicBezTo>
                    <a:pt x="1106551" y="153269"/>
                    <a:pt x="1111421" y="153269"/>
                    <a:pt x="1111421" y="153269"/>
                  </a:cubicBezTo>
                  <a:cubicBezTo>
                    <a:pt x="1111421" y="151646"/>
                    <a:pt x="1113044" y="151646"/>
                    <a:pt x="1113044" y="151646"/>
                  </a:cubicBezTo>
                  <a:cubicBezTo>
                    <a:pt x="1114667" y="150023"/>
                    <a:pt x="1114667" y="150023"/>
                    <a:pt x="1114667" y="150023"/>
                  </a:cubicBezTo>
                  <a:cubicBezTo>
                    <a:pt x="1114667" y="150023"/>
                    <a:pt x="1114667" y="148400"/>
                    <a:pt x="1114667" y="148400"/>
                  </a:cubicBezTo>
                  <a:cubicBezTo>
                    <a:pt x="1113044" y="150023"/>
                    <a:pt x="1113044" y="150023"/>
                    <a:pt x="1113044" y="150023"/>
                  </a:cubicBezTo>
                  <a:cubicBezTo>
                    <a:pt x="1113044" y="150023"/>
                    <a:pt x="1111421" y="148400"/>
                    <a:pt x="1111421" y="150023"/>
                  </a:cubicBezTo>
                  <a:cubicBezTo>
                    <a:pt x="1109798" y="150023"/>
                    <a:pt x="1109798" y="150023"/>
                    <a:pt x="1108174" y="150023"/>
                  </a:cubicBezTo>
                  <a:cubicBezTo>
                    <a:pt x="1108174" y="151646"/>
                    <a:pt x="1108174" y="151646"/>
                    <a:pt x="1106551" y="151646"/>
                  </a:cubicBezTo>
                  <a:cubicBezTo>
                    <a:pt x="1103305" y="153269"/>
                    <a:pt x="1104928" y="153269"/>
                    <a:pt x="1103305" y="153269"/>
                  </a:cubicBezTo>
                  <a:cubicBezTo>
                    <a:pt x="1101682" y="154892"/>
                    <a:pt x="1101682" y="153269"/>
                    <a:pt x="1100059" y="153269"/>
                  </a:cubicBezTo>
                  <a:cubicBezTo>
                    <a:pt x="1098436" y="154892"/>
                    <a:pt x="1096813" y="153269"/>
                    <a:pt x="1096813" y="153269"/>
                  </a:cubicBezTo>
                  <a:cubicBezTo>
                    <a:pt x="1095190" y="153269"/>
                    <a:pt x="1095190" y="153269"/>
                    <a:pt x="1093567" y="153269"/>
                  </a:cubicBezTo>
                  <a:cubicBezTo>
                    <a:pt x="1091943" y="153269"/>
                    <a:pt x="1091943" y="153269"/>
                    <a:pt x="1090320" y="153269"/>
                  </a:cubicBezTo>
                  <a:cubicBezTo>
                    <a:pt x="1090320" y="153269"/>
                    <a:pt x="1088697" y="153269"/>
                    <a:pt x="1088697" y="153269"/>
                  </a:cubicBezTo>
                  <a:cubicBezTo>
                    <a:pt x="1087074" y="154892"/>
                    <a:pt x="1087074" y="154892"/>
                    <a:pt x="1085451" y="154892"/>
                  </a:cubicBezTo>
                  <a:cubicBezTo>
                    <a:pt x="1085451" y="154892"/>
                    <a:pt x="1083828" y="156514"/>
                    <a:pt x="1083828" y="156514"/>
                  </a:cubicBezTo>
                  <a:cubicBezTo>
                    <a:pt x="1082205" y="156514"/>
                    <a:pt x="1080582" y="156514"/>
                    <a:pt x="1080582" y="154892"/>
                  </a:cubicBezTo>
                  <a:cubicBezTo>
                    <a:pt x="1080582" y="154892"/>
                    <a:pt x="1080582" y="154892"/>
                    <a:pt x="1077336" y="153269"/>
                  </a:cubicBezTo>
                  <a:cubicBezTo>
                    <a:pt x="1077336" y="153269"/>
                    <a:pt x="1074089" y="151646"/>
                    <a:pt x="1074089" y="151646"/>
                  </a:cubicBezTo>
                  <a:cubicBezTo>
                    <a:pt x="1072466" y="151646"/>
                    <a:pt x="1069220" y="151646"/>
                    <a:pt x="1069220" y="151646"/>
                  </a:cubicBezTo>
                  <a:cubicBezTo>
                    <a:pt x="1067597" y="151646"/>
                    <a:pt x="1067597" y="151646"/>
                    <a:pt x="1065974" y="151646"/>
                  </a:cubicBezTo>
                  <a:cubicBezTo>
                    <a:pt x="1065974" y="151646"/>
                    <a:pt x="1064351" y="151646"/>
                    <a:pt x="1062728" y="151646"/>
                  </a:cubicBezTo>
                  <a:cubicBezTo>
                    <a:pt x="1062728" y="153269"/>
                    <a:pt x="1061105" y="151646"/>
                    <a:pt x="1059482" y="151646"/>
                  </a:cubicBezTo>
                  <a:cubicBezTo>
                    <a:pt x="1059482" y="151646"/>
                    <a:pt x="1057858" y="150023"/>
                    <a:pt x="1057858" y="150023"/>
                  </a:cubicBezTo>
                  <a:cubicBezTo>
                    <a:pt x="1056235" y="150023"/>
                    <a:pt x="1056235" y="150023"/>
                    <a:pt x="1054612" y="148400"/>
                  </a:cubicBezTo>
                  <a:cubicBezTo>
                    <a:pt x="1054612" y="148400"/>
                    <a:pt x="1056235" y="145154"/>
                    <a:pt x="1056235" y="145154"/>
                  </a:cubicBezTo>
                  <a:cubicBezTo>
                    <a:pt x="1056235" y="145154"/>
                    <a:pt x="1056235" y="143532"/>
                    <a:pt x="1056235" y="143532"/>
                  </a:cubicBezTo>
                  <a:cubicBezTo>
                    <a:pt x="1057858" y="141909"/>
                    <a:pt x="1059482" y="140286"/>
                    <a:pt x="1059482" y="140286"/>
                  </a:cubicBezTo>
                  <a:cubicBezTo>
                    <a:pt x="1061105" y="140286"/>
                    <a:pt x="1065974" y="137040"/>
                    <a:pt x="1065974" y="137040"/>
                  </a:cubicBezTo>
                  <a:cubicBezTo>
                    <a:pt x="1065974" y="137040"/>
                    <a:pt x="1067597" y="135417"/>
                    <a:pt x="1067597" y="135417"/>
                  </a:cubicBezTo>
                  <a:cubicBezTo>
                    <a:pt x="1069220" y="135417"/>
                    <a:pt x="1070843" y="133794"/>
                    <a:pt x="1070843" y="133794"/>
                  </a:cubicBezTo>
                  <a:cubicBezTo>
                    <a:pt x="1070843" y="133794"/>
                    <a:pt x="1070843" y="133794"/>
                    <a:pt x="1077336" y="130549"/>
                  </a:cubicBezTo>
                  <a:cubicBezTo>
                    <a:pt x="1077336" y="130549"/>
                    <a:pt x="1077336" y="130549"/>
                    <a:pt x="1078959" y="130549"/>
                  </a:cubicBezTo>
                  <a:cubicBezTo>
                    <a:pt x="1080582" y="130549"/>
                    <a:pt x="1082205" y="128926"/>
                    <a:pt x="1082205" y="128926"/>
                  </a:cubicBezTo>
                  <a:cubicBezTo>
                    <a:pt x="1082205" y="128926"/>
                    <a:pt x="1082205" y="128926"/>
                    <a:pt x="1083828" y="128926"/>
                  </a:cubicBezTo>
                  <a:cubicBezTo>
                    <a:pt x="1083828" y="128926"/>
                    <a:pt x="1083828" y="128926"/>
                    <a:pt x="1085451" y="128926"/>
                  </a:cubicBezTo>
                  <a:cubicBezTo>
                    <a:pt x="1085451" y="128926"/>
                    <a:pt x="1085451" y="128926"/>
                    <a:pt x="1088697" y="127303"/>
                  </a:cubicBezTo>
                  <a:cubicBezTo>
                    <a:pt x="1088697" y="127303"/>
                    <a:pt x="1088697" y="127303"/>
                    <a:pt x="1090320" y="127303"/>
                  </a:cubicBezTo>
                  <a:cubicBezTo>
                    <a:pt x="1090320" y="127303"/>
                    <a:pt x="1090320" y="127303"/>
                    <a:pt x="1091943" y="124057"/>
                  </a:cubicBezTo>
                  <a:cubicBezTo>
                    <a:pt x="1091943" y="124057"/>
                    <a:pt x="1091943" y="124057"/>
                    <a:pt x="1091943" y="122435"/>
                  </a:cubicBezTo>
                  <a:cubicBezTo>
                    <a:pt x="1093567" y="122435"/>
                    <a:pt x="1091943" y="122435"/>
                    <a:pt x="1093567" y="122435"/>
                  </a:cubicBezTo>
                  <a:cubicBezTo>
                    <a:pt x="1095190" y="122435"/>
                    <a:pt x="1095190" y="122435"/>
                    <a:pt x="1096813" y="120812"/>
                  </a:cubicBezTo>
                  <a:cubicBezTo>
                    <a:pt x="1098436" y="120812"/>
                    <a:pt x="1100059" y="120812"/>
                    <a:pt x="1100059" y="120812"/>
                  </a:cubicBezTo>
                  <a:cubicBezTo>
                    <a:pt x="1100059" y="120812"/>
                    <a:pt x="1100059" y="120812"/>
                    <a:pt x="1100059" y="119189"/>
                  </a:cubicBezTo>
                  <a:cubicBezTo>
                    <a:pt x="1101682" y="119189"/>
                    <a:pt x="1101682" y="117566"/>
                    <a:pt x="1101682" y="117566"/>
                  </a:cubicBezTo>
                  <a:cubicBezTo>
                    <a:pt x="1101682" y="117566"/>
                    <a:pt x="1101682" y="117566"/>
                    <a:pt x="1108174" y="112697"/>
                  </a:cubicBezTo>
                  <a:cubicBezTo>
                    <a:pt x="1108174" y="112697"/>
                    <a:pt x="1108174" y="112697"/>
                    <a:pt x="1111421" y="112697"/>
                  </a:cubicBezTo>
                  <a:cubicBezTo>
                    <a:pt x="1111421" y="112697"/>
                    <a:pt x="1111421" y="112697"/>
                    <a:pt x="1113044" y="111075"/>
                  </a:cubicBezTo>
                  <a:cubicBezTo>
                    <a:pt x="1113044" y="111075"/>
                    <a:pt x="1117913" y="111075"/>
                    <a:pt x="1117913" y="111075"/>
                  </a:cubicBezTo>
                  <a:cubicBezTo>
                    <a:pt x="1119536" y="111075"/>
                    <a:pt x="1119536" y="111075"/>
                    <a:pt x="1121159" y="111075"/>
                  </a:cubicBezTo>
                  <a:cubicBezTo>
                    <a:pt x="1121159" y="111075"/>
                    <a:pt x="1121159" y="111075"/>
                    <a:pt x="1127652" y="114320"/>
                  </a:cubicBezTo>
                  <a:cubicBezTo>
                    <a:pt x="1127652" y="114320"/>
                    <a:pt x="1127652" y="114320"/>
                    <a:pt x="1129275" y="115943"/>
                  </a:cubicBezTo>
                  <a:cubicBezTo>
                    <a:pt x="1129275" y="117566"/>
                    <a:pt x="1130898" y="117566"/>
                    <a:pt x="1130898" y="119189"/>
                  </a:cubicBezTo>
                  <a:cubicBezTo>
                    <a:pt x="1130898" y="119189"/>
                    <a:pt x="1130898" y="119189"/>
                    <a:pt x="1132521" y="120812"/>
                  </a:cubicBezTo>
                  <a:cubicBezTo>
                    <a:pt x="1132521" y="120812"/>
                    <a:pt x="1132521" y="120812"/>
                    <a:pt x="1132521" y="119189"/>
                  </a:cubicBezTo>
                  <a:cubicBezTo>
                    <a:pt x="1132521" y="119189"/>
                    <a:pt x="1132521" y="119189"/>
                    <a:pt x="1129275" y="114320"/>
                  </a:cubicBezTo>
                  <a:cubicBezTo>
                    <a:pt x="1129275" y="114320"/>
                    <a:pt x="1129275" y="114320"/>
                    <a:pt x="1129275" y="111075"/>
                  </a:cubicBezTo>
                  <a:cubicBezTo>
                    <a:pt x="1129275" y="109452"/>
                    <a:pt x="1129275" y="107829"/>
                    <a:pt x="1130898" y="107829"/>
                  </a:cubicBezTo>
                  <a:cubicBezTo>
                    <a:pt x="1132521" y="109452"/>
                    <a:pt x="1134144" y="106206"/>
                    <a:pt x="1135767" y="107829"/>
                  </a:cubicBezTo>
                  <a:cubicBezTo>
                    <a:pt x="1137390" y="107829"/>
                    <a:pt x="1140636" y="106206"/>
                    <a:pt x="1140636" y="106206"/>
                  </a:cubicBezTo>
                  <a:cubicBezTo>
                    <a:pt x="1142259" y="106206"/>
                    <a:pt x="1147129" y="106206"/>
                    <a:pt x="1147129" y="106206"/>
                  </a:cubicBezTo>
                  <a:cubicBezTo>
                    <a:pt x="1147129" y="106206"/>
                    <a:pt x="1151998" y="107829"/>
                    <a:pt x="1151998" y="107829"/>
                  </a:cubicBezTo>
                  <a:cubicBezTo>
                    <a:pt x="1151998" y="109452"/>
                    <a:pt x="1153621" y="107829"/>
                    <a:pt x="1155244" y="109452"/>
                  </a:cubicBezTo>
                  <a:cubicBezTo>
                    <a:pt x="1155244" y="111075"/>
                    <a:pt x="1155244" y="111075"/>
                    <a:pt x="1156867" y="111075"/>
                  </a:cubicBezTo>
                  <a:cubicBezTo>
                    <a:pt x="1158490" y="112697"/>
                    <a:pt x="1156867" y="111075"/>
                    <a:pt x="1160113" y="112697"/>
                  </a:cubicBezTo>
                  <a:cubicBezTo>
                    <a:pt x="1161737" y="114320"/>
                    <a:pt x="1164983" y="112697"/>
                    <a:pt x="1164983" y="112697"/>
                  </a:cubicBezTo>
                  <a:cubicBezTo>
                    <a:pt x="1164983" y="112697"/>
                    <a:pt x="1164983" y="112697"/>
                    <a:pt x="1168229" y="111075"/>
                  </a:cubicBezTo>
                  <a:cubicBezTo>
                    <a:pt x="1168229" y="111075"/>
                    <a:pt x="1168229" y="111075"/>
                    <a:pt x="1168229" y="107829"/>
                  </a:cubicBezTo>
                  <a:cubicBezTo>
                    <a:pt x="1168229" y="107829"/>
                    <a:pt x="1168229" y="107829"/>
                    <a:pt x="1164983" y="104583"/>
                  </a:cubicBezTo>
                  <a:cubicBezTo>
                    <a:pt x="1164983" y="104583"/>
                    <a:pt x="1163360" y="102960"/>
                    <a:pt x="1164983" y="101337"/>
                  </a:cubicBezTo>
                  <a:cubicBezTo>
                    <a:pt x="1166606" y="99715"/>
                    <a:pt x="1166606" y="99715"/>
                    <a:pt x="1168229" y="98092"/>
                  </a:cubicBezTo>
                  <a:cubicBezTo>
                    <a:pt x="1169852" y="98092"/>
                    <a:pt x="1171475" y="98092"/>
                    <a:pt x="1171475" y="96469"/>
                  </a:cubicBezTo>
                  <a:cubicBezTo>
                    <a:pt x="1171475" y="94846"/>
                    <a:pt x="1173098" y="94846"/>
                    <a:pt x="1171475" y="94846"/>
                  </a:cubicBezTo>
                  <a:cubicBezTo>
                    <a:pt x="1171475" y="93223"/>
                    <a:pt x="1171475" y="93223"/>
                    <a:pt x="1169852" y="93223"/>
                  </a:cubicBezTo>
                  <a:cubicBezTo>
                    <a:pt x="1168229" y="91600"/>
                    <a:pt x="1168229" y="93223"/>
                    <a:pt x="1166606" y="89978"/>
                  </a:cubicBezTo>
                  <a:cubicBezTo>
                    <a:pt x="1166606" y="86732"/>
                    <a:pt x="1164983" y="89978"/>
                    <a:pt x="1164983" y="88355"/>
                  </a:cubicBezTo>
                  <a:cubicBezTo>
                    <a:pt x="1164983" y="88355"/>
                    <a:pt x="1163360" y="83486"/>
                    <a:pt x="1163360" y="83486"/>
                  </a:cubicBezTo>
                  <a:cubicBezTo>
                    <a:pt x="1163360" y="83486"/>
                    <a:pt x="1166606" y="80240"/>
                    <a:pt x="1168229" y="80240"/>
                  </a:cubicBezTo>
                  <a:cubicBezTo>
                    <a:pt x="1169852" y="78618"/>
                    <a:pt x="1176344" y="76995"/>
                    <a:pt x="1177967" y="76995"/>
                  </a:cubicBezTo>
                  <a:cubicBezTo>
                    <a:pt x="1179591" y="76995"/>
                    <a:pt x="1182837" y="75372"/>
                    <a:pt x="1182837" y="75372"/>
                  </a:cubicBezTo>
                  <a:cubicBezTo>
                    <a:pt x="1182837" y="75372"/>
                    <a:pt x="1186083" y="75372"/>
                    <a:pt x="1187706" y="75372"/>
                  </a:cubicBezTo>
                  <a:cubicBezTo>
                    <a:pt x="1189329" y="76995"/>
                    <a:pt x="1189329" y="75372"/>
                    <a:pt x="1192575" y="75372"/>
                  </a:cubicBezTo>
                  <a:cubicBezTo>
                    <a:pt x="1195822" y="76995"/>
                    <a:pt x="1195822" y="73749"/>
                    <a:pt x="1199068" y="75372"/>
                  </a:cubicBezTo>
                  <a:cubicBezTo>
                    <a:pt x="1202314" y="76995"/>
                    <a:pt x="1202314" y="76995"/>
                    <a:pt x="1203937" y="76995"/>
                  </a:cubicBezTo>
                  <a:cubicBezTo>
                    <a:pt x="1205560" y="78618"/>
                    <a:pt x="1205560" y="76995"/>
                    <a:pt x="1205560" y="78618"/>
                  </a:cubicBezTo>
                  <a:cubicBezTo>
                    <a:pt x="1207183" y="80240"/>
                    <a:pt x="1207183" y="76995"/>
                    <a:pt x="1208806" y="80240"/>
                  </a:cubicBezTo>
                  <a:cubicBezTo>
                    <a:pt x="1208806" y="83486"/>
                    <a:pt x="1210429" y="85109"/>
                    <a:pt x="1210429" y="85109"/>
                  </a:cubicBezTo>
                  <a:cubicBezTo>
                    <a:pt x="1210429" y="85109"/>
                    <a:pt x="1218545" y="88355"/>
                    <a:pt x="1218545" y="89978"/>
                  </a:cubicBezTo>
                  <a:cubicBezTo>
                    <a:pt x="1218545" y="89978"/>
                    <a:pt x="1221791" y="89978"/>
                    <a:pt x="1223414" y="89978"/>
                  </a:cubicBezTo>
                  <a:cubicBezTo>
                    <a:pt x="1223414" y="89978"/>
                    <a:pt x="1226660" y="89978"/>
                    <a:pt x="1226660" y="89978"/>
                  </a:cubicBezTo>
                  <a:cubicBezTo>
                    <a:pt x="1228283" y="91600"/>
                    <a:pt x="1236399" y="93223"/>
                    <a:pt x="1236399" y="94846"/>
                  </a:cubicBezTo>
                  <a:cubicBezTo>
                    <a:pt x="1238022" y="94846"/>
                    <a:pt x="1238022" y="96469"/>
                    <a:pt x="1238022" y="98092"/>
                  </a:cubicBezTo>
                  <a:cubicBezTo>
                    <a:pt x="1239645" y="98092"/>
                    <a:pt x="1239645" y="98092"/>
                    <a:pt x="1241268" y="98092"/>
                  </a:cubicBezTo>
                  <a:cubicBezTo>
                    <a:pt x="1242891" y="99715"/>
                    <a:pt x="1247761" y="101337"/>
                    <a:pt x="1247761" y="101337"/>
                  </a:cubicBezTo>
                  <a:cubicBezTo>
                    <a:pt x="1247761" y="101337"/>
                    <a:pt x="1249384" y="101337"/>
                    <a:pt x="1249384" y="99715"/>
                  </a:cubicBezTo>
                  <a:cubicBezTo>
                    <a:pt x="1249384" y="98092"/>
                    <a:pt x="1244514" y="96469"/>
                    <a:pt x="1244514" y="96469"/>
                  </a:cubicBezTo>
                  <a:cubicBezTo>
                    <a:pt x="1244514" y="96469"/>
                    <a:pt x="1241268" y="94846"/>
                    <a:pt x="1239645" y="94846"/>
                  </a:cubicBezTo>
                  <a:cubicBezTo>
                    <a:pt x="1238022" y="93223"/>
                    <a:pt x="1238022" y="93223"/>
                    <a:pt x="1236399" y="91600"/>
                  </a:cubicBezTo>
                  <a:cubicBezTo>
                    <a:pt x="1234776" y="91600"/>
                    <a:pt x="1236399" y="89978"/>
                    <a:pt x="1234776" y="89978"/>
                  </a:cubicBezTo>
                  <a:cubicBezTo>
                    <a:pt x="1231530" y="89978"/>
                    <a:pt x="1229906" y="88355"/>
                    <a:pt x="1229906" y="88355"/>
                  </a:cubicBezTo>
                  <a:cubicBezTo>
                    <a:pt x="1228283" y="89978"/>
                    <a:pt x="1226660" y="86732"/>
                    <a:pt x="1226660" y="86732"/>
                  </a:cubicBezTo>
                  <a:cubicBezTo>
                    <a:pt x="1225037" y="86732"/>
                    <a:pt x="1225037" y="89978"/>
                    <a:pt x="1220168" y="86732"/>
                  </a:cubicBezTo>
                  <a:cubicBezTo>
                    <a:pt x="1215299" y="85109"/>
                    <a:pt x="1215299" y="83486"/>
                    <a:pt x="1213676" y="83486"/>
                  </a:cubicBezTo>
                  <a:cubicBezTo>
                    <a:pt x="1213676" y="83486"/>
                    <a:pt x="1212052" y="81863"/>
                    <a:pt x="1212052" y="81863"/>
                  </a:cubicBezTo>
                  <a:cubicBezTo>
                    <a:pt x="1210429" y="80240"/>
                    <a:pt x="1210429" y="78618"/>
                    <a:pt x="1208806" y="78618"/>
                  </a:cubicBezTo>
                  <a:cubicBezTo>
                    <a:pt x="1208806" y="78618"/>
                    <a:pt x="1207183" y="76995"/>
                    <a:pt x="1205560" y="76995"/>
                  </a:cubicBezTo>
                  <a:cubicBezTo>
                    <a:pt x="1203937" y="76995"/>
                    <a:pt x="1205560" y="76995"/>
                    <a:pt x="1202314" y="75372"/>
                  </a:cubicBezTo>
                  <a:cubicBezTo>
                    <a:pt x="1200691" y="75372"/>
                    <a:pt x="1199068" y="73749"/>
                    <a:pt x="1200691" y="73749"/>
                  </a:cubicBezTo>
                  <a:cubicBezTo>
                    <a:pt x="1202314" y="73749"/>
                    <a:pt x="1202314" y="72126"/>
                    <a:pt x="1203937" y="72126"/>
                  </a:cubicBezTo>
                  <a:cubicBezTo>
                    <a:pt x="1205560" y="70503"/>
                    <a:pt x="1207183" y="68880"/>
                    <a:pt x="1208806" y="70503"/>
                  </a:cubicBezTo>
                  <a:cubicBezTo>
                    <a:pt x="1208806" y="70503"/>
                    <a:pt x="1210429" y="68880"/>
                    <a:pt x="1212052" y="68880"/>
                  </a:cubicBezTo>
                  <a:cubicBezTo>
                    <a:pt x="1215299" y="68880"/>
                    <a:pt x="1216922" y="67258"/>
                    <a:pt x="1218545" y="68880"/>
                  </a:cubicBezTo>
                  <a:cubicBezTo>
                    <a:pt x="1220168" y="68880"/>
                    <a:pt x="1221791" y="68880"/>
                    <a:pt x="1221791" y="68880"/>
                  </a:cubicBezTo>
                  <a:cubicBezTo>
                    <a:pt x="1223414" y="68880"/>
                    <a:pt x="1228283" y="67258"/>
                    <a:pt x="1229906" y="67258"/>
                  </a:cubicBezTo>
                  <a:cubicBezTo>
                    <a:pt x="1229906" y="67258"/>
                    <a:pt x="1233153" y="65635"/>
                    <a:pt x="1233153" y="67258"/>
                  </a:cubicBezTo>
                  <a:cubicBezTo>
                    <a:pt x="1233153" y="67258"/>
                    <a:pt x="1233153" y="67258"/>
                    <a:pt x="1233153" y="65635"/>
                  </a:cubicBezTo>
                  <a:cubicBezTo>
                    <a:pt x="1233153" y="65635"/>
                    <a:pt x="1233153" y="65635"/>
                    <a:pt x="1241268" y="65635"/>
                  </a:cubicBezTo>
                  <a:cubicBezTo>
                    <a:pt x="1241268" y="65635"/>
                    <a:pt x="1241268" y="65635"/>
                    <a:pt x="1242891" y="67258"/>
                  </a:cubicBezTo>
                  <a:cubicBezTo>
                    <a:pt x="1242891" y="67258"/>
                    <a:pt x="1242891" y="67258"/>
                    <a:pt x="1246137" y="67258"/>
                  </a:cubicBezTo>
                  <a:cubicBezTo>
                    <a:pt x="1246137" y="67258"/>
                    <a:pt x="1246137" y="67258"/>
                    <a:pt x="1247761" y="65635"/>
                  </a:cubicBezTo>
                  <a:cubicBezTo>
                    <a:pt x="1247761" y="65635"/>
                    <a:pt x="1247761" y="65635"/>
                    <a:pt x="1251007" y="65635"/>
                  </a:cubicBezTo>
                  <a:cubicBezTo>
                    <a:pt x="1251007" y="65635"/>
                    <a:pt x="1251007" y="62389"/>
                    <a:pt x="1252630" y="64012"/>
                  </a:cubicBezTo>
                  <a:cubicBezTo>
                    <a:pt x="1252630" y="67258"/>
                    <a:pt x="1254253" y="67258"/>
                    <a:pt x="1254253" y="67258"/>
                  </a:cubicBezTo>
                  <a:cubicBezTo>
                    <a:pt x="1254253" y="67258"/>
                    <a:pt x="1254253" y="67258"/>
                    <a:pt x="1257499" y="67258"/>
                  </a:cubicBezTo>
                  <a:cubicBezTo>
                    <a:pt x="1257499" y="67258"/>
                    <a:pt x="1257499" y="62389"/>
                    <a:pt x="1259122" y="62389"/>
                  </a:cubicBezTo>
                  <a:cubicBezTo>
                    <a:pt x="1259122" y="62389"/>
                    <a:pt x="1259122" y="62389"/>
                    <a:pt x="1260745" y="62389"/>
                  </a:cubicBezTo>
                  <a:cubicBezTo>
                    <a:pt x="1262368" y="62389"/>
                    <a:pt x="1265615" y="62389"/>
                    <a:pt x="1265615" y="62389"/>
                  </a:cubicBezTo>
                  <a:cubicBezTo>
                    <a:pt x="1267238" y="62389"/>
                    <a:pt x="1268861" y="59143"/>
                    <a:pt x="1268861" y="59143"/>
                  </a:cubicBezTo>
                  <a:cubicBezTo>
                    <a:pt x="1268861" y="59143"/>
                    <a:pt x="1268861" y="59143"/>
                    <a:pt x="1272107" y="57521"/>
                  </a:cubicBezTo>
                  <a:cubicBezTo>
                    <a:pt x="1273730" y="57521"/>
                    <a:pt x="1275353" y="55898"/>
                    <a:pt x="1276976" y="57521"/>
                  </a:cubicBezTo>
                  <a:cubicBezTo>
                    <a:pt x="1276976" y="57521"/>
                    <a:pt x="1280222" y="55898"/>
                    <a:pt x="1280222" y="55898"/>
                  </a:cubicBezTo>
                  <a:cubicBezTo>
                    <a:pt x="1280222" y="55898"/>
                    <a:pt x="1280222" y="55898"/>
                    <a:pt x="1281846" y="54275"/>
                  </a:cubicBezTo>
                  <a:cubicBezTo>
                    <a:pt x="1281846" y="54275"/>
                    <a:pt x="1285092" y="54275"/>
                    <a:pt x="1285092" y="55898"/>
                  </a:cubicBezTo>
                  <a:cubicBezTo>
                    <a:pt x="1286715" y="55898"/>
                    <a:pt x="1293207" y="57521"/>
                    <a:pt x="1293207" y="59143"/>
                  </a:cubicBezTo>
                  <a:cubicBezTo>
                    <a:pt x="1293207" y="60766"/>
                    <a:pt x="1293207" y="59143"/>
                    <a:pt x="1293207" y="60766"/>
                  </a:cubicBezTo>
                  <a:cubicBezTo>
                    <a:pt x="1294830" y="62389"/>
                    <a:pt x="1301323" y="64012"/>
                    <a:pt x="1301323" y="64012"/>
                  </a:cubicBezTo>
                  <a:cubicBezTo>
                    <a:pt x="1301323" y="64012"/>
                    <a:pt x="1302946" y="65635"/>
                    <a:pt x="1302946" y="68880"/>
                  </a:cubicBezTo>
                  <a:cubicBezTo>
                    <a:pt x="1302946" y="70503"/>
                    <a:pt x="1302946" y="72126"/>
                    <a:pt x="1302946" y="73749"/>
                  </a:cubicBezTo>
                  <a:cubicBezTo>
                    <a:pt x="1302946" y="73749"/>
                    <a:pt x="1302946" y="81863"/>
                    <a:pt x="1302946" y="81863"/>
                  </a:cubicBezTo>
                  <a:cubicBezTo>
                    <a:pt x="1301323" y="81863"/>
                    <a:pt x="1299700" y="83486"/>
                    <a:pt x="1299700" y="85109"/>
                  </a:cubicBezTo>
                  <a:cubicBezTo>
                    <a:pt x="1298076" y="86732"/>
                    <a:pt x="1299700" y="89978"/>
                    <a:pt x="1299700" y="89978"/>
                  </a:cubicBezTo>
                  <a:cubicBezTo>
                    <a:pt x="1299700" y="89978"/>
                    <a:pt x="1299700" y="89978"/>
                    <a:pt x="1301323" y="91600"/>
                  </a:cubicBezTo>
                  <a:cubicBezTo>
                    <a:pt x="1301323" y="91600"/>
                    <a:pt x="1302946" y="91600"/>
                    <a:pt x="1302946" y="91600"/>
                  </a:cubicBezTo>
                  <a:cubicBezTo>
                    <a:pt x="1302946" y="89978"/>
                    <a:pt x="1304569" y="89978"/>
                    <a:pt x="1304569" y="88355"/>
                  </a:cubicBezTo>
                  <a:cubicBezTo>
                    <a:pt x="1304569" y="88355"/>
                    <a:pt x="1304569" y="85109"/>
                    <a:pt x="1306192" y="85109"/>
                  </a:cubicBezTo>
                  <a:cubicBezTo>
                    <a:pt x="1306192" y="85109"/>
                    <a:pt x="1306192" y="85109"/>
                    <a:pt x="1307815" y="81863"/>
                  </a:cubicBezTo>
                  <a:cubicBezTo>
                    <a:pt x="1309438" y="81863"/>
                    <a:pt x="1309438" y="81863"/>
                    <a:pt x="1311061" y="81863"/>
                  </a:cubicBezTo>
                  <a:cubicBezTo>
                    <a:pt x="1312684" y="80240"/>
                    <a:pt x="1312684" y="80240"/>
                    <a:pt x="1314307" y="78618"/>
                  </a:cubicBezTo>
                  <a:cubicBezTo>
                    <a:pt x="1314307" y="76995"/>
                    <a:pt x="1314307" y="76995"/>
                    <a:pt x="1314307" y="73749"/>
                  </a:cubicBezTo>
                  <a:cubicBezTo>
                    <a:pt x="1314307" y="72126"/>
                    <a:pt x="1312684" y="70503"/>
                    <a:pt x="1312684" y="70503"/>
                  </a:cubicBezTo>
                  <a:cubicBezTo>
                    <a:pt x="1312684" y="70503"/>
                    <a:pt x="1311061" y="67258"/>
                    <a:pt x="1309438" y="67258"/>
                  </a:cubicBezTo>
                  <a:cubicBezTo>
                    <a:pt x="1309438" y="67258"/>
                    <a:pt x="1307815" y="64012"/>
                    <a:pt x="1307815" y="64012"/>
                  </a:cubicBezTo>
                  <a:cubicBezTo>
                    <a:pt x="1309438" y="64012"/>
                    <a:pt x="1309438" y="62389"/>
                    <a:pt x="1309438" y="60766"/>
                  </a:cubicBezTo>
                  <a:cubicBezTo>
                    <a:pt x="1309438" y="60766"/>
                    <a:pt x="1311061" y="59143"/>
                    <a:pt x="1312684" y="59143"/>
                  </a:cubicBezTo>
                  <a:cubicBezTo>
                    <a:pt x="1314307" y="59143"/>
                    <a:pt x="1317554" y="60766"/>
                    <a:pt x="1319177" y="60766"/>
                  </a:cubicBezTo>
                  <a:cubicBezTo>
                    <a:pt x="1319177" y="62389"/>
                    <a:pt x="1330539" y="65635"/>
                    <a:pt x="1330539" y="65635"/>
                  </a:cubicBezTo>
                  <a:cubicBezTo>
                    <a:pt x="1332162" y="65635"/>
                    <a:pt x="1335408" y="67258"/>
                    <a:pt x="1337031" y="67258"/>
                  </a:cubicBezTo>
                  <a:cubicBezTo>
                    <a:pt x="1337031" y="67258"/>
                    <a:pt x="1337031" y="65635"/>
                    <a:pt x="1338654" y="67258"/>
                  </a:cubicBezTo>
                  <a:cubicBezTo>
                    <a:pt x="1340277" y="68880"/>
                    <a:pt x="1341900" y="70503"/>
                    <a:pt x="1341900" y="70503"/>
                  </a:cubicBezTo>
                  <a:cubicBezTo>
                    <a:pt x="1341900" y="70503"/>
                    <a:pt x="1341900" y="68880"/>
                    <a:pt x="1343524" y="70503"/>
                  </a:cubicBezTo>
                  <a:cubicBezTo>
                    <a:pt x="1345147" y="73749"/>
                    <a:pt x="1345147" y="72126"/>
                    <a:pt x="1345147" y="73749"/>
                  </a:cubicBezTo>
                  <a:cubicBezTo>
                    <a:pt x="1346770" y="75372"/>
                    <a:pt x="1348393" y="76995"/>
                    <a:pt x="1348393" y="76995"/>
                  </a:cubicBezTo>
                  <a:cubicBezTo>
                    <a:pt x="1348393" y="76995"/>
                    <a:pt x="1348393" y="76995"/>
                    <a:pt x="1348393" y="78618"/>
                  </a:cubicBezTo>
                  <a:cubicBezTo>
                    <a:pt x="1348393" y="78618"/>
                    <a:pt x="1348393" y="80240"/>
                    <a:pt x="1350016" y="80240"/>
                  </a:cubicBezTo>
                  <a:cubicBezTo>
                    <a:pt x="1350016" y="80240"/>
                    <a:pt x="1350016" y="80240"/>
                    <a:pt x="1353262" y="78618"/>
                  </a:cubicBezTo>
                  <a:cubicBezTo>
                    <a:pt x="1353262" y="78618"/>
                    <a:pt x="1353262" y="78618"/>
                    <a:pt x="1353262" y="76995"/>
                  </a:cubicBezTo>
                  <a:cubicBezTo>
                    <a:pt x="1353262" y="76995"/>
                    <a:pt x="1353262" y="76995"/>
                    <a:pt x="1354885" y="75372"/>
                  </a:cubicBezTo>
                  <a:cubicBezTo>
                    <a:pt x="1354885" y="75372"/>
                    <a:pt x="1354885" y="75372"/>
                    <a:pt x="1356508" y="76995"/>
                  </a:cubicBezTo>
                  <a:cubicBezTo>
                    <a:pt x="1356508" y="76995"/>
                    <a:pt x="1356508" y="76995"/>
                    <a:pt x="1361378" y="76995"/>
                  </a:cubicBezTo>
                  <a:cubicBezTo>
                    <a:pt x="1361378" y="76995"/>
                    <a:pt x="1361378" y="76995"/>
                    <a:pt x="1363001" y="76995"/>
                  </a:cubicBezTo>
                  <a:cubicBezTo>
                    <a:pt x="1363001" y="76995"/>
                    <a:pt x="1364624" y="76995"/>
                    <a:pt x="1364624" y="76995"/>
                  </a:cubicBezTo>
                  <a:cubicBezTo>
                    <a:pt x="1366247" y="76995"/>
                    <a:pt x="1366247" y="78618"/>
                    <a:pt x="1367870" y="78618"/>
                  </a:cubicBezTo>
                  <a:cubicBezTo>
                    <a:pt x="1367870" y="76995"/>
                    <a:pt x="1369493" y="76995"/>
                    <a:pt x="1369493" y="76995"/>
                  </a:cubicBezTo>
                  <a:cubicBezTo>
                    <a:pt x="1369493" y="76995"/>
                    <a:pt x="1369493" y="76995"/>
                    <a:pt x="1367870" y="75372"/>
                  </a:cubicBezTo>
                  <a:cubicBezTo>
                    <a:pt x="1367870" y="75372"/>
                    <a:pt x="1367870" y="75372"/>
                    <a:pt x="1364624" y="73749"/>
                  </a:cubicBezTo>
                  <a:cubicBezTo>
                    <a:pt x="1364624" y="73749"/>
                    <a:pt x="1364624" y="73749"/>
                    <a:pt x="1363001" y="73749"/>
                  </a:cubicBezTo>
                  <a:cubicBezTo>
                    <a:pt x="1363001" y="72126"/>
                    <a:pt x="1363001" y="72126"/>
                    <a:pt x="1361378" y="72126"/>
                  </a:cubicBezTo>
                  <a:cubicBezTo>
                    <a:pt x="1361378" y="70503"/>
                    <a:pt x="1359754" y="68880"/>
                    <a:pt x="1359754" y="68880"/>
                  </a:cubicBezTo>
                  <a:cubicBezTo>
                    <a:pt x="1358131" y="68880"/>
                    <a:pt x="1358131" y="67258"/>
                    <a:pt x="1356508" y="67258"/>
                  </a:cubicBezTo>
                  <a:cubicBezTo>
                    <a:pt x="1356508" y="65635"/>
                    <a:pt x="1353262" y="65635"/>
                    <a:pt x="1353262" y="64012"/>
                  </a:cubicBezTo>
                  <a:cubicBezTo>
                    <a:pt x="1353262" y="64012"/>
                    <a:pt x="1351639" y="60766"/>
                    <a:pt x="1351639" y="60766"/>
                  </a:cubicBezTo>
                  <a:cubicBezTo>
                    <a:pt x="1351639" y="60766"/>
                    <a:pt x="1351639" y="60766"/>
                    <a:pt x="1351639" y="57521"/>
                  </a:cubicBezTo>
                  <a:cubicBezTo>
                    <a:pt x="1351639" y="57521"/>
                    <a:pt x="1351639" y="54275"/>
                    <a:pt x="1351639" y="54275"/>
                  </a:cubicBezTo>
                  <a:cubicBezTo>
                    <a:pt x="1351639" y="52652"/>
                    <a:pt x="1353262" y="51029"/>
                    <a:pt x="1353262" y="51029"/>
                  </a:cubicBezTo>
                  <a:cubicBezTo>
                    <a:pt x="1353262" y="51029"/>
                    <a:pt x="1358131" y="49406"/>
                    <a:pt x="1359754" y="51029"/>
                  </a:cubicBezTo>
                  <a:cubicBezTo>
                    <a:pt x="1363001" y="51029"/>
                    <a:pt x="1363001" y="49406"/>
                    <a:pt x="1364624" y="49406"/>
                  </a:cubicBezTo>
                  <a:cubicBezTo>
                    <a:pt x="1366247" y="51029"/>
                    <a:pt x="1366247" y="51029"/>
                    <a:pt x="1367870" y="51029"/>
                  </a:cubicBezTo>
                  <a:cubicBezTo>
                    <a:pt x="1367870" y="51029"/>
                    <a:pt x="1371116" y="51029"/>
                    <a:pt x="1371116" y="51029"/>
                  </a:cubicBezTo>
                  <a:cubicBezTo>
                    <a:pt x="1371116" y="51029"/>
                    <a:pt x="1369493" y="51029"/>
                    <a:pt x="1372739" y="51029"/>
                  </a:cubicBezTo>
                  <a:cubicBezTo>
                    <a:pt x="1377609" y="51029"/>
                    <a:pt x="1377609" y="51029"/>
                    <a:pt x="1377609" y="51029"/>
                  </a:cubicBezTo>
                  <a:cubicBezTo>
                    <a:pt x="1379232" y="51029"/>
                    <a:pt x="1379232" y="51029"/>
                    <a:pt x="1379232" y="51029"/>
                  </a:cubicBezTo>
                  <a:cubicBezTo>
                    <a:pt x="1380855" y="51029"/>
                    <a:pt x="1380855" y="51029"/>
                    <a:pt x="1382478" y="51029"/>
                  </a:cubicBezTo>
                  <a:cubicBezTo>
                    <a:pt x="1382478" y="52652"/>
                    <a:pt x="1382478" y="51029"/>
                    <a:pt x="1384101" y="52652"/>
                  </a:cubicBezTo>
                  <a:cubicBezTo>
                    <a:pt x="1384101" y="54275"/>
                    <a:pt x="1382478" y="54275"/>
                    <a:pt x="1384101" y="55898"/>
                  </a:cubicBezTo>
                  <a:cubicBezTo>
                    <a:pt x="1385724" y="55898"/>
                    <a:pt x="1387347" y="55898"/>
                    <a:pt x="1387347" y="55898"/>
                  </a:cubicBezTo>
                  <a:cubicBezTo>
                    <a:pt x="1387347" y="55898"/>
                    <a:pt x="1387347" y="55898"/>
                    <a:pt x="1388970" y="55898"/>
                  </a:cubicBezTo>
                  <a:cubicBezTo>
                    <a:pt x="1388970" y="55898"/>
                    <a:pt x="1390593" y="55898"/>
                    <a:pt x="1390593" y="57521"/>
                  </a:cubicBezTo>
                  <a:cubicBezTo>
                    <a:pt x="1390593" y="57521"/>
                    <a:pt x="1390593" y="57521"/>
                    <a:pt x="1392216" y="57521"/>
                  </a:cubicBezTo>
                  <a:cubicBezTo>
                    <a:pt x="1393839" y="59143"/>
                    <a:pt x="1393839" y="59143"/>
                    <a:pt x="1393839" y="59143"/>
                  </a:cubicBezTo>
                  <a:cubicBezTo>
                    <a:pt x="1395463" y="59143"/>
                    <a:pt x="1397086" y="59143"/>
                    <a:pt x="1398709" y="59143"/>
                  </a:cubicBezTo>
                  <a:cubicBezTo>
                    <a:pt x="1398709" y="59143"/>
                    <a:pt x="1406824" y="64012"/>
                    <a:pt x="1406824" y="64012"/>
                  </a:cubicBezTo>
                  <a:cubicBezTo>
                    <a:pt x="1408447" y="64012"/>
                    <a:pt x="1410070" y="64012"/>
                    <a:pt x="1410070" y="64012"/>
                  </a:cubicBezTo>
                  <a:cubicBezTo>
                    <a:pt x="1411694" y="65635"/>
                    <a:pt x="1413317" y="64012"/>
                    <a:pt x="1413317" y="64012"/>
                  </a:cubicBezTo>
                  <a:cubicBezTo>
                    <a:pt x="1414940" y="65635"/>
                    <a:pt x="1413317" y="64012"/>
                    <a:pt x="1414940" y="64012"/>
                  </a:cubicBezTo>
                  <a:cubicBezTo>
                    <a:pt x="1416563" y="65635"/>
                    <a:pt x="1418186" y="67258"/>
                    <a:pt x="1418186" y="67258"/>
                  </a:cubicBezTo>
                  <a:cubicBezTo>
                    <a:pt x="1418186" y="67258"/>
                    <a:pt x="1418186" y="67258"/>
                    <a:pt x="1421432" y="67258"/>
                  </a:cubicBezTo>
                  <a:cubicBezTo>
                    <a:pt x="1421432" y="67258"/>
                    <a:pt x="1421432" y="67258"/>
                    <a:pt x="1424678" y="67258"/>
                  </a:cubicBezTo>
                  <a:cubicBezTo>
                    <a:pt x="1426301" y="68880"/>
                    <a:pt x="1427924" y="68880"/>
                    <a:pt x="1429548" y="68880"/>
                  </a:cubicBezTo>
                  <a:cubicBezTo>
                    <a:pt x="1431171" y="70503"/>
                    <a:pt x="1432794" y="70503"/>
                    <a:pt x="1432794" y="70503"/>
                  </a:cubicBezTo>
                  <a:cubicBezTo>
                    <a:pt x="1432794" y="70503"/>
                    <a:pt x="1432794" y="70503"/>
                    <a:pt x="1437663" y="73749"/>
                  </a:cubicBezTo>
                  <a:cubicBezTo>
                    <a:pt x="1437663" y="73749"/>
                    <a:pt x="1437663" y="73749"/>
                    <a:pt x="1442532" y="75372"/>
                  </a:cubicBezTo>
                  <a:cubicBezTo>
                    <a:pt x="1442532" y="75372"/>
                    <a:pt x="1442532" y="75372"/>
                    <a:pt x="1445778" y="76995"/>
                  </a:cubicBezTo>
                  <a:cubicBezTo>
                    <a:pt x="1445778" y="76995"/>
                    <a:pt x="1445778" y="76995"/>
                    <a:pt x="1447402" y="78618"/>
                  </a:cubicBezTo>
                  <a:cubicBezTo>
                    <a:pt x="1447402" y="78618"/>
                    <a:pt x="1447402" y="78618"/>
                    <a:pt x="1450648" y="80240"/>
                  </a:cubicBezTo>
                  <a:cubicBezTo>
                    <a:pt x="1450648" y="80240"/>
                    <a:pt x="1450648" y="80240"/>
                    <a:pt x="1453894" y="81863"/>
                  </a:cubicBezTo>
                  <a:cubicBezTo>
                    <a:pt x="1453894" y="81863"/>
                    <a:pt x="1453894" y="81863"/>
                    <a:pt x="1457140" y="81863"/>
                  </a:cubicBezTo>
                  <a:cubicBezTo>
                    <a:pt x="1457140" y="81863"/>
                    <a:pt x="1460386" y="81863"/>
                    <a:pt x="1460386" y="81863"/>
                  </a:cubicBezTo>
                  <a:cubicBezTo>
                    <a:pt x="1462009" y="81863"/>
                    <a:pt x="1463633" y="81863"/>
                    <a:pt x="1463633" y="81863"/>
                  </a:cubicBezTo>
                  <a:cubicBezTo>
                    <a:pt x="1463633" y="81863"/>
                    <a:pt x="1463633" y="81863"/>
                    <a:pt x="1463633" y="80240"/>
                  </a:cubicBezTo>
                  <a:cubicBezTo>
                    <a:pt x="1463633" y="80240"/>
                    <a:pt x="1460386" y="78618"/>
                    <a:pt x="1460386" y="76995"/>
                  </a:cubicBezTo>
                  <a:cubicBezTo>
                    <a:pt x="1460386" y="76995"/>
                    <a:pt x="1458763" y="75372"/>
                    <a:pt x="1458763" y="75372"/>
                  </a:cubicBezTo>
                  <a:cubicBezTo>
                    <a:pt x="1458763" y="75372"/>
                    <a:pt x="1457140" y="73749"/>
                    <a:pt x="1453894" y="72126"/>
                  </a:cubicBezTo>
                  <a:cubicBezTo>
                    <a:pt x="1452271" y="70503"/>
                    <a:pt x="1450648" y="70503"/>
                    <a:pt x="1450648" y="68880"/>
                  </a:cubicBezTo>
                  <a:cubicBezTo>
                    <a:pt x="1449025" y="68880"/>
                    <a:pt x="1450648" y="68880"/>
                    <a:pt x="1449025" y="67258"/>
                  </a:cubicBezTo>
                  <a:cubicBezTo>
                    <a:pt x="1447402" y="65635"/>
                    <a:pt x="1447402" y="64012"/>
                    <a:pt x="1445778" y="64012"/>
                  </a:cubicBezTo>
                  <a:cubicBezTo>
                    <a:pt x="1444155" y="65635"/>
                    <a:pt x="1442532" y="64012"/>
                    <a:pt x="1442532" y="64012"/>
                  </a:cubicBezTo>
                  <a:cubicBezTo>
                    <a:pt x="1440909" y="64012"/>
                    <a:pt x="1442532" y="64012"/>
                    <a:pt x="1439286" y="62389"/>
                  </a:cubicBezTo>
                  <a:cubicBezTo>
                    <a:pt x="1437663" y="62389"/>
                    <a:pt x="1437663" y="62389"/>
                    <a:pt x="1436040" y="62389"/>
                  </a:cubicBezTo>
                  <a:cubicBezTo>
                    <a:pt x="1434417" y="60766"/>
                    <a:pt x="1431171" y="59143"/>
                    <a:pt x="1431171" y="59143"/>
                  </a:cubicBezTo>
                  <a:cubicBezTo>
                    <a:pt x="1431171" y="60766"/>
                    <a:pt x="1431171" y="60766"/>
                    <a:pt x="1429548" y="60766"/>
                  </a:cubicBezTo>
                  <a:cubicBezTo>
                    <a:pt x="1426301" y="59143"/>
                    <a:pt x="1426301" y="59143"/>
                    <a:pt x="1424678" y="59143"/>
                  </a:cubicBezTo>
                  <a:cubicBezTo>
                    <a:pt x="1423055" y="59143"/>
                    <a:pt x="1423055" y="57521"/>
                    <a:pt x="1421432" y="57521"/>
                  </a:cubicBezTo>
                  <a:cubicBezTo>
                    <a:pt x="1421432" y="57521"/>
                    <a:pt x="1419809" y="55898"/>
                    <a:pt x="1418186" y="54275"/>
                  </a:cubicBezTo>
                  <a:cubicBezTo>
                    <a:pt x="1418186" y="54275"/>
                    <a:pt x="1416563" y="52652"/>
                    <a:pt x="1414940" y="52652"/>
                  </a:cubicBezTo>
                  <a:cubicBezTo>
                    <a:pt x="1414940" y="51029"/>
                    <a:pt x="1413317" y="51029"/>
                    <a:pt x="1413317" y="51029"/>
                  </a:cubicBezTo>
                  <a:cubicBezTo>
                    <a:pt x="1411694" y="51029"/>
                    <a:pt x="1411694" y="49406"/>
                    <a:pt x="1410070" y="47783"/>
                  </a:cubicBezTo>
                  <a:cubicBezTo>
                    <a:pt x="1410070" y="47783"/>
                    <a:pt x="1410070" y="46161"/>
                    <a:pt x="1410070" y="46161"/>
                  </a:cubicBezTo>
                  <a:cubicBezTo>
                    <a:pt x="1410070" y="46161"/>
                    <a:pt x="1408447" y="46161"/>
                    <a:pt x="1413317" y="46161"/>
                  </a:cubicBezTo>
                  <a:cubicBezTo>
                    <a:pt x="1418186" y="46161"/>
                    <a:pt x="1419809" y="44538"/>
                    <a:pt x="1421432" y="44538"/>
                  </a:cubicBezTo>
                  <a:cubicBezTo>
                    <a:pt x="1421432" y="44538"/>
                    <a:pt x="1423055" y="44538"/>
                    <a:pt x="1423055" y="44538"/>
                  </a:cubicBezTo>
                  <a:cubicBezTo>
                    <a:pt x="1424678" y="44538"/>
                    <a:pt x="1426301" y="42915"/>
                    <a:pt x="1427924" y="42915"/>
                  </a:cubicBezTo>
                  <a:cubicBezTo>
                    <a:pt x="1429548" y="42915"/>
                    <a:pt x="1424678" y="42915"/>
                    <a:pt x="1431171" y="44538"/>
                  </a:cubicBezTo>
                  <a:cubicBezTo>
                    <a:pt x="1437663" y="44538"/>
                    <a:pt x="1437663" y="42915"/>
                    <a:pt x="1439286" y="44538"/>
                  </a:cubicBezTo>
                  <a:cubicBezTo>
                    <a:pt x="1439286" y="44538"/>
                    <a:pt x="1439286" y="42915"/>
                    <a:pt x="1440909" y="44538"/>
                  </a:cubicBezTo>
                  <a:cubicBezTo>
                    <a:pt x="1444155" y="47783"/>
                    <a:pt x="1445778" y="47783"/>
                    <a:pt x="1445778" y="47783"/>
                  </a:cubicBezTo>
                  <a:cubicBezTo>
                    <a:pt x="1447402" y="47783"/>
                    <a:pt x="1449025" y="49406"/>
                    <a:pt x="1450648" y="49406"/>
                  </a:cubicBezTo>
                  <a:cubicBezTo>
                    <a:pt x="1450648" y="49406"/>
                    <a:pt x="1462009" y="52652"/>
                    <a:pt x="1462009" y="52652"/>
                  </a:cubicBezTo>
                  <a:cubicBezTo>
                    <a:pt x="1463633" y="52652"/>
                    <a:pt x="1463633" y="51029"/>
                    <a:pt x="1465256" y="54275"/>
                  </a:cubicBezTo>
                  <a:cubicBezTo>
                    <a:pt x="1468502" y="57521"/>
                    <a:pt x="1465256" y="55898"/>
                    <a:pt x="1470125" y="57521"/>
                  </a:cubicBezTo>
                  <a:cubicBezTo>
                    <a:pt x="1474994" y="59143"/>
                    <a:pt x="1476617" y="59143"/>
                    <a:pt x="1476617" y="59143"/>
                  </a:cubicBezTo>
                  <a:cubicBezTo>
                    <a:pt x="1478240" y="59143"/>
                    <a:pt x="1479863" y="59143"/>
                    <a:pt x="1479863" y="59143"/>
                  </a:cubicBezTo>
                  <a:cubicBezTo>
                    <a:pt x="1479863" y="59143"/>
                    <a:pt x="1479863" y="57521"/>
                    <a:pt x="1478240" y="57521"/>
                  </a:cubicBezTo>
                  <a:cubicBezTo>
                    <a:pt x="1476617" y="57521"/>
                    <a:pt x="1474994" y="54275"/>
                    <a:pt x="1474994" y="54275"/>
                  </a:cubicBezTo>
                  <a:cubicBezTo>
                    <a:pt x="1473371" y="54275"/>
                    <a:pt x="1471748" y="54275"/>
                    <a:pt x="1470125" y="54275"/>
                  </a:cubicBezTo>
                  <a:cubicBezTo>
                    <a:pt x="1470125" y="54275"/>
                    <a:pt x="1468502" y="54275"/>
                    <a:pt x="1468502" y="54275"/>
                  </a:cubicBezTo>
                  <a:cubicBezTo>
                    <a:pt x="1466879" y="52652"/>
                    <a:pt x="1466879" y="51029"/>
                    <a:pt x="1466879" y="51029"/>
                  </a:cubicBezTo>
                  <a:cubicBezTo>
                    <a:pt x="1465256" y="51029"/>
                    <a:pt x="1463633" y="49406"/>
                    <a:pt x="1462009" y="49406"/>
                  </a:cubicBezTo>
                  <a:cubicBezTo>
                    <a:pt x="1462009" y="49406"/>
                    <a:pt x="1462009" y="49406"/>
                    <a:pt x="1460386" y="49406"/>
                  </a:cubicBezTo>
                  <a:cubicBezTo>
                    <a:pt x="1460386" y="49406"/>
                    <a:pt x="1460386" y="49406"/>
                    <a:pt x="1457140" y="46161"/>
                  </a:cubicBezTo>
                  <a:cubicBezTo>
                    <a:pt x="1455517" y="46161"/>
                    <a:pt x="1453894" y="46161"/>
                    <a:pt x="1452271" y="46161"/>
                  </a:cubicBezTo>
                  <a:cubicBezTo>
                    <a:pt x="1452271" y="44538"/>
                    <a:pt x="1450648" y="44538"/>
                    <a:pt x="1449025" y="42915"/>
                  </a:cubicBezTo>
                  <a:cubicBezTo>
                    <a:pt x="1449025" y="42915"/>
                    <a:pt x="1447402" y="41292"/>
                    <a:pt x="1447402" y="41292"/>
                  </a:cubicBezTo>
                  <a:cubicBezTo>
                    <a:pt x="1449025" y="41292"/>
                    <a:pt x="1452271" y="41292"/>
                    <a:pt x="1453894" y="39669"/>
                  </a:cubicBezTo>
                  <a:cubicBezTo>
                    <a:pt x="1455517" y="39669"/>
                    <a:pt x="1455517" y="41292"/>
                    <a:pt x="1457140" y="39669"/>
                  </a:cubicBezTo>
                  <a:cubicBezTo>
                    <a:pt x="1460386" y="39669"/>
                    <a:pt x="1463633" y="39669"/>
                    <a:pt x="1463633" y="39669"/>
                  </a:cubicBezTo>
                  <a:cubicBezTo>
                    <a:pt x="1463633" y="39669"/>
                    <a:pt x="1463633" y="38046"/>
                    <a:pt x="1462009" y="38046"/>
                  </a:cubicBezTo>
                  <a:cubicBezTo>
                    <a:pt x="1462009" y="36423"/>
                    <a:pt x="1455517" y="36423"/>
                    <a:pt x="1455517" y="36423"/>
                  </a:cubicBezTo>
                  <a:cubicBezTo>
                    <a:pt x="1453894" y="36423"/>
                    <a:pt x="1453894" y="36423"/>
                    <a:pt x="1450648" y="36423"/>
                  </a:cubicBezTo>
                  <a:cubicBezTo>
                    <a:pt x="1449025" y="36423"/>
                    <a:pt x="1440909" y="36423"/>
                    <a:pt x="1439286" y="36423"/>
                  </a:cubicBezTo>
                  <a:cubicBezTo>
                    <a:pt x="1439286" y="36423"/>
                    <a:pt x="1436040" y="34801"/>
                    <a:pt x="1436040" y="36423"/>
                  </a:cubicBezTo>
                  <a:cubicBezTo>
                    <a:pt x="1434417" y="36423"/>
                    <a:pt x="1432794" y="33178"/>
                    <a:pt x="1431171" y="33178"/>
                  </a:cubicBezTo>
                  <a:cubicBezTo>
                    <a:pt x="1429548" y="33178"/>
                    <a:pt x="1427924" y="33178"/>
                    <a:pt x="1427924" y="31555"/>
                  </a:cubicBezTo>
                  <a:cubicBezTo>
                    <a:pt x="1427924" y="29932"/>
                    <a:pt x="1427924" y="28309"/>
                    <a:pt x="1427924" y="28309"/>
                  </a:cubicBezTo>
                  <a:cubicBezTo>
                    <a:pt x="1429548" y="26686"/>
                    <a:pt x="1427924" y="26686"/>
                    <a:pt x="1431171" y="25064"/>
                  </a:cubicBezTo>
                  <a:cubicBezTo>
                    <a:pt x="1434417" y="25064"/>
                    <a:pt x="1434417" y="25064"/>
                    <a:pt x="1437663" y="25064"/>
                  </a:cubicBezTo>
                  <a:cubicBezTo>
                    <a:pt x="1440909" y="25064"/>
                    <a:pt x="1442532" y="26686"/>
                    <a:pt x="1442532" y="28309"/>
                  </a:cubicBezTo>
                  <a:cubicBezTo>
                    <a:pt x="1442532" y="28309"/>
                    <a:pt x="1444155" y="28309"/>
                    <a:pt x="1445778" y="28309"/>
                  </a:cubicBezTo>
                  <a:cubicBezTo>
                    <a:pt x="1447402" y="29932"/>
                    <a:pt x="1447402" y="29932"/>
                    <a:pt x="1449025" y="31555"/>
                  </a:cubicBezTo>
                  <a:cubicBezTo>
                    <a:pt x="1449025" y="31555"/>
                    <a:pt x="1450648" y="29932"/>
                    <a:pt x="1450648" y="31555"/>
                  </a:cubicBezTo>
                  <a:cubicBezTo>
                    <a:pt x="1450648" y="33178"/>
                    <a:pt x="1452271" y="28309"/>
                    <a:pt x="1452271" y="28309"/>
                  </a:cubicBezTo>
                  <a:cubicBezTo>
                    <a:pt x="1452271" y="28309"/>
                    <a:pt x="1450648" y="26686"/>
                    <a:pt x="1450648" y="25064"/>
                  </a:cubicBezTo>
                  <a:cubicBezTo>
                    <a:pt x="1449025" y="25064"/>
                    <a:pt x="1447402" y="23441"/>
                    <a:pt x="1449025" y="23441"/>
                  </a:cubicBezTo>
                  <a:cubicBezTo>
                    <a:pt x="1449025" y="23441"/>
                    <a:pt x="1457140" y="23441"/>
                    <a:pt x="1457140" y="23441"/>
                  </a:cubicBezTo>
                  <a:cubicBezTo>
                    <a:pt x="1457140" y="23441"/>
                    <a:pt x="1455517" y="23441"/>
                    <a:pt x="1458763" y="23441"/>
                  </a:cubicBezTo>
                  <a:cubicBezTo>
                    <a:pt x="1462009" y="23441"/>
                    <a:pt x="1470125" y="23441"/>
                    <a:pt x="1470125" y="23441"/>
                  </a:cubicBezTo>
                  <a:cubicBezTo>
                    <a:pt x="1470125" y="23441"/>
                    <a:pt x="1470125" y="23441"/>
                    <a:pt x="1473371" y="23441"/>
                  </a:cubicBezTo>
                  <a:cubicBezTo>
                    <a:pt x="1473371" y="23441"/>
                    <a:pt x="1473371" y="23441"/>
                    <a:pt x="1478240" y="21818"/>
                  </a:cubicBezTo>
                  <a:cubicBezTo>
                    <a:pt x="1478240" y="21818"/>
                    <a:pt x="1479863" y="21818"/>
                    <a:pt x="1479863" y="21818"/>
                  </a:cubicBezTo>
                  <a:cubicBezTo>
                    <a:pt x="1481487" y="23441"/>
                    <a:pt x="1484733" y="23441"/>
                    <a:pt x="1484733" y="21818"/>
                  </a:cubicBezTo>
                  <a:cubicBezTo>
                    <a:pt x="1486356" y="21818"/>
                    <a:pt x="1486356" y="21818"/>
                    <a:pt x="1487979" y="21818"/>
                  </a:cubicBezTo>
                  <a:cubicBezTo>
                    <a:pt x="1487979" y="21818"/>
                    <a:pt x="1489602" y="20195"/>
                    <a:pt x="1489602" y="20195"/>
                  </a:cubicBezTo>
                  <a:cubicBezTo>
                    <a:pt x="1491225" y="20195"/>
                    <a:pt x="1491225" y="18572"/>
                    <a:pt x="1491225" y="18572"/>
                  </a:cubicBezTo>
                  <a:cubicBezTo>
                    <a:pt x="1492848" y="18572"/>
                    <a:pt x="1494471" y="18572"/>
                    <a:pt x="1496094" y="18572"/>
                  </a:cubicBezTo>
                  <a:cubicBezTo>
                    <a:pt x="1496094" y="18572"/>
                    <a:pt x="1496094" y="16949"/>
                    <a:pt x="1499341" y="16949"/>
                  </a:cubicBezTo>
                  <a:cubicBezTo>
                    <a:pt x="1500964" y="16949"/>
                    <a:pt x="1512325" y="21818"/>
                    <a:pt x="1512325" y="21818"/>
                  </a:cubicBezTo>
                  <a:cubicBezTo>
                    <a:pt x="1513948" y="21818"/>
                    <a:pt x="1517195" y="21818"/>
                    <a:pt x="1517195" y="23441"/>
                  </a:cubicBezTo>
                  <a:cubicBezTo>
                    <a:pt x="1518818" y="23441"/>
                    <a:pt x="1518818" y="23441"/>
                    <a:pt x="1520441" y="25064"/>
                  </a:cubicBezTo>
                  <a:cubicBezTo>
                    <a:pt x="1520441" y="25064"/>
                    <a:pt x="1523687" y="26686"/>
                    <a:pt x="1525310" y="26686"/>
                  </a:cubicBezTo>
                  <a:cubicBezTo>
                    <a:pt x="1525310" y="26686"/>
                    <a:pt x="1530179" y="26686"/>
                    <a:pt x="1530179" y="26686"/>
                  </a:cubicBezTo>
                  <a:cubicBezTo>
                    <a:pt x="1530179" y="26686"/>
                    <a:pt x="1530179" y="26686"/>
                    <a:pt x="1533426" y="26686"/>
                  </a:cubicBezTo>
                  <a:cubicBezTo>
                    <a:pt x="1535049" y="26686"/>
                    <a:pt x="1533426" y="26686"/>
                    <a:pt x="1536672" y="28309"/>
                  </a:cubicBezTo>
                  <a:cubicBezTo>
                    <a:pt x="1538295" y="28309"/>
                    <a:pt x="1538295" y="28309"/>
                    <a:pt x="1539918" y="29932"/>
                  </a:cubicBezTo>
                  <a:cubicBezTo>
                    <a:pt x="1543164" y="29932"/>
                    <a:pt x="1543164" y="29932"/>
                    <a:pt x="1544787" y="28309"/>
                  </a:cubicBezTo>
                  <a:cubicBezTo>
                    <a:pt x="1546410" y="28309"/>
                    <a:pt x="1548033" y="26686"/>
                    <a:pt x="1548033" y="26686"/>
                  </a:cubicBezTo>
                  <a:cubicBezTo>
                    <a:pt x="1546410" y="26686"/>
                    <a:pt x="1546410" y="23441"/>
                    <a:pt x="1546410" y="23441"/>
                  </a:cubicBezTo>
                  <a:cubicBezTo>
                    <a:pt x="1546410" y="21818"/>
                    <a:pt x="1543164" y="21818"/>
                    <a:pt x="1544787" y="21818"/>
                  </a:cubicBezTo>
                  <a:cubicBezTo>
                    <a:pt x="1546410" y="20195"/>
                    <a:pt x="1551280" y="20195"/>
                    <a:pt x="1551280" y="20195"/>
                  </a:cubicBezTo>
                  <a:cubicBezTo>
                    <a:pt x="1552903" y="20195"/>
                    <a:pt x="1556149" y="21818"/>
                    <a:pt x="1557772" y="21818"/>
                  </a:cubicBezTo>
                  <a:cubicBezTo>
                    <a:pt x="1557772" y="21818"/>
                    <a:pt x="1559395" y="23441"/>
                    <a:pt x="1561018" y="23441"/>
                  </a:cubicBezTo>
                  <a:cubicBezTo>
                    <a:pt x="1561018" y="23441"/>
                    <a:pt x="1561018" y="25064"/>
                    <a:pt x="1559395" y="26686"/>
                  </a:cubicBezTo>
                  <a:cubicBezTo>
                    <a:pt x="1556149" y="28309"/>
                    <a:pt x="1556149" y="28309"/>
                    <a:pt x="1556149" y="29932"/>
                  </a:cubicBezTo>
                  <a:cubicBezTo>
                    <a:pt x="1556149" y="31555"/>
                    <a:pt x="1559395" y="31555"/>
                    <a:pt x="1561018" y="33178"/>
                  </a:cubicBezTo>
                  <a:cubicBezTo>
                    <a:pt x="1561018" y="33178"/>
                    <a:pt x="1561018" y="34801"/>
                    <a:pt x="1562641" y="34801"/>
                  </a:cubicBezTo>
                  <a:cubicBezTo>
                    <a:pt x="1564264" y="36423"/>
                    <a:pt x="1570757" y="38046"/>
                    <a:pt x="1570757" y="38046"/>
                  </a:cubicBezTo>
                  <a:cubicBezTo>
                    <a:pt x="1570757" y="38046"/>
                    <a:pt x="1572380" y="36423"/>
                    <a:pt x="1570757" y="34801"/>
                  </a:cubicBezTo>
                  <a:cubicBezTo>
                    <a:pt x="1570757" y="34801"/>
                    <a:pt x="1567511" y="33178"/>
                    <a:pt x="1565887" y="31555"/>
                  </a:cubicBezTo>
                  <a:cubicBezTo>
                    <a:pt x="1565887" y="31555"/>
                    <a:pt x="1564264" y="29932"/>
                    <a:pt x="1565887" y="29932"/>
                  </a:cubicBezTo>
                  <a:cubicBezTo>
                    <a:pt x="1567511" y="29932"/>
                    <a:pt x="1572380" y="29932"/>
                    <a:pt x="1572380" y="28309"/>
                  </a:cubicBezTo>
                  <a:cubicBezTo>
                    <a:pt x="1572380" y="28309"/>
                    <a:pt x="1574003" y="28309"/>
                    <a:pt x="1574003" y="26686"/>
                  </a:cubicBezTo>
                  <a:cubicBezTo>
                    <a:pt x="1574003" y="26686"/>
                    <a:pt x="1574003" y="25064"/>
                    <a:pt x="1575626" y="25064"/>
                  </a:cubicBezTo>
                  <a:cubicBezTo>
                    <a:pt x="1577249" y="23441"/>
                    <a:pt x="1580495" y="25064"/>
                    <a:pt x="1580495" y="25064"/>
                  </a:cubicBezTo>
                  <a:cubicBezTo>
                    <a:pt x="1582118" y="23441"/>
                    <a:pt x="1580495" y="23441"/>
                    <a:pt x="1583741" y="23441"/>
                  </a:cubicBezTo>
                  <a:cubicBezTo>
                    <a:pt x="1586988" y="23441"/>
                    <a:pt x="1588611" y="23441"/>
                    <a:pt x="1588611" y="23441"/>
                  </a:cubicBezTo>
                  <a:cubicBezTo>
                    <a:pt x="1590234" y="23441"/>
                    <a:pt x="1585365" y="21818"/>
                    <a:pt x="1585365" y="21818"/>
                  </a:cubicBezTo>
                  <a:cubicBezTo>
                    <a:pt x="1585365" y="21818"/>
                    <a:pt x="1582118" y="20195"/>
                    <a:pt x="1578872" y="21818"/>
                  </a:cubicBezTo>
                  <a:cubicBezTo>
                    <a:pt x="1577249" y="21818"/>
                    <a:pt x="1575626" y="21818"/>
                    <a:pt x="1574003" y="20195"/>
                  </a:cubicBezTo>
                  <a:cubicBezTo>
                    <a:pt x="1572380" y="20195"/>
                    <a:pt x="1570757" y="18572"/>
                    <a:pt x="1569134" y="16949"/>
                  </a:cubicBezTo>
                  <a:cubicBezTo>
                    <a:pt x="1569134" y="16949"/>
                    <a:pt x="1567511" y="15326"/>
                    <a:pt x="1567511" y="13704"/>
                  </a:cubicBezTo>
                  <a:cubicBezTo>
                    <a:pt x="1569134" y="13704"/>
                    <a:pt x="1569134" y="12081"/>
                    <a:pt x="1572380" y="12081"/>
                  </a:cubicBezTo>
                  <a:cubicBezTo>
                    <a:pt x="1574003" y="10458"/>
                    <a:pt x="1575626" y="10458"/>
                    <a:pt x="1577249" y="10458"/>
                  </a:cubicBezTo>
                  <a:cubicBezTo>
                    <a:pt x="1578872" y="10458"/>
                    <a:pt x="1580495" y="12081"/>
                    <a:pt x="1582118" y="12081"/>
                  </a:cubicBezTo>
                  <a:cubicBezTo>
                    <a:pt x="1583741" y="10458"/>
                    <a:pt x="1583741" y="10458"/>
                    <a:pt x="1586988" y="8835"/>
                  </a:cubicBezTo>
                  <a:cubicBezTo>
                    <a:pt x="1588611" y="7212"/>
                    <a:pt x="1596726" y="7212"/>
                    <a:pt x="1596726" y="7212"/>
                  </a:cubicBezTo>
                  <a:cubicBezTo>
                    <a:pt x="1596726" y="7212"/>
                    <a:pt x="1596726" y="7212"/>
                    <a:pt x="1599972" y="8835"/>
                  </a:cubicBezTo>
                  <a:cubicBezTo>
                    <a:pt x="1599972" y="8835"/>
                    <a:pt x="1599972" y="8835"/>
                    <a:pt x="1601596" y="8835"/>
                  </a:cubicBezTo>
                  <a:cubicBezTo>
                    <a:pt x="1603219" y="8835"/>
                    <a:pt x="1603219" y="10458"/>
                    <a:pt x="1603219" y="10458"/>
                  </a:cubicBezTo>
                  <a:cubicBezTo>
                    <a:pt x="1604842" y="10458"/>
                    <a:pt x="1608088" y="7212"/>
                    <a:pt x="1608088" y="7212"/>
                  </a:cubicBezTo>
                  <a:cubicBezTo>
                    <a:pt x="1608088" y="7212"/>
                    <a:pt x="1608088" y="7212"/>
                    <a:pt x="1609711" y="3966"/>
                  </a:cubicBezTo>
                  <a:cubicBezTo>
                    <a:pt x="1609711" y="3966"/>
                    <a:pt x="1614580" y="3966"/>
                    <a:pt x="1614580" y="3966"/>
                  </a:cubicBezTo>
                  <a:cubicBezTo>
                    <a:pt x="1616203" y="2344"/>
                    <a:pt x="1619450" y="2344"/>
                    <a:pt x="1621073" y="2344"/>
                  </a:cubicBezTo>
                  <a:cubicBezTo>
                    <a:pt x="1622696" y="2344"/>
                    <a:pt x="1645419" y="2344"/>
                    <a:pt x="1647042" y="2344"/>
                  </a:cubicBezTo>
                  <a:cubicBezTo>
                    <a:pt x="1647042" y="2344"/>
                    <a:pt x="1650288" y="2344"/>
                    <a:pt x="1650288" y="3966"/>
                  </a:cubicBezTo>
                  <a:cubicBezTo>
                    <a:pt x="1651911" y="5589"/>
                    <a:pt x="1650288" y="5589"/>
                    <a:pt x="1651911" y="7212"/>
                  </a:cubicBezTo>
                  <a:cubicBezTo>
                    <a:pt x="1653535" y="7212"/>
                    <a:pt x="1655158" y="8835"/>
                    <a:pt x="1656781" y="8835"/>
                  </a:cubicBezTo>
                  <a:cubicBezTo>
                    <a:pt x="1656781" y="7212"/>
                    <a:pt x="1658404" y="3966"/>
                    <a:pt x="1658404" y="3966"/>
                  </a:cubicBezTo>
                  <a:cubicBezTo>
                    <a:pt x="1658404" y="3966"/>
                    <a:pt x="1656781" y="2344"/>
                    <a:pt x="1658404" y="2344"/>
                  </a:cubicBezTo>
                  <a:cubicBezTo>
                    <a:pt x="1660027" y="2344"/>
                    <a:pt x="1661650" y="721"/>
                    <a:pt x="1663273" y="721"/>
                  </a:cubicBezTo>
                  <a:cubicBezTo>
                    <a:pt x="1664896" y="721"/>
                    <a:pt x="1669765" y="721"/>
                    <a:pt x="1669765" y="721"/>
                  </a:cubicBezTo>
                  <a:cubicBezTo>
                    <a:pt x="1669765" y="721"/>
                    <a:pt x="1676258" y="315"/>
                    <a:pt x="1682953" y="112"/>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1" name="íṡlíḋe">
              <a:extLst>
                <a:ext uri="{FF2B5EF4-FFF2-40B4-BE49-F238E27FC236}">
                  <a16:creationId xmlns:a16="http://schemas.microsoft.com/office/drawing/2014/main" xmlns="" id="{674A4E4C-5AB6-4088-88B4-BD77BF81B7F0}"/>
                </a:ext>
              </a:extLst>
            </p:cNvPr>
            <p:cNvSpPr/>
            <p:nvPr/>
          </p:nvSpPr>
          <p:spPr bwMode="auto">
            <a:xfrm>
              <a:off x="3187701" y="1435100"/>
              <a:ext cx="2009775" cy="1508125"/>
            </a:xfrm>
            <a:custGeom>
              <a:avLst/>
              <a:gdLst>
                <a:gd name="T0" fmla="*/ 1182 w 1237"/>
                <a:gd name="T1" fmla="*/ 326 h 929"/>
                <a:gd name="T2" fmla="*/ 1124 w 1237"/>
                <a:gd name="T3" fmla="*/ 286 h 929"/>
                <a:gd name="T4" fmla="*/ 1060 w 1237"/>
                <a:gd name="T5" fmla="*/ 235 h 929"/>
                <a:gd name="T6" fmla="*/ 1006 w 1237"/>
                <a:gd name="T7" fmla="*/ 300 h 929"/>
                <a:gd name="T8" fmla="*/ 964 w 1237"/>
                <a:gd name="T9" fmla="*/ 394 h 929"/>
                <a:gd name="T10" fmla="*/ 877 w 1237"/>
                <a:gd name="T11" fmla="*/ 315 h 929"/>
                <a:gd name="T12" fmla="*/ 830 w 1237"/>
                <a:gd name="T13" fmla="*/ 219 h 929"/>
                <a:gd name="T14" fmla="*/ 891 w 1237"/>
                <a:gd name="T15" fmla="*/ 179 h 929"/>
                <a:gd name="T16" fmla="*/ 936 w 1237"/>
                <a:gd name="T17" fmla="*/ 150 h 929"/>
                <a:gd name="T18" fmla="*/ 932 w 1237"/>
                <a:gd name="T19" fmla="*/ 91 h 929"/>
                <a:gd name="T20" fmla="*/ 879 w 1237"/>
                <a:gd name="T21" fmla="*/ 103 h 929"/>
                <a:gd name="T22" fmla="*/ 811 w 1237"/>
                <a:gd name="T23" fmla="*/ 48 h 929"/>
                <a:gd name="T24" fmla="*/ 797 w 1237"/>
                <a:gd name="T25" fmla="*/ 8 h 929"/>
                <a:gd name="T26" fmla="*/ 819 w 1237"/>
                <a:gd name="T27" fmla="*/ 108 h 929"/>
                <a:gd name="T28" fmla="*/ 763 w 1237"/>
                <a:gd name="T29" fmla="*/ 125 h 929"/>
                <a:gd name="T30" fmla="*/ 654 w 1237"/>
                <a:gd name="T31" fmla="*/ 120 h 929"/>
                <a:gd name="T32" fmla="*/ 650 w 1237"/>
                <a:gd name="T33" fmla="*/ 127 h 929"/>
                <a:gd name="T34" fmla="*/ 552 w 1237"/>
                <a:gd name="T35" fmla="*/ 103 h 929"/>
                <a:gd name="T36" fmla="*/ 444 w 1237"/>
                <a:gd name="T37" fmla="*/ 73 h 929"/>
                <a:gd name="T38" fmla="*/ 417 w 1237"/>
                <a:gd name="T39" fmla="*/ 88 h 929"/>
                <a:gd name="T40" fmla="*/ 348 w 1237"/>
                <a:gd name="T41" fmla="*/ 104 h 929"/>
                <a:gd name="T42" fmla="*/ 219 w 1237"/>
                <a:gd name="T43" fmla="*/ 78 h 929"/>
                <a:gd name="T44" fmla="*/ 82 w 1237"/>
                <a:gd name="T45" fmla="*/ 75 h 929"/>
                <a:gd name="T46" fmla="*/ 82 w 1237"/>
                <a:gd name="T47" fmla="*/ 148 h 929"/>
                <a:gd name="T48" fmla="*/ 20 w 1237"/>
                <a:gd name="T49" fmla="*/ 157 h 929"/>
                <a:gd name="T50" fmla="*/ 51 w 1237"/>
                <a:gd name="T51" fmla="*/ 185 h 929"/>
                <a:gd name="T52" fmla="*/ 39 w 1237"/>
                <a:gd name="T53" fmla="*/ 209 h 929"/>
                <a:gd name="T54" fmla="*/ 42 w 1237"/>
                <a:gd name="T55" fmla="*/ 247 h 929"/>
                <a:gd name="T56" fmla="*/ 64 w 1237"/>
                <a:gd name="T57" fmla="*/ 260 h 929"/>
                <a:gd name="T58" fmla="*/ 108 w 1237"/>
                <a:gd name="T59" fmla="*/ 284 h 929"/>
                <a:gd name="T60" fmla="*/ 68 w 1237"/>
                <a:gd name="T61" fmla="*/ 326 h 929"/>
                <a:gd name="T62" fmla="*/ 95 w 1237"/>
                <a:gd name="T63" fmla="*/ 328 h 929"/>
                <a:gd name="T64" fmla="*/ 160 w 1237"/>
                <a:gd name="T65" fmla="*/ 279 h 929"/>
                <a:gd name="T66" fmla="*/ 202 w 1237"/>
                <a:gd name="T67" fmla="*/ 245 h 929"/>
                <a:gd name="T68" fmla="*/ 218 w 1237"/>
                <a:gd name="T69" fmla="*/ 256 h 929"/>
                <a:gd name="T70" fmla="*/ 266 w 1237"/>
                <a:gd name="T71" fmla="*/ 260 h 929"/>
                <a:gd name="T72" fmla="*/ 346 w 1237"/>
                <a:gd name="T73" fmla="*/ 288 h 929"/>
                <a:gd name="T74" fmla="*/ 402 w 1237"/>
                <a:gd name="T75" fmla="*/ 327 h 929"/>
                <a:gd name="T76" fmla="*/ 432 w 1237"/>
                <a:gd name="T77" fmla="*/ 362 h 929"/>
                <a:gd name="T78" fmla="*/ 455 w 1237"/>
                <a:gd name="T79" fmla="*/ 400 h 929"/>
                <a:gd name="T80" fmla="*/ 492 w 1237"/>
                <a:gd name="T81" fmla="*/ 439 h 929"/>
                <a:gd name="T82" fmla="*/ 483 w 1237"/>
                <a:gd name="T83" fmla="*/ 523 h 929"/>
                <a:gd name="T84" fmla="*/ 507 w 1237"/>
                <a:gd name="T85" fmla="*/ 586 h 929"/>
                <a:gd name="T86" fmla="*/ 563 w 1237"/>
                <a:gd name="T87" fmla="*/ 647 h 929"/>
                <a:gd name="T88" fmla="*/ 601 w 1237"/>
                <a:gd name="T89" fmla="*/ 710 h 929"/>
                <a:gd name="T90" fmla="*/ 628 w 1237"/>
                <a:gd name="T91" fmla="*/ 723 h 929"/>
                <a:gd name="T92" fmla="*/ 610 w 1237"/>
                <a:gd name="T93" fmla="*/ 673 h 929"/>
                <a:gd name="T94" fmla="*/ 668 w 1237"/>
                <a:gd name="T95" fmla="*/ 740 h 929"/>
                <a:gd name="T96" fmla="*/ 734 w 1237"/>
                <a:gd name="T97" fmla="*/ 816 h 929"/>
                <a:gd name="T98" fmla="*/ 853 w 1237"/>
                <a:gd name="T99" fmla="*/ 855 h 929"/>
                <a:gd name="T100" fmla="*/ 919 w 1237"/>
                <a:gd name="T101" fmla="*/ 903 h 929"/>
                <a:gd name="T102" fmla="*/ 979 w 1237"/>
                <a:gd name="T103" fmla="*/ 912 h 929"/>
                <a:gd name="T104" fmla="*/ 930 w 1237"/>
                <a:gd name="T105" fmla="*/ 865 h 929"/>
                <a:gd name="T106" fmla="*/ 896 w 1237"/>
                <a:gd name="T107" fmla="*/ 773 h 929"/>
                <a:gd name="T108" fmla="*/ 776 w 1237"/>
                <a:gd name="T109" fmla="*/ 768 h 929"/>
                <a:gd name="T110" fmla="*/ 844 w 1237"/>
                <a:gd name="T111" fmla="*/ 677 h 929"/>
                <a:gd name="T112" fmla="*/ 939 w 1237"/>
                <a:gd name="T113" fmla="*/ 695 h 929"/>
                <a:gd name="T114" fmla="*/ 992 w 1237"/>
                <a:gd name="T115" fmla="*/ 625 h 929"/>
                <a:gd name="T116" fmla="*/ 1035 w 1237"/>
                <a:gd name="T117" fmla="*/ 551 h 929"/>
                <a:gd name="T118" fmla="*/ 1114 w 1237"/>
                <a:gd name="T119" fmla="*/ 480 h 929"/>
                <a:gd name="T120" fmla="*/ 1146 w 1237"/>
                <a:gd name="T121" fmla="*/ 467 h 929"/>
                <a:gd name="T122" fmla="*/ 1110 w 1237"/>
                <a:gd name="T123" fmla="*/ 422 h 9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237" h="929">
                  <a:moveTo>
                    <a:pt x="1234" y="378"/>
                  </a:moveTo>
                  <a:cubicBezTo>
                    <a:pt x="1233" y="375"/>
                    <a:pt x="1233" y="375"/>
                    <a:pt x="1233" y="375"/>
                  </a:cubicBezTo>
                  <a:cubicBezTo>
                    <a:pt x="1234" y="372"/>
                    <a:pt x="1237" y="372"/>
                    <a:pt x="1236" y="370"/>
                  </a:cubicBezTo>
                  <a:cubicBezTo>
                    <a:pt x="1236" y="368"/>
                    <a:pt x="1235" y="367"/>
                    <a:pt x="1235" y="365"/>
                  </a:cubicBezTo>
                  <a:cubicBezTo>
                    <a:pt x="1235" y="363"/>
                    <a:pt x="1237" y="362"/>
                    <a:pt x="1235" y="361"/>
                  </a:cubicBezTo>
                  <a:cubicBezTo>
                    <a:pt x="1234" y="360"/>
                    <a:pt x="1230" y="358"/>
                    <a:pt x="1229" y="357"/>
                  </a:cubicBezTo>
                  <a:cubicBezTo>
                    <a:pt x="1227" y="357"/>
                    <a:pt x="1223" y="356"/>
                    <a:pt x="1222" y="356"/>
                  </a:cubicBezTo>
                  <a:cubicBezTo>
                    <a:pt x="1220" y="356"/>
                    <a:pt x="1219" y="358"/>
                    <a:pt x="1219" y="359"/>
                  </a:cubicBezTo>
                  <a:cubicBezTo>
                    <a:pt x="1219" y="359"/>
                    <a:pt x="1220" y="361"/>
                    <a:pt x="1218" y="362"/>
                  </a:cubicBezTo>
                  <a:cubicBezTo>
                    <a:pt x="1216" y="362"/>
                    <a:pt x="1218" y="360"/>
                    <a:pt x="1217" y="356"/>
                  </a:cubicBezTo>
                  <a:cubicBezTo>
                    <a:pt x="1217" y="352"/>
                    <a:pt x="1216" y="352"/>
                    <a:pt x="1214" y="352"/>
                  </a:cubicBezTo>
                  <a:cubicBezTo>
                    <a:pt x="1212" y="352"/>
                    <a:pt x="1208" y="353"/>
                    <a:pt x="1207" y="353"/>
                  </a:cubicBezTo>
                  <a:cubicBezTo>
                    <a:pt x="1206" y="354"/>
                    <a:pt x="1202" y="356"/>
                    <a:pt x="1202" y="356"/>
                  </a:cubicBezTo>
                  <a:cubicBezTo>
                    <a:pt x="1199" y="358"/>
                    <a:pt x="1199" y="358"/>
                    <a:pt x="1199" y="358"/>
                  </a:cubicBezTo>
                  <a:cubicBezTo>
                    <a:pt x="1199" y="358"/>
                    <a:pt x="1198" y="359"/>
                    <a:pt x="1196" y="360"/>
                  </a:cubicBezTo>
                  <a:cubicBezTo>
                    <a:pt x="1193" y="361"/>
                    <a:pt x="1190" y="363"/>
                    <a:pt x="1189" y="363"/>
                  </a:cubicBezTo>
                  <a:cubicBezTo>
                    <a:pt x="1188" y="363"/>
                    <a:pt x="1187" y="363"/>
                    <a:pt x="1185" y="362"/>
                  </a:cubicBezTo>
                  <a:cubicBezTo>
                    <a:pt x="1184" y="361"/>
                    <a:pt x="1184" y="359"/>
                    <a:pt x="1186" y="359"/>
                  </a:cubicBezTo>
                  <a:cubicBezTo>
                    <a:pt x="1186" y="359"/>
                    <a:pt x="1187" y="359"/>
                    <a:pt x="1188" y="359"/>
                  </a:cubicBezTo>
                  <a:cubicBezTo>
                    <a:pt x="1190" y="359"/>
                    <a:pt x="1193" y="359"/>
                    <a:pt x="1193" y="358"/>
                  </a:cubicBezTo>
                  <a:cubicBezTo>
                    <a:pt x="1193" y="357"/>
                    <a:pt x="1196" y="356"/>
                    <a:pt x="1197" y="355"/>
                  </a:cubicBezTo>
                  <a:cubicBezTo>
                    <a:pt x="1197" y="355"/>
                    <a:pt x="1198" y="355"/>
                    <a:pt x="1199" y="354"/>
                  </a:cubicBezTo>
                  <a:cubicBezTo>
                    <a:pt x="1200" y="352"/>
                    <a:pt x="1201" y="351"/>
                    <a:pt x="1202" y="352"/>
                  </a:cubicBezTo>
                  <a:cubicBezTo>
                    <a:pt x="1202" y="352"/>
                    <a:pt x="1206" y="352"/>
                    <a:pt x="1207" y="352"/>
                  </a:cubicBezTo>
                  <a:cubicBezTo>
                    <a:pt x="1208" y="351"/>
                    <a:pt x="1212" y="350"/>
                    <a:pt x="1212" y="350"/>
                  </a:cubicBezTo>
                  <a:cubicBezTo>
                    <a:pt x="1216" y="349"/>
                    <a:pt x="1216" y="349"/>
                    <a:pt x="1216" y="349"/>
                  </a:cubicBezTo>
                  <a:cubicBezTo>
                    <a:pt x="1219" y="347"/>
                    <a:pt x="1219" y="347"/>
                    <a:pt x="1219" y="347"/>
                  </a:cubicBezTo>
                  <a:cubicBezTo>
                    <a:pt x="1219" y="347"/>
                    <a:pt x="1215" y="346"/>
                    <a:pt x="1214" y="345"/>
                  </a:cubicBezTo>
                  <a:cubicBezTo>
                    <a:pt x="1212" y="343"/>
                    <a:pt x="1215" y="340"/>
                    <a:pt x="1212" y="340"/>
                  </a:cubicBezTo>
                  <a:cubicBezTo>
                    <a:pt x="1210" y="340"/>
                    <a:pt x="1208" y="340"/>
                    <a:pt x="1206" y="341"/>
                  </a:cubicBezTo>
                  <a:cubicBezTo>
                    <a:pt x="1204" y="342"/>
                    <a:pt x="1204" y="344"/>
                    <a:pt x="1203" y="342"/>
                  </a:cubicBezTo>
                  <a:cubicBezTo>
                    <a:pt x="1201" y="340"/>
                    <a:pt x="1202" y="339"/>
                    <a:pt x="1201" y="338"/>
                  </a:cubicBezTo>
                  <a:cubicBezTo>
                    <a:pt x="1201" y="338"/>
                    <a:pt x="1200" y="335"/>
                    <a:pt x="1198" y="336"/>
                  </a:cubicBezTo>
                  <a:cubicBezTo>
                    <a:pt x="1197" y="338"/>
                    <a:pt x="1197" y="337"/>
                    <a:pt x="1195" y="339"/>
                  </a:cubicBezTo>
                  <a:cubicBezTo>
                    <a:pt x="1194" y="341"/>
                    <a:pt x="1192" y="340"/>
                    <a:pt x="1192" y="340"/>
                  </a:cubicBezTo>
                  <a:cubicBezTo>
                    <a:pt x="1192" y="340"/>
                    <a:pt x="1193" y="338"/>
                    <a:pt x="1193" y="337"/>
                  </a:cubicBezTo>
                  <a:cubicBezTo>
                    <a:pt x="1193" y="336"/>
                    <a:pt x="1191" y="336"/>
                    <a:pt x="1190" y="336"/>
                  </a:cubicBezTo>
                  <a:cubicBezTo>
                    <a:pt x="1189" y="336"/>
                    <a:pt x="1188" y="334"/>
                    <a:pt x="1187" y="335"/>
                  </a:cubicBezTo>
                  <a:cubicBezTo>
                    <a:pt x="1186" y="335"/>
                    <a:pt x="1185" y="330"/>
                    <a:pt x="1185" y="330"/>
                  </a:cubicBezTo>
                  <a:cubicBezTo>
                    <a:pt x="1185" y="330"/>
                    <a:pt x="1185" y="329"/>
                    <a:pt x="1183" y="327"/>
                  </a:cubicBezTo>
                  <a:cubicBezTo>
                    <a:pt x="1182" y="326"/>
                    <a:pt x="1184" y="326"/>
                    <a:pt x="1182" y="326"/>
                  </a:cubicBezTo>
                  <a:cubicBezTo>
                    <a:pt x="1181" y="325"/>
                    <a:pt x="1184" y="326"/>
                    <a:pt x="1181" y="325"/>
                  </a:cubicBezTo>
                  <a:cubicBezTo>
                    <a:pt x="1177" y="325"/>
                    <a:pt x="1181" y="327"/>
                    <a:pt x="1180" y="327"/>
                  </a:cubicBezTo>
                  <a:cubicBezTo>
                    <a:pt x="1179" y="327"/>
                    <a:pt x="1178" y="324"/>
                    <a:pt x="1177" y="324"/>
                  </a:cubicBezTo>
                  <a:cubicBezTo>
                    <a:pt x="1176" y="323"/>
                    <a:pt x="1175" y="320"/>
                    <a:pt x="1174" y="320"/>
                  </a:cubicBezTo>
                  <a:cubicBezTo>
                    <a:pt x="1173" y="320"/>
                    <a:pt x="1173" y="317"/>
                    <a:pt x="1172" y="317"/>
                  </a:cubicBezTo>
                  <a:cubicBezTo>
                    <a:pt x="1170" y="318"/>
                    <a:pt x="1169" y="316"/>
                    <a:pt x="1169" y="316"/>
                  </a:cubicBezTo>
                  <a:cubicBezTo>
                    <a:pt x="1169" y="316"/>
                    <a:pt x="1165" y="314"/>
                    <a:pt x="1169" y="313"/>
                  </a:cubicBezTo>
                  <a:cubicBezTo>
                    <a:pt x="1172" y="313"/>
                    <a:pt x="1174" y="312"/>
                    <a:pt x="1174" y="312"/>
                  </a:cubicBezTo>
                  <a:cubicBezTo>
                    <a:pt x="1174" y="312"/>
                    <a:pt x="1176" y="309"/>
                    <a:pt x="1174" y="309"/>
                  </a:cubicBezTo>
                  <a:cubicBezTo>
                    <a:pt x="1173" y="309"/>
                    <a:pt x="1173" y="305"/>
                    <a:pt x="1172" y="304"/>
                  </a:cubicBezTo>
                  <a:cubicBezTo>
                    <a:pt x="1170" y="304"/>
                    <a:pt x="1170" y="302"/>
                    <a:pt x="1169" y="301"/>
                  </a:cubicBezTo>
                  <a:cubicBezTo>
                    <a:pt x="1167" y="300"/>
                    <a:pt x="1167" y="298"/>
                    <a:pt x="1168" y="298"/>
                  </a:cubicBezTo>
                  <a:cubicBezTo>
                    <a:pt x="1169" y="298"/>
                    <a:pt x="1172" y="297"/>
                    <a:pt x="1170" y="295"/>
                  </a:cubicBezTo>
                  <a:cubicBezTo>
                    <a:pt x="1168" y="294"/>
                    <a:pt x="1166" y="293"/>
                    <a:pt x="1164" y="292"/>
                  </a:cubicBezTo>
                  <a:cubicBezTo>
                    <a:pt x="1162" y="291"/>
                    <a:pt x="1162" y="290"/>
                    <a:pt x="1161" y="290"/>
                  </a:cubicBezTo>
                  <a:cubicBezTo>
                    <a:pt x="1159" y="290"/>
                    <a:pt x="1161" y="289"/>
                    <a:pt x="1160" y="287"/>
                  </a:cubicBezTo>
                  <a:cubicBezTo>
                    <a:pt x="1158" y="285"/>
                    <a:pt x="1159" y="284"/>
                    <a:pt x="1157" y="284"/>
                  </a:cubicBezTo>
                  <a:cubicBezTo>
                    <a:pt x="1156" y="284"/>
                    <a:pt x="1156" y="285"/>
                    <a:pt x="1154" y="283"/>
                  </a:cubicBezTo>
                  <a:cubicBezTo>
                    <a:pt x="1153" y="282"/>
                    <a:pt x="1154" y="276"/>
                    <a:pt x="1154" y="276"/>
                  </a:cubicBezTo>
                  <a:cubicBezTo>
                    <a:pt x="1153" y="276"/>
                    <a:pt x="1153" y="276"/>
                    <a:pt x="1152" y="276"/>
                  </a:cubicBezTo>
                  <a:cubicBezTo>
                    <a:pt x="1152" y="275"/>
                    <a:pt x="1151" y="274"/>
                    <a:pt x="1150" y="272"/>
                  </a:cubicBezTo>
                  <a:cubicBezTo>
                    <a:pt x="1147" y="268"/>
                    <a:pt x="1147" y="269"/>
                    <a:pt x="1148" y="270"/>
                  </a:cubicBezTo>
                  <a:cubicBezTo>
                    <a:pt x="1148" y="270"/>
                    <a:pt x="1149" y="271"/>
                    <a:pt x="1149" y="270"/>
                  </a:cubicBezTo>
                  <a:cubicBezTo>
                    <a:pt x="1148" y="269"/>
                    <a:pt x="1149" y="268"/>
                    <a:pt x="1148" y="268"/>
                  </a:cubicBezTo>
                  <a:cubicBezTo>
                    <a:pt x="1147" y="267"/>
                    <a:pt x="1146" y="267"/>
                    <a:pt x="1145" y="266"/>
                  </a:cubicBezTo>
                  <a:cubicBezTo>
                    <a:pt x="1143" y="264"/>
                    <a:pt x="1144" y="261"/>
                    <a:pt x="1142" y="261"/>
                  </a:cubicBezTo>
                  <a:cubicBezTo>
                    <a:pt x="1140" y="261"/>
                    <a:pt x="1141" y="260"/>
                    <a:pt x="1140" y="258"/>
                  </a:cubicBezTo>
                  <a:cubicBezTo>
                    <a:pt x="1140" y="256"/>
                    <a:pt x="1140" y="254"/>
                    <a:pt x="1139" y="255"/>
                  </a:cubicBezTo>
                  <a:cubicBezTo>
                    <a:pt x="1134" y="260"/>
                    <a:pt x="1136" y="259"/>
                    <a:pt x="1134" y="261"/>
                  </a:cubicBezTo>
                  <a:cubicBezTo>
                    <a:pt x="1134" y="262"/>
                    <a:pt x="1134" y="262"/>
                    <a:pt x="1133" y="261"/>
                  </a:cubicBezTo>
                  <a:cubicBezTo>
                    <a:pt x="1133" y="261"/>
                    <a:pt x="1133" y="261"/>
                    <a:pt x="1133" y="263"/>
                  </a:cubicBezTo>
                  <a:cubicBezTo>
                    <a:pt x="1133" y="263"/>
                    <a:pt x="1133" y="263"/>
                    <a:pt x="1133" y="263"/>
                  </a:cubicBezTo>
                  <a:cubicBezTo>
                    <a:pt x="1133" y="266"/>
                    <a:pt x="1129" y="264"/>
                    <a:pt x="1129" y="265"/>
                  </a:cubicBezTo>
                  <a:cubicBezTo>
                    <a:pt x="1129" y="267"/>
                    <a:pt x="1129" y="267"/>
                    <a:pt x="1130" y="269"/>
                  </a:cubicBezTo>
                  <a:cubicBezTo>
                    <a:pt x="1131" y="270"/>
                    <a:pt x="1132" y="271"/>
                    <a:pt x="1131" y="272"/>
                  </a:cubicBezTo>
                  <a:cubicBezTo>
                    <a:pt x="1131" y="272"/>
                    <a:pt x="1130" y="272"/>
                    <a:pt x="1130" y="272"/>
                  </a:cubicBezTo>
                  <a:cubicBezTo>
                    <a:pt x="1129" y="271"/>
                    <a:pt x="1128" y="271"/>
                    <a:pt x="1128" y="273"/>
                  </a:cubicBezTo>
                  <a:cubicBezTo>
                    <a:pt x="1128" y="275"/>
                    <a:pt x="1126" y="276"/>
                    <a:pt x="1126" y="277"/>
                  </a:cubicBezTo>
                  <a:cubicBezTo>
                    <a:pt x="1127" y="277"/>
                    <a:pt x="1127" y="277"/>
                    <a:pt x="1128" y="277"/>
                  </a:cubicBezTo>
                  <a:cubicBezTo>
                    <a:pt x="1129" y="277"/>
                    <a:pt x="1130" y="277"/>
                    <a:pt x="1128" y="279"/>
                  </a:cubicBezTo>
                  <a:cubicBezTo>
                    <a:pt x="1123" y="282"/>
                    <a:pt x="1126" y="286"/>
                    <a:pt x="1124" y="286"/>
                  </a:cubicBezTo>
                  <a:cubicBezTo>
                    <a:pt x="1121" y="286"/>
                    <a:pt x="1121" y="281"/>
                    <a:pt x="1119" y="282"/>
                  </a:cubicBezTo>
                  <a:cubicBezTo>
                    <a:pt x="1119" y="282"/>
                    <a:pt x="1119" y="282"/>
                    <a:pt x="1119" y="282"/>
                  </a:cubicBezTo>
                  <a:cubicBezTo>
                    <a:pt x="1119" y="282"/>
                    <a:pt x="1119" y="281"/>
                    <a:pt x="1117" y="283"/>
                  </a:cubicBezTo>
                  <a:cubicBezTo>
                    <a:pt x="1116" y="284"/>
                    <a:pt x="1116" y="284"/>
                    <a:pt x="1116" y="284"/>
                  </a:cubicBezTo>
                  <a:cubicBezTo>
                    <a:pt x="1116" y="284"/>
                    <a:pt x="1116" y="284"/>
                    <a:pt x="1115" y="285"/>
                  </a:cubicBezTo>
                  <a:cubicBezTo>
                    <a:pt x="1114" y="286"/>
                    <a:pt x="1114" y="286"/>
                    <a:pt x="1114" y="286"/>
                  </a:cubicBezTo>
                  <a:cubicBezTo>
                    <a:pt x="1114" y="286"/>
                    <a:pt x="1114" y="286"/>
                    <a:pt x="1114" y="287"/>
                  </a:cubicBezTo>
                  <a:cubicBezTo>
                    <a:pt x="1114" y="289"/>
                    <a:pt x="1112" y="288"/>
                    <a:pt x="1111" y="289"/>
                  </a:cubicBezTo>
                  <a:cubicBezTo>
                    <a:pt x="1109" y="289"/>
                    <a:pt x="1108" y="289"/>
                    <a:pt x="1108" y="289"/>
                  </a:cubicBezTo>
                  <a:cubicBezTo>
                    <a:pt x="1108" y="289"/>
                    <a:pt x="1108" y="289"/>
                    <a:pt x="1107" y="290"/>
                  </a:cubicBezTo>
                  <a:cubicBezTo>
                    <a:pt x="1104" y="292"/>
                    <a:pt x="1107" y="288"/>
                    <a:pt x="1105" y="288"/>
                  </a:cubicBezTo>
                  <a:cubicBezTo>
                    <a:pt x="1103" y="287"/>
                    <a:pt x="1105" y="286"/>
                    <a:pt x="1102" y="288"/>
                  </a:cubicBezTo>
                  <a:cubicBezTo>
                    <a:pt x="1099" y="291"/>
                    <a:pt x="1102" y="290"/>
                    <a:pt x="1099" y="291"/>
                  </a:cubicBezTo>
                  <a:cubicBezTo>
                    <a:pt x="1097" y="292"/>
                    <a:pt x="1095" y="291"/>
                    <a:pt x="1097" y="289"/>
                  </a:cubicBezTo>
                  <a:cubicBezTo>
                    <a:pt x="1098" y="286"/>
                    <a:pt x="1100" y="285"/>
                    <a:pt x="1099" y="285"/>
                  </a:cubicBezTo>
                  <a:cubicBezTo>
                    <a:pt x="1098" y="284"/>
                    <a:pt x="1099" y="281"/>
                    <a:pt x="1097" y="280"/>
                  </a:cubicBezTo>
                  <a:cubicBezTo>
                    <a:pt x="1095" y="278"/>
                    <a:pt x="1098" y="278"/>
                    <a:pt x="1095" y="278"/>
                  </a:cubicBezTo>
                  <a:cubicBezTo>
                    <a:pt x="1093" y="278"/>
                    <a:pt x="1087" y="281"/>
                    <a:pt x="1087" y="281"/>
                  </a:cubicBezTo>
                  <a:cubicBezTo>
                    <a:pt x="1084" y="283"/>
                    <a:pt x="1087" y="285"/>
                    <a:pt x="1084" y="283"/>
                  </a:cubicBezTo>
                  <a:cubicBezTo>
                    <a:pt x="1080" y="281"/>
                    <a:pt x="1079" y="277"/>
                    <a:pt x="1081" y="278"/>
                  </a:cubicBezTo>
                  <a:cubicBezTo>
                    <a:pt x="1083" y="278"/>
                    <a:pt x="1084" y="279"/>
                    <a:pt x="1085" y="279"/>
                  </a:cubicBezTo>
                  <a:cubicBezTo>
                    <a:pt x="1086" y="278"/>
                    <a:pt x="1087" y="279"/>
                    <a:pt x="1087" y="278"/>
                  </a:cubicBezTo>
                  <a:cubicBezTo>
                    <a:pt x="1087" y="277"/>
                    <a:pt x="1087" y="277"/>
                    <a:pt x="1088" y="277"/>
                  </a:cubicBezTo>
                  <a:cubicBezTo>
                    <a:pt x="1087" y="277"/>
                    <a:pt x="1087" y="277"/>
                    <a:pt x="1087" y="275"/>
                  </a:cubicBezTo>
                  <a:cubicBezTo>
                    <a:pt x="1087" y="274"/>
                    <a:pt x="1086" y="274"/>
                    <a:pt x="1086" y="275"/>
                  </a:cubicBezTo>
                  <a:cubicBezTo>
                    <a:pt x="1086" y="276"/>
                    <a:pt x="1086" y="277"/>
                    <a:pt x="1086" y="274"/>
                  </a:cubicBezTo>
                  <a:cubicBezTo>
                    <a:pt x="1085" y="268"/>
                    <a:pt x="1083" y="269"/>
                    <a:pt x="1083" y="267"/>
                  </a:cubicBezTo>
                  <a:cubicBezTo>
                    <a:pt x="1082" y="266"/>
                    <a:pt x="1082" y="265"/>
                    <a:pt x="1082" y="264"/>
                  </a:cubicBezTo>
                  <a:cubicBezTo>
                    <a:pt x="1082" y="263"/>
                    <a:pt x="1083" y="263"/>
                    <a:pt x="1083" y="260"/>
                  </a:cubicBezTo>
                  <a:cubicBezTo>
                    <a:pt x="1083" y="258"/>
                    <a:pt x="1082" y="258"/>
                    <a:pt x="1082" y="256"/>
                  </a:cubicBezTo>
                  <a:cubicBezTo>
                    <a:pt x="1082" y="255"/>
                    <a:pt x="1079" y="257"/>
                    <a:pt x="1082" y="252"/>
                  </a:cubicBezTo>
                  <a:cubicBezTo>
                    <a:pt x="1086" y="248"/>
                    <a:pt x="1086" y="246"/>
                    <a:pt x="1086" y="246"/>
                  </a:cubicBezTo>
                  <a:cubicBezTo>
                    <a:pt x="1083" y="245"/>
                    <a:pt x="1083" y="244"/>
                    <a:pt x="1082" y="244"/>
                  </a:cubicBezTo>
                  <a:cubicBezTo>
                    <a:pt x="1080" y="244"/>
                    <a:pt x="1081" y="245"/>
                    <a:pt x="1077" y="246"/>
                  </a:cubicBezTo>
                  <a:cubicBezTo>
                    <a:pt x="1076" y="246"/>
                    <a:pt x="1075" y="245"/>
                    <a:pt x="1075" y="244"/>
                  </a:cubicBezTo>
                  <a:cubicBezTo>
                    <a:pt x="1075" y="244"/>
                    <a:pt x="1076" y="243"/>
                    <a:pt x="1075" y="243"/>
                  </a:cubicBezTo>
                  <a:cubicBezTo>
                    <a:pt x="1075" y="244"/>
                    <a:pt x="1070" y="244"/>
                    <a:pt x="1070" y="244"/>
                  </a:cubicBezTo>
                  <a:cubicBezTo>
                    <a:pt x="1068" y="244"/>
                    <a:pt x="1068" y="244"/>
                    <a:pt x="1068" y="244"/>
                  </a:cubicBezTo>
                  <a:cubicBezTo>
                    <a:pt x="1066" y="242"/>
                    <a:pt x="1064" y="242"/>
                    <a:pt x="1063" y="242"/>
                  </a:cubicBezTo>
                  <a:cubicBezTo>
                    <a:pt x="1063" y="242"/>
                    <a:pt x="1061" y="240"/>
                    <a:pt x="1061" y="239"/>
                  </a:cubicBezTo>
                  <a:cubicBezTo>
                    <a:pt x="1060" y="236"/>
                    <a:pt x="1061" y="235"/>
                    <a:pt x="1060" y="235"/>
                  </a:cubicBezTo>
                  <a:cubicBezTo>
                    <a:pt x="1059" y="234"/>
                    <a:pt x="1058" y="232"/>
                    <a:pt x="1057" y="232"/>
                  </a:cubicBezTo>
                  <a:cubicBezTo>
                    <a:pt x="1055" y="232"/>
                    <a:pt x="1053" y="231"/>
                    <a:pt x="1052" y="231"/>
                  </a:cubicBezTo>
                  <a:cubicBezTo>
                    <a:pt x="1051" y="232"/>
                    <a:pt x="1052" y="229"/>
                    <a:pt x="1051" y="229"/>
                  </a:cubicBezTo>
                  <a:cubicBezTo>
                    <a:pt x="1051" y="228"/>
                    <a:pt x="1051" y="226"/>
                    <a:pt x="1049" y="226"/>
                  </a:cubicBezTo>
                  <a:cubicBezTo>
                    <a:pt x="1047" y="225"/>
                    <a:pt x="1049" y="222"/>
                    <a:pt x="1045" y="222"/>
                  </a:cubicBezTo>
                  <a:cubicBezTo>
                    <a:pt x="1040" y="223"/>
                    <a:pt x="1040" y="224"/>
                    <a:pt x="1040" y="224"/>
                  </a:cubicBezTo>
                  <a:cubicBezTo>
                    <a:pt x="1037" y="222"/>
                    <a:pt x="1034" y="223"/>
                    <a:pt x="1033" y="223"/>
                  </a:cubicBezTo>
                  <a:cubicBezTo>
                    <a:pt x="1031" y="224"/>
                    <a:pt x="1031" y="224"/>
                    <a:pt x="1029" y="225"/>
                  </a:cubicBezTo>
                  <a:cubicBezTo>
                    <a:pt x="1027" y="226"/>
                    <a:pt x="1029" y="227"/>
                    <a:pt x="1027" y="226"/>
                  </a:cubicBezTo>
                  <a:cubicBezTo>
                    <a:pt x="1025" y="225"/>
                    <a:pt x="1025" y="224"/>
                    <a:pt x="1024" y="224"/>
                  </a:cubicBezTo>
                  <a:cubicBezTo>
                    <a:pt x="1023" y="223"/>
                    <a:pt x="1022" y="223"/>
                    <a:pt x="1021" y="223"/>
                  </a:cubicBezTo>
                  <a:cubicBezTo>
                    <a:pt x="1021" y="224"/>
                    <a:pt x="1020" y="223"/>
                    <a:pt x="1020" y="223"/>
                  </a:cubicBezTo>
                  <a:cubicBezTo>
                    <a:pt x="1020" y="223"/>
                    <a:pt x="1020" y="223"/>
                    <a:pt x="1019" y="224"/>
                  </a:cubicBezTo>
                  <a:cubicBezTo>
                    <a:pt x="1017" y="225"/>
                    <a:pt x="1017" y="226"/>
                    <a:pt x="1016" y="224"/>
                  </a:cubicBezTo>
                  <a:cubicBezTo>
                    <a:pt x="1015" y="222"/>
                    <a:pt x="1016" y="221"/>
                    <a:pt x="1014" y="221"/>
                  </a:cubicBezTo>
                  <a:cubicBezTo>
                    <a:pt x="1013" y="221"/>
                    <a:pt x="1016" y="218"/>
                    <a:pt x="1011" y="220"/>
                  </a:cubicBezTo>
                  <a:cubicBezTo>
                    <a:pt x="1007" y="221"/>
                    <a:pt x="1006" y="221"/>
                    <a:pt x="1005" y="220"/>
                  </a:cubicBezTo>
                  <a:cubicBezTo>
                    <a:pt x="1004" y="220"/>
                    <a:pt x="1003" y="217"/>
                    <a:pt x="1001" y="218"/>
                  </a:cubicBezTo>
                  <a:cubicBezTo>
                    <a:pt x="999" y="219"/>
                    <a:pt x="998" y="218"/>
                    <a:pt x="997" y="220"/>
                  </a:cubicBezTo>
                  <a:cubicBezTo>
                    <a:pt x="995" y="221"/>
                    <a:pt x="993" y="220"/>
                    <a:pt x="991" y="222"/>
                  </a:cubicBezTo>
                  <a:cubicBezTo>
                    <a:pt x="990" y="224"/>
                    <a:pt x="990" y="222"/>
                    <a:pt x="990" y="226"/>
                  </a:cubicBezTo>
                  <a:cubicBezTo>
                    <a:pt x="990" y="229"/>
                    <a:pt x="992" y="228"/>
                    <a:pt x="992" y="231"/>
                  </a:cubicBezTo>
                  <a:cubicBezTo>
                    <a:pt x="993" y="234"/>
                    <a:pt x="994" y="234"/>
                    <a:pt x="994" y="236"/>
                  </a:cubicBezTo>
                  <a:cubicBezTo>
                    <a:pt x="995" y="237"/>
                    <a:pt x="995" y="237"/>
                    <a:pt x="996" y="237"/>
                  </a:cubicBezTo>
                  <a:cubicBezTo>
                    <a:pt x="996" y="237"/>
                    <a:pt x="996" y="237"/>
                    <a:pt x="995" y="238"/>
                  </a:cubicBezTo>
                  <a:cubicBezTo>
                    <a:pt x="993" y="241"/>
                    <a:pt x="995" y="243"/>
                    <a:pt x="994" y="245"/>
                  </a:cubicBezTo>
                  <a:cubicBezTo>
                    <a:pt x="993" y="246"/>
                    <a:pt x="993" y="247"/>
                    <a:pt x="993" y="248"/>
                  </a:cubicBezTo>
                  <a:cubicBezTo>
                    <a:pt x="992" y="250"/>
                    <a:pt x="992" y="249"/>
                    <a:pt x="994" y="251"/>
                  </a:cubicBezTo>
                  <a:cubicBezTo>
                    <a:pt x="995" y="253"/>
                    <a:pt x="997" y="255"/>
                    <a:pt x="997" y="257"/>
                  </a:cubicBezTo>
                  <a:cubicBezTo>
                    <a:pt x="997" y="258"/>
                    <a:pt x="997" y="259"/>
                    <a:pt x="997" y="260"/>
                  </a:cubicBezTo>
                  <a:cubicBezTo>
                    <a:pt x="997" y="261"/>
                    <a:pt x="999" y="262"/>
                    <a:pt x="999" y="263"/>
                  </a:cubicBezTo>
                  <a:cubicBezTo>
                    <a:pt x="999" y="264"/>
                    <a:pt x="1000" y="267"/>
                    <a:pt x="999" y="268"/>
                  </a:cubicBezTo>
                  <a:cubicBezTo>
                    <a:pt x="998" y="269"/>
                    <a:pt x="995" y="268"/>
                    <a:pt x="995" y="270"/>
                  </a:cubicBezTo>
                  <a:cubicBezTo>
                    <a:pt x="994" y="273"/>
                    <a:pt x="994" y="273"/>
                    <a:pt x="992" y="275"/>
                  </a:cubicBezTo>
                  <a:cubicBezTo>
                    <a:pt x="990" y="278"/>
                    <a:pt x="988" y="278"/>
                    <a:pt x="988" y="278"/>
                  </a:cubicBezTo>
                  <a:cubicBezTo>
                    <a:pt x="988" y="278"/>
                    <a:pt x="988" y="280"/>
                    <a:pt x="987" y="281"/>
                  </a:cubicBezTo>
                  <a:cubicBezTo>
                    <a:pt x="986" y="282"/>
                    <a:pt x="983" y="285"/>
                    <a:pt x="984" y="285"/>
                  </a:cubicBezTo>
                  <a:cubicBezTo>
                    <a:pt x="986" y="285"/>
                    <a:pt x="991" y="286"/>
                    <a:pt x="993" y="288"/>
                  </a:cubicBezTo>
                  <a:cubicBezTo>
                    <a:pt x="996" y="291"/>
                    <a:pt x="1000" y="290"/>
                    <a:pt x="1000" y="291"/>
                  </a:cubicBezTo>
                  <a:cubicBezTo>
                    <a:pt x="1000" y="292"/>
                    <a:pt x="1001" y="292"/>
                    <a:pt x="1003" y="294"/>
                  </a:cubicBezTo>
                  <a:cubicBezTo>
                    <a:pt x="1004" y="297"/>
                    <a:pt x="1006" y="298"/>
                    <a:pt x="1006" y="300"/>
                  </a:cubicBezTo>
                  <a:cubicBezTo>
                    <a:pt x="1007" y="302"/>
                    <a:pt x="1007" y="302"/>
                    <a:pt x="1007" y="303"/>
                  </a:cubicBezTo>
                  <a:cubicBezTo>
                    <a:pt x="1007" y="304"/>
                    <a:pt x="1007" y="303"/>
                    <a:pt x="1008" y="305"/>
                  </a:cubicBezTo>
                  <a:cubicBezTo>
                    <a:pt x="1008" y="308"/>
                    <a:pt x="1009" y="306"/>
                    <a:pt x="1007" y="312"/>
                  </a:cubicBezTo>
                  <a:cubicBezTo>
                    <a:pt x="1007" y="312"/>
                    <a:pt x="1006" y="316"/>
                    <a:pt x="1007" y="317"/>
                  </a:cubicBezTo>
                  <a:cubicBezTo>
                    <a:pt x="1007" y="319"/>
                    <a:pt x="1008" y="321"/>
                    <a:pt x="1008" y="321"/>
                  </a:cubicBezTo>
                  <a:cubicBezTo>
                    <a:pt x="1008" y="321"/>
                    <a:pt x="1007" y="324"/>
                    <a:pt x="1007" y="324"/>
                  </a:cubicBezTo>
                  <a:cubicBezTo>
                    <a:pt x="1006" y="325"/>
                    <a:pt x="1007" y="327"/>
                    <a:pt x="1003" y="329"/>
                  </a:cubicBezTo>
                  <a:cubicBezTo>
                    <a:pt x="1000" y="330"/>
                    <a:pt x="998" y="331"/>
                    <a:pt x="997" y="332"/>
                  </a:cubicBezTo>
                  <a:cubicBezTo>
                    <a:pt x="995" y="334"/>
                    <a:pt x="994" y="335"/>
                    <a:pt x="992" y="337"/>
                  </a:cubicBezTo>
                  <a:cubicBezTo>
                    <a:pt x="990" y="338"/>
                    <a:pt x="991" y="338"/>
                    <a:pt x="990" y="338"/>
                  </a:cubicBezTo>
                  <a:cubicBezTo>
                    <a:pt x="989" y="339"/>
                    <a:pt x="987" y="340"/>
                    <a:pt x="986" y="341"/>
                  </a:cubicBezTo>
                  <a:cubicBezTo>
                    <a:pt x="985" y="341"/>
                    <a:pt x="985" y="341"/>
                    <a:pt x="984" y="341"/>
                  </a:cubicBezTo>
                  <a:cubicBezTo>
                    <a:pt x="983" y="341"/>
                    <a:pt x="982" y="341"/>
                    <a:pt x="980" y="341"/>
                  </a:cubicBezTo>
                  <a:cubicBezTo>
                    <a:pt x="980" y="341"/>
                    <a:pt x="979" y="341"/>
                    <a:pt x="979" y="341"/>
                  </a:cubicBezTo>
                  <a:cubicBezTo>
                    <a:pt x="978" y="340"/>
                    <a:pt x="978" y="339"/>
                    <a:pt x="977" y="340"/>
                  </a:cubicBezTo>
                  <a:cubicBezTo>
                    <a:pt x="974" y="342"/>
                    <a:pt x="974" y="342"/>
                    <a:pt x="974" y="344"/>
                  </a:cubicBezTo>
                  <a:cubicBezTo>
                    <a:pt x="974" y="346"/>
                    <a:pt x="979" y="348"/>
                    <a:pt x="978" y="349"/>
                  </a:cubicBezTo>
                  <a:cubicBezTo>
                    <a:pt x="978" y="350"/>
                    <a:pt x="978" y="349"/>
                    <a:pt x="978" y="352"/>
                  </a:cubicBezTo>
                  <a:cubicBezTo>
                    <a:pt x="979" y="355"/>
                    <a:pt x="979" y="355"/>
                    <a:pt x="979" y="357"/>
                  </a:cubicBezTo>
                  <a:cubicBezTo>
                    <a:pt x="980" y="358"/>
                    <a:pt x="983" y="358"/>
                    <a:pt x="982" y="360"/>
                  </a:cubicBezTo>
                  <a:cubicBezTo>
                    <a:pt x="981" y="362"/>
                    <a:pt x="982" y="361"/>
                    <a:pt x="981" y="364"/>
                  </a:cubicBezTo>
                  <a:cubicBezTo>
                    <a:pt x="981" y="366"/>
                    <a:pt x="982" y="366"/>
                    <a:pt x="982" y="369"/>
                  </a:cubicBezTo>
                  <a:cubicBezTo>
                    <a:pt x="981" y="372"/>
                    <a:pt x="982" y="374"/>
                    <a:pt x="983" y="375"/>
                  </a:cubicBezTo>
                  <a:cubicBezTo>
                    <a:pt x="983" y="376"/>
                    <a:pt x="984" y="376"/>
                    <a:pt x="984" y="376"/>
                  </a:cubicBezTo>
                  <a:cubicBezTo>
                    <a:pt x="985" y="376"/>
                    <a:pt x="986" y="376"/>
                    <a:pt x="986" y="377"/>
                  </a:cubicBezTo>
                  <a:cubicBezTo>
                    <a:pt x="986" y="379"/>
                    <a:pt x="988" y="381"/>
                    <a:pt x="987" y="382"/>
                  </a:cubicBezTo>
                  <a:cubicBezTo>
                    <a:pt x="987" y="382"/>
                    <a:pt x="986" y="382"/>
                    <a:pt x="985" y="383"/>
                  </a:cubicBezTo>
                  <a:cubicBezTo>
                    <a:pt x="984" y="383"/>
                    <a:pt x="984" y="385"/>
                    <a:pt x="983" y="386"/>
                  </a:cubicBezTo>
                  <a:cubicBezTo>
                    <a:pt x="982" y="387"/>
                    <a:pt x="981" y="388"/>
                    <a:pt x="982" y="388"/>
                  </a:cubicBezTo>
                  <a:cubicBezTo>
                    <a:pt x="984" y="391"/>
                    <a:pt x="985" y="391"/>
                    <a:pt x="985" y="392"/>
                  </a:cubicBezTo>
                  <a:cubicBezTo>
                    <a:pt x="984" y="393"/>
                    <a:pt x="982" y="397"/>
                    <a:pt x="982" y="396"/>
                  </a:cubicBezTo>
                  <a:cubicBezTo>
                    <a:pt x="981" y="395"/>
                    <a:pt x="979" y="394"/>
                    <a:pt x="979" y="393"/>
                  </a:cubicBezTo>
                  <a:cubicBezTo>
                    <a:pt x="976" y="392"/>
                    <a:pt x="976" y="391"/>
                    <a:pt x="975" y="393"/>
                  </a:cubicBezTo>
                  <a:cubicBezTo>
                    <a:pt x="973" y="395"/>
                    <a:pt x="973" y="394"/>
                    <a:pt x="973" y="396"/>
                  </a:cubicBezTo>
                  <a:cubicBezTo>
                    <a:pt x="973" y="399"/>
                    <a:pt x="974" y="398"/>
                    <a:pt x="975" y="400"/>
                  </a:cubicBezTo>
                  <a:cubicBezTo>
                    <a:pt x="976" y="403"/>
                    <a:pt x="973" y="397"/>
                    <a:pt x="971" y="396"/>
                  </a:cubicBezTo>
                  <a:cubicBezTo>
                    <a:pt x="968" y="395"/>
                    <a:pt x="966" y="395"/>
                    <a:pt x="965" y="396"/>
                  </a:cubicBezTo>
                  <a:cubicBezTo>
                    <a:pt x="962" y="398"/>
                    <a:pt x="961" y="398"/>
                    <a:pt x="960" y="399"/>
                  </a:cubicBezTo>
                  <a:cubicBezTo>
                    <a:pt x="960" y="399"/>
                    <a:pt x="960" y="398"/>
                    <a:pt x="961" y="397"/>
                  </a:cubicBezTo>
                  <a:cubicBezTo>
                    <a:pt x="963" y="396"/>
                    <a:pt x="963" y="394"/>
                    <a:pt x="963" y="394"/>
                  </a:cubicBezTo>
                  <a:cubicBezTo>
                    <a:pt x="964" y="394"/>
                    <a:pt x="964" y="394"/>
                    <a:pt x="964" y="394"/>
                  </a:cubicBezTo>
                  <a:cubicBezTo>
                    <a:pt x="964" y="394"/>
                    <a:pt x="964" y="394"/>
                    <a:pt x="964" y="392"/>
                  </a:cubicBezTo>
                  <a:cubicBezTo>
                    <a:pt x="964" y="390"/>
                    <a:pt x="965" y="389"/>
                    <a:pt x="964" y="389"/>
                  </a:cubicBezTo>
                  <a:cubicBezTo>
                    <a:pt x="963" y="389"/>
                    <a:pt x="962" y="388"/>
                    <a:pt x="961" y="387"/>
                  </a:cubicBezTo>
                  <a:cubicBezTo>
                    <a:pt x="960" y="386"/>
                    <a:pt x="963" y="386"/>
                    <a:pt x="959" y="385"/>
                  </a:cubicBezTo>
                  <a:cubicBezTo>
                    <a:pt x="956" y="384"/>
                    <a:pt x="956" y="382"/>
                    <a:pt x="955" y="382"/>
                  </a:cubicBezTo>
                  <a:cubicBezTo>
                    <a:pt x="953" y="382"/>
                    <a:pt x="952" y="382"/>
                    <a:pt x="952" y="383"/>
                  </a:cubicBezTo>
                  <a:cubicBezTo>
                    <a:pt x="950" y="383"/>
                    <a:pt x="950" y="384"/>
                    <a:pt x="951" y="382"/>
                  </a:cubicBezTo>
                  <a:cubicBezTo>
                    <a:pt x="953" y="380"/>
                    <a:pt x="954" y="379"/>
                    <a:pt x="954" y="379"/>
                  </a:cubicBezTo>
                  <a:cubicBezTo>
                    <a:pt x="955" y="380"/>
                    <a:pt x="956" y="380"/>
                    <a:pt x="954" y="379"/>
                  </a:cubicBezTo>
                  <a:cubicBezTo>
                    <a:pt x="954" y="379"/>
                    <a:pt x="954" y="379"/>
                    <a:pt x="954" y="379"/>
                  </a:cubicBezTo>
                  <a:cubicBezTo>
                    <a:pt x="950" y="377"/>
                    <a:pt x="951" y="376"/>
                    <a:pt x="950" y="375"/>
                  </a:cubicBezTo>
                  <a:cubicBezTo>
                    <a:pt x="948" y="375"/>
                    <a:pt x="949" y="374"/>
                    <a:pt x="947" y="374"/>
                  </a:cubicBezTo>
                  <a:cubicBezTo>
                    <a:pt x="946" y="374"/>
                    <a:pt x="946" y="373"/>
                    <a:pt x="945" y="372"/>
                  </a:cubicBezTo>
                  <a:cubicBezTo>
                    <a:pt x="944" y="371"/>
                    <a:pt x="944" y="371"/>
                    <a:pt x="944" y="370"/>
                  </a:cubicBezTo>
                  <a:cubicBezTo>
                    <a:pt x="944" y="369"/>
                    <a:pt x="945" y="370"/>
                    <a:pt x="945" y="368"/>
                  </a:cubicBezTo>
                  <a:cubicBezTo>
                    <a:pt x="946" y="365"/>
                    <a:pt x="946" y="365"/>
                    <a:pt x="946" y="364"/>
                  </a:cubicBezTo>
                  <a:cubicBezTo>
                    <a:pt x="946" y="363"/>
                    <a:pt x="947" y="363"/>
                    <a:pt x="946" y="361"/>
                  </a:cubicBezTo>
                  <a:cubicBezTo>
                    <a:pt x="944" y="359"/>
                    <a:pt x="944" y="356"/>
                    <a:pt x="944" y="356"/>
                  </a:cubicBezTo>
                  <a:cubicBezTo>
                    <a:pt x="944" y="353"/>
                    <a:pt x="944" y="353"/>
                    <a:pt x="944" y="353"/>
                  </a:cubicBezTo>
                  <a:cubicBezTo>
                    <a:pt x="944" y="353"/>
                    <a:pt x="942" y="352"/>
                    <a:pt x="942" y="351"/>
                  </a:cubicBezTo>
                  <a:cubicBezTo>
                    <a:pt x="942" y="350"/>
                    <a:pt x="942" y="348"/>
                    <a:pt x="943" y="347"/>
                  </a:cubicBezTo>
                  <a:cubicBezTo>
                    <a:pt x="944" y="347"/>
                    <a:pt x="945" y="345"/>
                    <a:pt x="945" y="344"/>
                  </a:cubicBezTo>
                  <a:cubicBezTo>
                    <a:pt x="945" y="343"/>
                    <a:pt x="947" y="345"/>
                    <a:pt x="944" y="340"/>
                  </a:cubicBezTo>
                  <a:cubicBezTo>
                    <a:pt x="944" y="340"/>
                    <a:pt x="943" y="339"/>
                    <a:pt x="943" y="339"/>
                  </a:cubicBezTo>
                  <a:cubicBezTo>
                    <a:pt x="943" y="338"/>
                    <a:pt x="944" y="339"/>
                    <a:pt x="943" y="338"/>
                  </a:cubicBezTo>
                  <a:cubicBezTo>
                    <a:pt x="941" y="337"/>
                    <a:pt x="939" y="336"/>
                    <a:pt x="938" y="336"/>
                  </a:cubicBezTo>
                  <a:cubicBezTo>
                    <a:pt x="936" y="337"/>
                    <a:pt x="935" y="337"/>
                    <a:pt x="933" y="337"/>
                  </a:cubicBezTo>
                  <a:cubicBezTo>
                    <a:pt x="931" y="337"/>
                    <a:pt x="927" y="338"/>
                    <a:pt x="926" y="337"/>
                  </a:cubicBezTo>
                  <a:cubicBezTo>
                    <a:pt x="925" y="336"/>
                    <a:pt x="926" y="334"/>
                    <a:pt x="924" y="334"/>
                  </a:cubicBezTo>
                  <a:cubicBezTo>
                    <a:pt x="922" y="334"/>
                    <a:pt x="921" y="334"/>
                    <a:pt x="919" y="335"/>
                  </a:cubicBezTo>
                  <a:cubicBezTo>
                    <a:pt x="918" y="335"/>
                    <a:pt x="918" y="335"/>
                    <a:pt x="917" y="335"/>
                  </a:cubicBezTo>
                  <a:cubicBezTo>
                    <a:pt x="916" y="335"/>
                    <a:pt x="916" y="334"/>
                    <a:pt x="914" y="335"/>
                  </a:cubicBezTo>
                  <a:cubicBezTo>
                    <a:pt x="912" y="337"/>
                    <a:pt x="914" y="336"/>
                    <a:pt x="912" y="337"/>
                  </a:cubicBezTo>
                  <a:cubicBezTo>
                    <a:pt x="908" y="331"/>
                    <a:pt x="910" y="330"/>
                    <a:pt x="907" y="330"/>
                  </a:cubicBezTo>
                  <a:cubicBezTo>
                    <a:pt x="903" y="330"/>
                    <a:pt x="903" y="330"/>
                    <a:pt x="902" y="330"/>
                  </a:cubicBezTo>
                  <a:cubicBezTo>
                    <a:pt x="899" y="328"/>
                    <a:pt x="903" y="328"/>
                    <a:pt x="898" y="326"/>
                  </a:cubicBezTo>
                  <a:cubicBezTo>
                    <a:pt x="892" y="325"/>
                    <a:pt x="892" y="325"/>
                    <a:pt x="890" y="325"/>
                  </a:cubicBezTo>
                  <a:cubicBezTo>
                    <a:pt x="889" y="325"/>
                    <a:pt x="888" y="325"/>
                    <a:pt x="887" y="325"/>
                  </a:cubicBezTo>
                  <a:cubicBezTo>
                    <a:pt x="884" y="321"/>
                    <a:pt x="888" y="321"/>
                    <a:pt x="884" y="319"/>
                  </a:cubicBezTo>
                  <a:cubicBezTo>
                    <a:pt x="880" y="318"/>
                    <a:pt x="880" y="318"/>
                    <a:pt x="880" y="317"/>
                  </a:cubicBezTo>
                  <a:cubicBezTo>
                    <a:pt x="879" y="316"/>
                    <a:pt x="877" y="315"/>
                    <a:pt x="877" y="315"/>
                  </a:cubicBezTo>
                  <a:cubicBezTo>
                    <a:pt x="876" y="314"/>
                    <a:pt x="873" y="314"/>
                    <a:pt x="873" y="314"/>
                  </a:cubicBezTo>
                  <a:cubicBezTo>
                    <a:pt x="870" y="313"/>
                    <a:pt x="870" y="313"/>
                    <a:pt x="870" y="313"/>
                  </a:cubicBezTo>
                  <a:cubicBezTo>
                    <a:pt x="867" y="312"/>
                    <a:pt x="867" y="310"/>
                    <a:pt x="866" y="310"/>
                  </a:cubicBezTo>
                  <a:cubicBezTo>
                    <a:pt x="864" y="310"/>
                    <a:pt x="864" y="309"/>
                    <a:pt x="862" y="309"/>
                  </a:cubicBezTo>
                  <a:cubicBezTo>
                    <a:pt x="860" y="310"/>
                    <a:pt x="860" y="311"/>
                    <a:pt x="859" y="310"/>
                  </a:cubicBezTo>
                  <a:cubicBezTo>
                    <a:pt x="857" y="309"/>
                    <a:pt x="858" y="307"/>
                    <a:pt x="856" y="306"/>
                  </a:cubicBezTo>
                  <a:cubicBezTo>
                    <a:pt x="855" y="305"/>
                    <a:pt x="855" y="305"/>
                    <a:pt x="853" y="305"/>
                  </a:cubicBezTo>
                  <a:cubicBezTo>
                    <a:pt x="852" y="304"/>
                    <a:pt x="857" y="303"/>
                    <a:pt x="851" y="304"/>
                  </a:cubicBezTo>
                  <a:cubicBezTo>
                    <a:pt x="844" y="306"/>
                    <a:pt x="844" y="305"/>
                    <a:pt x="842" y="306"/>
                  </a:cubicBezTo>
                  <a:cubicBezTo>
                    <a:pt x="840" y="307"/>
                    <a:pt x="838" y="308"/>
                    <a:pt x="836" y="308"/>
                  </a:cubicBezTo>
                  <a:cubicBezTo>
                    <a:pt x="835" y="309"/>
                    <a:pt x="833" y="309"/>
                    <a:pt x="832" y="309"/>
                  </a:cubicBezTo>
                  <a:cubicBezTo>
                    <a:pt x="831" y="309"/>
                    <a:pt x="828" y="309"/>
                    <a:pt x="829" y="308"/>
                  </a:cubicBezTo>
                  <a:cubicBezTo>
                    <a:pt x="829" y="307"/>
                    <a:pt x="829" y="307"/>
                    <a:pt x="831" y="306"/>
                  </a:cubicBezTo>
                  <a:cubicBezTo>
                    <a:pt x="832" y="304"/>
                    <a:pt x="833" y="304"/>
                    <a:pt x="833" y="303"/>
                  </a:cubicBezTo>
                  <a:cubicBezTo>
                    <a:pt x="833" y="302"/>
                    <a:pt x="833" y="302"/>
                    <a:pt x="831" y="300"/>
                  </a:cubicBezTo>
                  <a:cubicBezTo>
                    <a:pt x="829" y="297"/>
                    <a:pt x="829" y="297"/>
                    <a:pt x="829" y="295"/>
                  </a:cubicBezTo>
                  <a:cubicBezTo>
                    <a:pt x="828" y="294"/>
                    <a:pt x="829" y="293"/>
                    <a:pt x="827" y="291"/>
                  </a:cubicBezTo>
                  <a:cubicBezTo>
                    <a:pt x="826" y="289"/>
                    <a:pt x="826" y="288"/>
                    <a:pt x="826" y="287"/>
                  </a:cubicBezTo>
                  <a:cubicBezTo>
                    <a:pt x="825" y="285"/>
                    <a:pt x="828" y="287"/>
                    <a:pt x="824" y="284"/>
                  </a:cubicBezTo>
                  <a:cubicBezTo>
                    <a:pt x="821" y="282"/>
                    <a:pt x="822" y="283"/>
                    <a:pt x="819" y="282"/>
                  </a:cubicBezTo>
                  <a:cubicBezTo>
                    <a:pt x="817" y="281"/>
                    <a:pt x="816" y="281"/>
                    <a:pt x="816" y="281"/>
                  </a:cubicBezTo>
                  <a:cubicBezTo>
                    <a:pt x="813" y="282"/>
                    <a:pt x="810" y="284"/>
                    <a:pt x="811" y="283"/>
                  </a:cubicBezTo>
                  <a:cubicBezTo>
                    <a:pt x="811" y="283"/>
                    <a:pt x="810" y="278"/>
                    <a:pt x="810" y="279"/>
                  </a:cubicBezTo>
                  <a:cubicBezTo>
                    <a:pt x="810" y="279"/>
                    <a:pt x="808" y="276"/>
                    <a:pt x="807" y="276"/>
                  </a:cubicBezTo>
                  <a:cubicBezTo>
                    <a:pt x="806" y="275"/>
                    <a:pt x="804" y="274"/>
                    <a:pt x="805" y="273"/>
                  </a:cubicBezTo>
                  <a:cubicBezTo>
                    <a:pt x="806" y="272"/>
                    <a:pt x="807" y="272"/>
                    <a:pt x="807" y="271"/>
                  </a:cubicBezTo>
                  <a:cubicBezTo>
                    <a:pt x="807" y="270"/>
                    <a:pt x="807" y="269"/>
                    <a:pt x="807" y="267"/>
                  </a:cubicBezTo>
                  <a:cubicBezTo>
                    <a:pt x="807" y="265"/>
                    <a:pt x="809" y="262"/>
                    <a:pt x="809" y="260"/>
                  </a:cubicBezTo>
                  <a:cubicBezTo>
                    <a:pt x="808" y="258"/>
                    <a:pt x="808" y="259"/>
                    <a:pt x="808" y="256"/>
                  </a:cubicBezTo>
                  <a:cubicBezTo>
                    <a:pt x="808" y="254"/>
                    <a:pt x="807" y="254"/>
                    <a:pt x="808" y="253"/>
                  </a:cubicBezTo>
                  <a:cubicBezTo>
                    <a:pt x="810" y="251"/>
                    <a:pt x="813" y="250"/>
                    <a:pt x="813" y="249"/>
                  </a:cubicBezTo>
                  <a:cubicBezTo>
                    <a:pt x="812" y="247"/>
                    <a:pt x="815" y="245"/>
                    <a:pt x="815" y="244"/>
                  </a:cubicBezTo>
                  <a:cubicBezTo>
                    <a:pt x="815" y="243"/>
                    <a:pt x="817" y="243"/>
                    <a:pt x="817" y="240"/>
                  </a:cubicBezTo>
                  <a:cubicBezTo>
                    <a:pt x="817" y="236"/>
                    <a:pt x="817" y="235"/>
                    <a:pt x="818" y="235"/>
                  </a:cubicBezTo>
                  <a:cubicBezTo>
                    <a:pt x="821" y="235"/>
                    <a:pt x="823" y="232"/>
                    <a:pt x="823" y="232"/>
                  </a:cubicBezTo>
                  <a:cubicBezTo>
                    <a:pt x="823" y="232"/>
                    <a:pt x="824" y="230"/>
                    <a:pt x="823" y="229"/>
                  </a:cubicBezTo>
                  <a:cubicBezTo>
                    <a:pt x="822" y="228"/>
                    <a:pt x="822" y="228"/>
                    <a:pt x="824" y="227"/>
                  </a:cubicBezTo>
                  <a:cubicBezTo>
                    <a:pt x="826" y="227"/>
                    <a:pt x="828" y="226"/>
                    <a:pt x="828" y="226"/>
                  </a:cubicBezTo>
                  <a:cubicBezTo>
                    <a:pt x="830" y="225"/>
                    <a:pt x="830" y="225"/>
                    <a:pt x="830" y="225"/>
                  </a:cubicBezTo>
                  <a:cubicBezTo>
                    <a:pt x="830" y="225"/>
                    <a:pt x="831" y="222"/>
                    <a:pt x="830" y="222"/>
                  </a:cubicBezTo>
                  <a:cubicBezTo>
                    <a:pt x="828" y="221"/>
                    <a:pt x="829" y="219"/>
                    <a:pt x="830" y="219"/>
                  </a:cubicBezTo>
                  <a:cubicBezTo>
                    <a:pt x="831" y="219"/>
                    <a:pt x="835" y="218"/>
                    <a:pt x="835" y="218"/>
                  </a:cubicBezTo>
                  <a:cubicBezTo>
                    <a:pt x="837" y="217"/>
                    <a:pt x="837" y="217"/>
                    <a:pt x="837" y="217"/>
                  </a:cubicBezTo>
                  <a:cubicBezTo>
                    <a:pt x="836" y="215"/>
                    <a:pt x="835" y="213"/>
                    <a:pt x="836" y="214"/>
                  </a:cubicBezTo>
                  <a:cubicBezTo>
                    <a:pt x="837" y="214"/>
                    <a:pt x="840" y="214"/>
                    <a:pt x="840" y="214"/>
                  </a:cubicBezTo>
                  <a:cubicBezTo>
                    <a:pt x="840" y="214"/>
                    <a:pt x="842" y="215"/>
                    <a:pt x="842" y="215"/>
                  </a:cubicBezTo>
                  <a:cubicBezTo>
                    <a:pt x="843" y="215"/>
                    <a:pt x="847" y="214"/>
                    <a:pt x="847" y="214"/>
                  </a:cubicBezTo>
                  <a:cubicBezTo>
                    <a:pt x="849" y="212"/>
                    <a:pt x="849" y="212"/>
                    <a:pt x="849" y="212"/>
                  </a:cubicBezTo>
                  <a:cubicBezTo>
                    <a:pt x="851" y="212"/>
                    <a:pt x="851" y="212"/>
                    <a:pt x="851" y="212"/>
                  </a:cubicBezTo>
                  <a:cubicBezTo>
                    <a:pt x="851" y="212"/>
                    <a:pt x="853" y="209"/>
                    <a:pt x="852" y="209"/>
                  </a:cubicBezTo>
                  <a:cubicBezTo>
                    <a:pt x="851" y="208"/>
                    <a:pt x="849" y="207"/>
                    <a:pt x="849" y="206"/>
                  </a:cubicBezTo>
                  <a:cubicBezTo>
                    <a:pt x="848" y="205"/>
                    <a:pt x="849" y="205"/>
                    <a:pt x="847" y="203"/>
                  </a:cubicBezTo>
                  <a:cubicBezTo>
                    <a:pt x="845" y="202"/>
                    <a:pt x="844" y="201"/>
                    <a:pt x="842" y="201"/>
                  </a:cubicBezTo>
                  <a:cubicBezTo>
                    <a:pt x="841" y="201"/>
                    <a:pt x="840" y="202"/>
                    <a:pt x="839" y="201"/>
                  </a:cubicBezTo>
                  <a:cubicBezTo>
                    <a:pt x="838" y="201"/>
                    <a:pt x="840" y="198"/>
                    <a:pt x="837" y="199"/>
                  </a:cubicBezTo>
                  <a:cubicBezTo>
                    <a:pt x="834" y="199"/>
                    <a:pt x="833" y="201"/>
                    <a:pt x="833" y="200"/>
                  </a:cubicBezTo>
                  <a:cubicBezTo>
                    <a:pt x="832" y="199"/>
                    <a:pt x="832" y="198"/>
                    <a:pt x="832" y="198"/>
                  </a:cubicBezTo>
                  <a:cubicBezTo>
                    <a:pt x="832" y="198"/>
                    <a:pt x="831" y="197"/>
                    <a:pt x="829" y="196"/>
                  </a:cubicBezTo>
                  <a:cubicBezTo>
                    <a:pt x="827" y="195"/>
                    <a:pt x="825" y="194"/>
                    <a:pt x="826" y="194"/>
                  </a:cubicBezTo>
                  <a:cubicBezTo>
                    <a:pt x="827" y="195"/>
                    <a:pt x="835" y="196"/>
                    <a:pt x="835" y="196"/>
                  </a:cubicBezTo>
                  <a:cubicBezTo>
                    <a:pt x="835" y="196"/>
                    <a:pt x="834" y="197"/>
                    <a:pt x="834" y="198"/>
                  </a:cubicBezTo>
                  <a:cubicBezTo>
                    <a:pt x="835" y="198"/>
                    <a:pt x="835" y="198"/>
                    <a:pt x="835" y="198"/>
                  </a:cubicBezTo>
                  <a:cubicBezTo>
                    <a:pt x="836" y="198"/>
                    <a:pt x="837" y="197"/>
                    <a:pt x="838" y="197"/>
                  </a:cubicBezTo>
                  <a:cubicBezTo>
                    <a:pt x="840" y="198"/>
                    <a:pt x="840" y="199"/>
                    <a:pt x="841" y="199"/>
                  </a:cubicBezTo>
                  <a:cubicBezTo>
                    <a:pt x="842" y="200"/>
                    <a:pt x="845" y="200"/>
                    <a:pt x="846" y="200"/>
                  </a:cubicBezTo>
                  <a:cubicBezTo>
                    <a:pt x="847" y="200"/>
                    <a:pt x="849" y="202"/>
                    <a:pt x="849" y="202"/>
                  </a:cubicBezTo>
                  <a:cubicBezTo>
                    <a:pt x="852" y="202"/>
                    <a:pt x="854" y="202"/>
                    <a:pt x="855" y="202"/>
                  </a:cubicBezTo>
                  <a:cubicBezTo>
                    <a:pt x="855" y="202"/>
                    <a:pt x="855" y="201"/>
                    <a:pt x="856" y="201"/>
                  </a:cubicBezTo>
                  <a:cubicBezTo>
                    <a:pt x="857" y="201"/>
                    <a:pt x="859" y="200"/>
                    <a:pt x="859" y="200"/>
                  </a:cubicBezTo>
                  <a:cubicBezTo>
                    <a:pt x="859" y="200"/>
                    <a:pt x="859" y="197"/>
                    <a:pt x="859" y="196"/>
                  </a:cubicBezTo>
                  <a:cubicBezTo>
                    <a:pt x="859" y="196"/>
                    <a:pt x="859" y="193"/>
                    <a:pt x="859" y="193"/>
                  </a:cubicBezTo>
                  <a:cubicBezTo>
                    <a:pt x="862" y="193"/>
                    <a:pt x="862" y="194"/>
                    <a:pt x="862" y="194"/>
                  </a:cubicBezTo>
                  <a:cubicBezTo>
                    <a:pt x="865" y="196"/>
                    <a:pt x="865" y="196"/>
                    <a:pt x="865" y="196"/>
                  </a:cubicBezTo>
                  <a:cubicBezTo>
                    <a:pt x="868" y="196"/>
                    <a:pt x="868" y="196"/>
                    <a:pt x="868" y="196"/>
                  </a:cubicBezTo>
                  <a:cubicBezTo>
                    <a:pt x="868" y="196"/>
                    <a:pt x="872" y="195"/>
                    <a:pt x="872" y="195"/>
                  </a:cubicBezTo>
                  <a:cubicBezTo>
                    <a:pt x="872" y="195"/>
                    <a:pt x="874" y="195"/>
                    <a:pt x="875" y="195"/>
                  </a:cubicBezTo>
                  <a:cubicBezTo>
                    <a:pt x="879" y="192"/>
                    <a:pt x="879" y="192"/>
                    <a:pt x="879" y="192"/>
                  </a:cubicBezTo>
                  <a:cubicBezTo>
                    <a:pt x="882" y="191"/>
                    <a:pt x="882" y="191"/>
                    <a:pt x="882" y="191"/>
                  </a:cubicBezTo>
                  <a:cubicBezTo>
                    <a:pt x="882" y="191"/>
                    <a:pt x="883" y="188"/>
                    <a:pt x="883" y="188"/>
                  </a:cubicBezTo>
                  <a:cubicBezTo>
                    <a:pt x="884" y="187"/>
                    <a:pt x="887" y="184"/>
                    <a:pt x="887" y="184"/>
                  </a:cubicBezTo>
                  <a:cubicBezTo>
                    <a:pt x="887" y="182"/>
                    <a:pt x="887" y="182"/>
                    <a:pt x="887" y="182"/>
                  </a:cubicBezTo>
                  <a:cubicBezTo>
                    <a:pt x="891" y="179"/>
                    <a:pt x="891" y="179"/>
                    <a:pt x="891" y="179"/>
                  </a:cubicBezTo>
                  <a:cubicBezTo>
                    <a:pt x="891" y="177"/>
                    <a:pt x="891" y="177"/>
                    <a:pt x="891" y="177"/>
                  </a:cubicBezTo>
                  <a:cubicBezTo>
                    <a:pt x="891" y="172"/>
                    <a:pt x="891" y="172"/>
                    <a:pt x="891" y="172"/>
                  </a:cubicBezTo>
                  <a:cubicBezTo>
                    <a:pt x="889" y="172"/>
                    <a:pt x="889" y="172"/>
                    <a:pt x="889" y="172"/>
                  </a:cubicBezTo>
                  <a:cubicBezTo>
                    <a:pt x="889" y="172"/>
                    <a:pt x="887" y="172"/>
                    <a:pt x="885" y="172"/>
                  </a:cubicBezTo>
                  <a:cubicBezTo>
                    <a:pt x="885" y="172"/>
                    <a:pt x="884" y="171"/>
                    <a:pt x="884" y="171"/>
                  </a:cubicBezTo>
                  <a:cubicBezTo>
                    <a:pt x="887" y="171"/>
                    <a:pt x="889" y="171"/>
                    <a:pt x="891" y="170"/>
                  </a:cubicBezTo>
                  <a:cubicBezTo>
                    <a:pt x="892" y="169"/>
                    <a:pt x="892" y="168"/>
                    <a:pt x="894" y="167"/>
                  </a:cubicBezTo>
                  <a:cubicBezTo>
                    <a:pt x="895" y="166"/>
                    <a:pt x="896" y="165"/>
                    <a:pt x="897" y="164"/>
                  </a:cubicBezTo>
                  <a:cubicBezTo>
                    <a:pt x="900" y="163"/>
                    <a:pt x="900" y="162"/>
                    <a:pt x="901" y="161"/>
                  </a:cubicBezTo>
                  <a:cubicBezTo>
                    <a:pt x="903" y="159"/>
                    <a:pt x="902" y="160"/>
                    <a:pt x="903" y="158"/>
                  </a:cubicBezTo>
                  <a:cubicBezTo>
                    <a:pt x="904" y="157"/>
                    <a:pt x="904" y="157"/>
                    <a:pt x="904" y="157"/>
                  </a:cubicBezTo>
                  <a:cubicBezTo>
                    <a:pt x="904" y="157"/>
                    <a:pt x="902" y="153"/>
                    <a:pt x="901" y="153"/>
                  </a:cubicBezTo>
                  <a:cubicBezTo>
                    <a:pt x="900" y="153"/>
                    <a:pt x="898" y="152"/>
                    <a:pt x="898" y="152"/>
                  </a:cubicBezTo>
                  <a:cubicBezTo>
                    <a:pt x="898" y="152"/>
                    <a:pt x="898" y="150"/>
                    <a:pt x="898" y="150"/>
                  </a:cubicBezTo>
                  <a:cubicBezTo>
                    <a:pt x="899" y="150"/>
                    <a:pt x="901" y="149"/>
                    <a:pt x="901" y="149"/>
                  </a:cubicBezTo>
                  <a:cubicBezTo>
                    <a:pt x="903" y="150"/>
                    <a:pt x="905" y="150"/>
                    <a:pt x="905" y="150"/>
                  </a:cubicBezTo>
                  <a:cubicBezTo>
                    <a:pt x="907" y="149"/>
                    <a:pt x="907" y="149"/>
                    <a:pt x="907" y="149"/>
                  </a:cubicBezTo>
                  <a:cubicBezTo>
                    <a:pt x="910" y="151"/>
                    <a:pt x="910" y="151"/>
                    <a:pt x="910" y="151"/>
                  </a:cubicBezTo>
                  <a:cubicBezTo>
                    <a:pt x="911" y="155"/>
                    <a:pt x="912" y="154"/>
                    <a:pt x="913" y="155"/>
                  </a:cubicBezTo>
                  <a:cubicBezTo>
                    <a:pt x="913" y="155"/>
                    <a:pt x="915" y="156"/>
                    <a:pt x="916" y="156"/>
                  </a:cubicBezTo>
                  <a:cubicBezTo>
                    <a:pt x="916" y="156"/>
                    <a:pt x="917" y="156"/>
                    <a:pt x="918" y="155"/>
                  </a:cubicBezTo>
                  <a:cubicBezTo>
                    <a:pt x="920" y="153"/>
                    <a:pt x="920" y="153"/>
                    <a:pt x="920" y="153"/>
                  </a:cubicBezTo>
                  <a:cubicBezTo>
                    <a:pt x="920" y="153"/>
                    <a:pt x="921" y="154"/>
                    <a:pt x="923" y="154"/>
                  </a:cubicBezTo>
                  <a:cubicBezTo>
                    <a:pt x="925" y="153"/>
                    <a:pt x="925" y="155"/>
                    <a:pt x="926" y="155"/>
                  </a:cubicBezTo>
                  <a:cubicBezTo>
                    <a:pt x="929" y="155"/>
                    <a:pt x="929" y="155"/>
                    <a:pt x="929" y="154"/>
                  </a:cubicBezTo>
                  <a:cubicBezTo>
                    <a:pt x="930" y="153"/>
                    <a:pt x="927" y="150"/>
                    <a:pt x="927" y="150"/>
                  </a:cubicBezTo>
                  <a:cubicBezTo>
                    <a:pt x="925" y="148"/>
                    <a:pt x="925" y="148"/>
                    <a:pt x="925" y="148"/>
                  </a:cubicBezTo>
                  <a:cubicBezTo>
                    <a:pt x="922" y="145"/>
                    <a:pt x="922" y="145"/>
                    <a:pt x="922" y="145"/>
                  </a:cubicBezTo>
                  <a:cubicBezTo>
                    <a:pt x="920" y="144"/>
                    <a:pt x="921" y="143"/>
                    <a:pt x="919" y="143"/>
                  </a:cubicBezTo>
                  <a:cubicBezTo>
                    <a:pt x="916" y="144"/>
                    <a:pt x="914" y="143"/>
                    <a:pt x="917" y="143"/>
                  </a:cubicBezTo>
                  <a:cubicBezTo>
                    <a:pt x="919" y="142"/>
                    <a:pt x="917" y="143"/>
                    <a:pt x="919" y="142"/>
                  </a:cubicBezTo>
                  <a:cubicBezTo>
                    <a:pt x="920" y="142"/>
                    <a:pt x="920" y="142"/>
                    <a:pt x="920" y="141"/>
                  </a:cubicBezTo>
                  <a:cubicBezTo>
                    <a:pt x="920" y="142"/>
                    <a:pt x="920" y="142"/>
                    <a:pt x="920" y="142"/>
                  </a:cubicBezTo>
                  <a:cubicBezTo>
                    <a:pt x="922" y="144"/>
                    <a:pt x="922" y="144"/>
                    <a:pt x="923" y="144"/>
                  </a:cubicBezTo>
                  <a:cubicBezTo>
                    <a:pt x="924" y="144"/>
                    <a:pt x="924" y="145"/>
                    <a:pt x="925" y="145"/>
                  </a:cubicBezTo>
                  <a:cubicBezTo>
                    <a:pt x="925" y="145"/>
                    <a:pt x="928" y="148"/>
                    <a:pt x="928" y="149"/>
                  </a:cubicBezTo>
                  <a:cubicBezTo>
                    <a:pt x="928" y="150"/>
                    <a:pt x="930" y="149"/>
                    <a:pt x="930" y="150"/>
                  </a:cubicBezTo>
                  <a:cubicBezTo>
                    <a:pt x="932" y="153"/>
                    <a:pt x="933" y="153"/>
                    <a:pt x="933" y="153"/>
                  </a:cubicBezTo>
                  <a:cubicBezTo>
                    <a:pt x="935" y="155"/>
                    <a:pt x="937" y="156"/>
                    <a:pt x="937" y="156"/>
                  </a:cubicBezTo>
                  <a:cubicBezTo>
                    <a:pt x="935" y="152"/>
                    <a:pt x="935" y="154"/>
                    <a:pt x="935" y="152"/>
                  </a:cubicBezTo>
                  <a:cubicBezTo>
                    <a:pt x="936" y="150"/>
                    <a:pt x="934" y="151"/>
                    <a:pt x="936" y="150"/>
                  </a:cubicBezTo>
                  <a:cubicBezTo>
                    <a:pt x="937" y="150"/>
                    <a:pt x="933" y="150"/>
                    <a:pt x="937" y="150"/>
                  </a:cubicBezTo>
                  <a:cubicBezTo>
                    <a:pt x="942" y="150"/>
                    <a:pt x="944" y="148"/>
                    <a:pt x="944" y="148"/>
                  </a:cubicBezTo>
                  <a:cubicBezTo>
                    <a:pt x="944" y="146"/>
                    <a:pt x="941" y="146"/>
                    <a:pt x="944" y="146"/>
                  </a:cubicBezTo>
                  <a:cubicBezTo>
                    <a:pt x="947" y="146"/>
                    <a:pt x="947" y="144"/>
                    <a:pt x="947" y="144"/>
                  </a:cubicBezTo>
                  <a:cubicBezTo>
                    <a:pt x="948" y="142"/>
                    <a:pt x="948" y="142"/>
                    <a:pt x="948" y="142"/>
                  </a:cubicBezTo>
                  <a:cubicBezTo>
                    <a:pt x="948" y="142"/>
                    <a:pt x="950" y="141"/>
                    <a:pt x="951" y="141"/>
                  </a:cubicBezTo>
                  <a:cubicBezTo>
                    <a:pt x="952" y="141"/>
                    <a:pt x="952" y="140"/>
                    <a:pt x="953" y="139"/>
                  </a:cubicBezTo>
                  <a:cubicBezTo>
                    <a:pt x="955" y="137"/>
                    <a:pt x="955" y="136"/>
                    <a:pt x="955" y="136"/>
                  </a:cubicBezTo>
                  <a:cubicBezTo>
                    <a:pt x="957" y="133"/>
                    <a:pt x="957" y="131"/>
                    <a:pt x="956" y="131"/>
                  </a:cubicBezTo>
                  <a:cubicBezTo>
                    <a:pt x="955" y="130"/>
                    <a:pt x="952" y="129"/>
                    <a:pt x="952" y="129"/>
                  </a:cubicBezTo>
                  <a:cubicBezTo>
                    <a:pt x="952" y="129"/>
                    <a:pt x="951" y="127"/>
                    <a:pt x="949" y="126"/>
                  </a:cubicBezTo>
                  <a:cubicBezTo>
                    <a:pt x="947" y="125"/>
                    <a:pt x="946" y="125"/>
                    <a:pt x="945" y="123"/>
                  </a:cubicBezTo>
                  <a:cubicBezTo>
                    <a:pt x="945" y="121"/>
                    <a:pt x="946" y="122"/>
                    <a:pt x="946" y="122"/>
                  </a:cubicBezTo>
                  <a:cubicBezTo>
                    <a:pt x="946" y="122"/>
                    <a:pt x="947" y="122"/>
                    <a:pt x="945" y="120"/>
                  </a:cubicBezTo>
                  <a:cubicBezTo>
                    <a:pt x="943" y="117"/>
                    <a:pt x="944" y="118"/>
                    <a:pt x="943" y="117"/>
                  </a:cubicBezTo>
                  <a:cubicBezTo>
                    <a:pt x="942" y="116"/>
                    <a:pt x="942" y="116"/>
                    <a:pt x="942" y="116"/>
                  </a:cubicBezTo>
                  <a:cubicBezTo>
                    <a:pt x="941" y="116"/>
                    <a:pt x="941" y="116"/>
                    <a:pt x="942" y="116"/>
                  </a:cubicBezTo>
                  <a:cubicBezTo>
                    <a:pt x="943" y="114"/>
                    <a:pt x="940" y="114"/>
                    <a:pt x="943" y="114"/>
                  </a:cubicBezTo>
                  <a:cubicBezTo>
                    <a:pt x="944" y="114"/>
                    <a:pt x="944" y="114"/>
                    <a:pt x="945" y="114"/>
                  </a:cubicBezTo>
                  <a:cubicBezTo>
                    <a:pt x="946" y="114"/>
                    <a:pt x="946" y="114"/>
                    <a:pt x="947" y="114"/>
                  </a:cubicBezTo>
                  <a:cubicBezTo>
                    <a:pt x="947" y="115"/>
                    <a:pt x="948" y="115"/>
                    <a:pt x="949" y="115"/>
                  </a:cubicBezTo>
                  <a:cubicBezTo>
                    <a:pt x="950" y="114"/>
                    <a:pt x="949" y="113"/>
                    <a:pt x="949" y="113"/>
                  </a:cubicBezTo>
                  <a:cubicBezTo>
                    <a:pt x="950" y="112"/>
                    <a:pt x="951" y="111"/>
                    <a:pt x="952" y="112"/>
                  </a:cubicBezTo>
                  <a:cubicBezTo>
                    <a:pt x="954" y="112"/>
                    <a:pt x="955" y="111"/>
                    <a:pt x="955" y="110"/>
                  </a:cubicBezTo>
                  <a:cubicBezTo>
                    <a:pt x="955" y="110"/>
                    <a:pt x="957" y="107"/>
                    <a:pt x="956" y="108"/>
                  </a:cubicBezTo>
                  <a:cubicBezTo>
                    <a:pt x="956" y="108"/>
                    <a:pt x="955" y="107"/>
                    <a:pt x="955" y="107"/>
                  </a:cubicBezTo>
                  <a:cubicBezTo>
                    <a:pt x="954" y="107"/>
                    <a:pt x="953" y="106"/>
                    <a:pt x="953" y="107"/>
                  </a:cubicBezTo>
                  <a:cubicBezTo>
                    <a:pt x="952" y="107"/>
                    <a:pt x="951" y="108"/>
                    <a:pt x="951" y="107"/>
                  </a:cubicBezTo>
                  <a:cubicBezTo>
                    <a:pt x="950" y="105"/>
                    <a:pt x="947" y="106"/>
                    <a:pt x="951" y="104"/>
                  </a:cubicBezTo>
                  <a:cubicBezTo>
                    <a:pt x="954" y="103"/>
                    <a:pt x="954" y="104"/>
                    <a:pt x="954" y="103"/>
                  </a:cubicBezTo>
                  <a:cubicBezTo>
                    <a:pt x="953" y="99"/>
                    <a:pt x="953" y="99"/>
                    <a:pt x="953" y="99"/>
                  </a:cubicBezTo>
                  <a:cubicBezTo>
                    <a:pt x="949" y="97"/>
                    <a:pt x="947" y="98"/>
                    <a:pt x="945" y="97"/>
                  </a:cubicBezTo>
                  <a:cubicBezTo>
                    <a:pt x="945" y="97"/>
                    <a:pt x="944" y="97"/>
                    <a:pt x="944" y="97"/>
                  </a:cubicBezTo>
                  <a:cubicBezTo>
                    <a:pt x="943" y="97"/>
                    <a:pt x="943" y="97"/>
                    <a:pt x="942" y="96"/>
                  </a:cubicBezTo>
                  <a:cubicBezTo>
                    <a:pt x="941" y="95"/>
                    <a:pt x="942" y="94"/>
                    <a:pt x="941" y="94"/>
                  </a:cubicBezTo>
                  <a:cubicBezTo>
                    <a:pt x="941" y="94"/>
                    <a:pt x="940" y="94"/>
                    <a:pt x="939" y="94"/>
                  </a:cubicBezTo>
                  <a:cubicBezTo>
                    <a:pt x="938" y="94"/>
                    <a:pt x="937" y="94"/>
                    <a:pt x="937" y="94"/>
                  </a:cubicBezTo>
                  <a:cubicBezTo>
                    <a:pt x="938" y="93"/>
                    <a:pt x="938" y="93"/>
                    <a:pt x="940" y="92"/>
                  </a:cubicBezTo>
                  <a:cubicBezTo>
                    <a:pt x="940" y="92"/>
                    <a:pt x="940" y="89"/>
                    <a:pt x="939" y="89"/>
                  </a:cubicBezTo>
                  <a:cubicBezTo>
                    <a:pt x="938" y="89"/>
                    <a:pt x="935" y="91"/>
                    <a:pt x="935" y="91"/>
                  </a:cubicBezTo>
                  <a:cubicBezTo>
                    <a:pt x="935" y="91"/>
                    <a:pt x="933" y="91"/>
                    <a:pt x="932" y="91"/>
                  </a:cubicBezTo>
                  <a:cubicBezTo>
                    <a:pt x="931" y="91"/>
                    <a:pt x="931" y="89"/>
                    <a:pt x="929" y="89"/>
                  </a:cubicBezTo>
                  <a:cubicBezTo>
                    <a:pt x="926" y="89"/>
                    <a:pt x="925" y="88"/>
                    <a:pt x="924" y="88"/>
                  </a:cubicBezTo>
                  <a:cubicBezTo>
                    <a:pt x="923" y="88"/>
                    <a:pt x="920" y="89"/>
                    <a:pt x="920" y="89"/>
                  </a:cubicBezTo>
                  <a:cubicBezTo>
                    <a:pt x="920" y="89"/>
                    <a:pt x="916" y="87"/>
                    <a:pt x="916" y="87"/>
                  </a:cubicBezTo>
                  <a:cubicBezTo>
                    <a:pt x="915" y="88"/>
                    <a:pt x="910" y="89"/>
                    <a:pt x="910" y="89"/>
                  </a:cubicBezTo>
                  <a:cubicBezTo>
                    <a:pt x="910" y="89"/>
                    <a:pt x="910" y="85"/>
                    <a:pt x="908" y="88"/>
                  </a:cubicBezTo>
                  <a:cubicBezTo>
                    <a:pt x="906" y="90"/>
                    <a:pt x="908" y="90"/>
                    <a:pt x="909" y="90"/>
                  </a:cubicBezTo>
                  <a:cubicBezTo>
                    <a:pt x="909" y="95"/>
                    <a:pt x="909" y="95"/>
                    <a:pt x="909" y="95"/>
                  </a:cubicBezTo>
                  <a:cubicBezTo>
                    <a:pt x="910" y="97"/>
                    <a:pt x="907" y="96"/>
                    <a:pt x="910" y="97"/>
                  </a:cubicBezTo>
                  <a:cubicBezTo>
                    <a:pt x="911" y="98"/>
                    <a:pt x="911" y="98"/>
                    <a:pt x="912" y="98"/>
                  </a:cubicBezTo>
                  <a:cubicBezTo>
                    <a:pt x="913" y="97"/>
                    <a:pt x="913" y="97"/>
                    <a:pt x="914" y="99"/>
                  </a:cubicBezTo>
                  <a:cubicBezTo>
                    <a:pt x="916" y="103"/>
                    <a:pt x="913" y="101"/>
                    <a:pt x="916" y="103"/>
                  </a:cubicBezTo>
                  <a:cubicBezTo>
                    <a:pt x="917" y="104"/>
                    <a:pt x="918" y="104"/>
                    <a:pt x="919" y="104"/>
                  </a:cubicBezTo>
                  <a:cubicBezTo>
                    <a:pt x="920" y="104"/>
                    <a:pt x="920" y="104"/>
                    <a:pt x="919" y="105"/>
                  </a:cubicBezTo>
                  <a:cubicBezTo>
                    <a:pt x="916" y="107"/>
                    <a:pt x="914" y="108"/>
                    <a:pt x="914" y="108"/>
                  </a:cubicBezTo>
                  <a:cubicBezTo>
                    <a:pt x="914" y="108"/>
                    <a:pt x="913" y="107"/>
                    <a:pt x="911" y="108"/>
                  </a:cubicBezTo>
                  <a:cubicBezTo>
                    <a:pt x="911" y="109"/>
                    <a:pt x="910" y="108"/>
                    <a:pt x="910" y="108"/>
                  </a:cubicBezTo>
                  <a:cubicBezTo>
                    <a:pt x="909" y="107"/>
                    <a:pt x="908" y="107"/>
                    <a:pt x="908" y="109"/>
                  </a:cubicBezTo>
                  <a:cubicBezTo>
                    <a:pt x="908" y="112"/>
                    <a:pt x="908" y="113"/>
                    <a:pt x="908" y="114"/>
                  </a:cubicBezTo>
                  <a:cubicBezTo>
                    <a:pt x="906" y="117"/>
                    <a:pt x="906" y="116"/>
                    <a:pt x="906" y="118"/>
                  </a:cubicBezTo>
                  <a:cubicBezTo>
                    <a:pt x="906" y="121"/>
                    <a:pt x="907" y="122"/>
                    <a:pt x="905" y="122"/>
                  </a:cubicBezTo>
                  <a:cubicBezTo>
                    <a:pt x="903" y="123"/>
                    <a:pt x="903" y="123"/>
                    <a:pt x="903" y="123"/>
                  </a:cubicBezTo>
                  <a:cubicBezTo>
                    <a:pt x="901" y="125"/>
                    <a:pt x="901" y="125"/>
                    <a:pt x="901" y="125"/>
                  </a:cubicBezTo>
                  <a:cubicBezTo>
                    <a:pt x="899" y="127"/>
                    <a:pt x="898" y="127"/>
                    <a:pt x="898" y="128"/>
                  </a:cubicBezTo>
                  <a:cubicBezTo>
                    <a:pt x="897" y="129"/>
                    <a:pt x="897" y="128"/>
                    <a:pt x="897" y="130"/>
                  </a:cubicBezTo>
                  <a:cubicBezTo>
                    <a:pt x="898" y="132"/>
                    <a:pt x="897" y="134"/>
                    <a:pt x="897" y="134"/>
                  </a:cubicBezTo>
                  <a:cubicBezTo>
                    <a:pt x="894" y="134"/>
                    <a:pt x="894" y="134"/>
                    <a:pt x="894" y="134"/>
                  </a:cubicBezTo>
                  <a:cubicBezTo>
                    <a:pt x="890" y="136"/>
                    <a:pt x="890" y="136"/>
                    <a:pt x="889" y="137"/>
                  </a:cubicBezTo>
                  <a:cubicBezTo>
                    <a:pt x="888" y="140"/>
                    <a:pt x="888" y="141"/>
                    <a:pt x="888" y="140"/>
                  </a:cubicBezTo>
                  <a:cubicBezTo>
                    <a:pt x="888" y="139"/>
                    <a:pt x="887" y="136"/>
                    <a:pt x="887" y="136"/>
                  </a:cubicBezTo>
                  <a:cubicBezTo>
                    <a:pt x="886" y="133"/>
                    <a:pt x="884" y="132"/>
                    <a:pt x="884" y="132"/>
                  </a:cubicBezTo>
                  <a:cubicBezTo>
                    <a:pt x="884" y="132"/>
                    <a:pt x="880" y="129"/>
                    <a:pt x="880" y="128"/>
                  </a:cubicBezTo>
                  <a:cubicBezTo>
                    <a:pt x="879" y="125"/>
                    <a:pt x="880" y="124"/>
                    <a:pt x="879" y="122"/>
                  </a:cubicBezTo>
                  <a:cubicBezTo>
                    <a:pt x="879" y="121"/>
                    <a:pt x="877" y="120"/>
                    <a:pt x="879" y="119"/>
                  </a:cubicBezTo>
                  <a:cubicBezTo>
                    <a:pt x="880" y="118"/>
                    <a:pt x="880" y="116"/>
                    <a:pt x="882" y="117"/>
                  </a:cubicBezTo>
                  <a:cubicBezTo>
                    <a:pt x="883" y="118"/>
                    <a:pt x="883" y="120"/>
                    <a:pt x="883" y="118"/>
                  </a:cubicBezTo>
                  <a:cubicBezTo>
                    <a:pt x="883" y="118"/>
                    <a:pt x="884" y="116"/>
                    <a:pt x="884" y="115"/>
                  </a:cubicBezTo>
                  <a:cubicBezTo>
                    <a:pt x="884" y="114"/>
                    <a:pt x="882" y="111"/>
                    <a:pt x="882" y="111"/>
                  </a:cubicBezTo>
                  <a:cubicBezTo>
                    <a:pt x="882" y="108"/>
                    <a:pt x="882" y="108"/>
                    <a:pt x="882" y="108"/>
                  </a:cubicBezTo>
                  <a:cubicBezTo>
                    <a:pt x="881" y="106"/>
                    <a:pt x="881" y="106"/>
                    <a:pt x="881" y="106"/>
                  </a:cubicBezTo>
                  <a:cubicBezTo>
                    <a:pt x="879" y="103"/>
                    <a:pt x="879" y="103"/>
                    <a:pt x="879" y="103"/>
                  </a:cubicBezTo>
                  <a:cubicBezTo>
                    <a:pt x="877" y="104"/>
                    <a:pt x="877" y="104"/>
                    <a:pt x="877" y="104"/>
                  </a:cubicBezTo>
                  <a:cubicBezTo>
                    <a:pt x="873" y="102"/>
                    <a:pt x="873" y="102"/>
                    <a:pt x="873" y="102"/>
                  </a:cubicBezTo>
                  <a:cubicBezTo>
                    <a:pt x="870" y="101"/>
                    <a:pt x="870" y="101"/>
                    <a:pt x="870" y="101"/>
                  </a:cubicBezTo>
                  <a:cubicBezTo>
                    <a:pt x="870" y="101"/>
                    <a:pt x="870" y="100"/>
                    <a:pt x="869" y="100"/>
                  </a:cubicBezTo>
                  <a:cubicBezTo>
                    <a:pt x="868" y="99"/>
                    <a:pt x="866" y="98"/>
                    <a:pt x="865" y="100"/>
                  </a:cubicBezTo>
                  <a:cubicBezTo>
                    <a:pt x="863" y="101"/>
                    <a:pt x="862" y="102"/>
                    <a:pt x="862" y="103"/>
                  </a:cubicBezTo>
                  <a:cubicBezTo>
                    <a:pt x="862" y="104"/>
                    <a:pt x="860" y="104"/>
                    <a:pt x="860" y="105"/>
                  </a:cubicBezTo>
                  <a:cubicBezTo>
                    <a:pt x="861" y="108"/>
                    <a:pt x="860" y="106"/>
                    <a:pt x="859" y="107"/>
                  </a:cubicBezTo>
                  <a:cubicBezTo>
                    <a:pt x="856" y="110"/>
                    <a:pt x="855" y="111"/>
                    <a:pt x="855" y="112"/>
                  </a:cubicBezTo>
                  <a:cubicBezTo>
                    <a:pt x="855" y="114"/>
                    <a:pt x="854" y="115"/>
                    <a:pt x="854" y="115"/>
                  </a:cubicBezTo>
                  <a:cubicBezTo>
                    <a:pt x="854" y="115"/>
                    <a:pt x="854" y="112"/>
                    <a:pt x="854" y="110"/>
                  </a:cubicBezTo>
                  <a:cubicBezTo>
                    <a:pt x="854" y="108"/>
                    <a:pt x="854" y="106"/>
                    <a:pt x="854" y="106"/>
                  </a:cubicBezTo>
                  <a:cubicBezTo>
                    <a:pt x="855" y="105"/>
                    <a:pt x="859" y="104"/>
                    <a:pt x="855" y="103"/>
                  </a:cubicBezTo>
                  <a:cubicBezTo>
                    <a:pt x="852" y="101"/>
                    <a:pt x="850" y="102"/>
                    <a:pt x="851" y="101"/>
                  </a:cubicBezTo>
                  <a:cubicBezTo>
                    <a:pt x="851" y="98"/>
                    <a:pt x="852" y="98"/>
                    <a:pt x="853" y="98"/>
                  </a:cubicBezTo>
                  <a:cubicBezTo>
                    <a:pt x="854" y="99"/>
                    <a:pt x="856" y="100"/>
                    <a:pt x="856" y="98"/>
                  </a:cubicBezTo>
                  <a:cubicBezTo>
                    <a:pt x="855" y="95"/>
                    <a:pt x="856" y="95"/>
                    <a:pt x="854" y="94"/>
                  </a:cubicBezTo>
                  <a:cubicBezTo>
                    <a:pt x="852" y="94"/>
                    <a:pt x="851" y="92"/>
                    <a:pt x="851" y="93"/>
                  </a:cubicBezTo>
                  <a:cubicBezTo>
                    <a:pt x="850" y="93"/>
                    <a:pt x="848" y="91"/>
                    <a:pt x="847" y="91"/>
                  </a:cubicBezTo>
                  <a:cubicBezTo>
                    <a:pt x="846" y="90"/>
                    <a:pt x="846" y="89"/>
                    <a:pt x="845" y="89"/>
                  </a:cubicBezTo>
                  <a:cubicBezTo>
                    <a:pt x="844" y="88"/>
                    <a:pt x="843" y="87"/>
                    <a:pt x="842" y="88"/>
                  </a:cubicBezTo>
                  <a:cubicBezTo>
                    <a:pt x="841" y="90"/>
                    <a:pt x="843" y="90"/>
                    <a:pt x="841" y="91"/>
                  </a:cubicBezTo>
                  <a:cubicBezTo>
                    <a:pt x="838" y="92"/>
                    <a:pt x="836" y="91"/>
                    <a:pt x="834" y="91"/>
                  </a:cubicBezTo>
                  <a:cubicBezTo>
                    <a:pt x="831" y="91"/>
                    <a:pt x="830" y="89"/>
                    <a:pt x="831" y="88"/>
                  </a:cubicBezTo>
                  <a:cubicBezTo>
                    <a:pt x="831" y="88"/>
                    <a:pt x="831" y="88"/>
                    <a:pt x="830" y="88"/>
                  </a:cubicBezTo>
                  <a:cubicBezTo>
                    <a:pt x="829" y="89"/>
                    <a:pt x="828" y="90"/>
                    <a:pt x="832" y="87"/>
                  </a:cubicBezTo>
                  <a:cubicBezTo>
                    <a:pt x="839" y="82"/>
                    <a:pt x="840" y="82"/>
                    <a:pt x="841" y="82"/>
                  </a:cubicBezTo>
                  <a:cubicBezTo>
                    <a:pt x="842" y="83"/>
                    <a:pt x="843" y="83"/>
                    <a:pt x="843" y="82"/>
                  </a:cubicBezTo>
                  <a:cubicBezTo>
                    <a:pt x="843" y="81"/>
                    <a:pt x="844" y="79"/>
                    <a:pt x="843" y="78"/>
                  </a:cubicBezTo>
                  <a:cubicBezTo>
                    <a:pt x="841" y="78"/>
                    <a:pt x="842" y="76"/>
                    <a:pt x="839" y="76"/>
                  </a:cubicBezTo>
                  <a:cubicBezTo>
                    <a:pt x="838" y="75"/>
                    <a:pt x="838" y="76"/>
                    <a:pt x="838" y="76"/>
                  </a:cubicBezTo>
                  <a:cubicBezTo>
                    <a:pt x="838" y="76"/>
                    <a:pt x="839" y="76"/>
                    <a:pt x="837" y="75"/>
                  </a:cubicBezTo>
                  <a:cubicBezTo>
                    <a:pt x="835" y="74"/>
                    <a:pt x="834" y="73"/>
                    <a:pt x="833" y="72"/>
                  </a:cubicBezTo>
                  <a:cubicBezTo>
                    <a:pt x="831" y="70"/>
                    <a:pt x="830" y="68"/>
                    <a:pt x="830" y="67"/>
                  </a:cubicBezTo>
                  <a:cubicBezTo>
                    <a:pt x="830" y="67"/>
                    <a:pt x="828" y="67"/>
                    <a:pt x="828" y="67"/>
                  </a:cubicBezTo>
                  <a:cubicBezTo>
                    <a:pt x="827" y="64"/>
                    <a:pt x="827" y="63"/>
                    <a:pt x="827" y="62"/>
                  </a:cubicBezTo>
                  <a:cubicBezTo>
                    <a:pt x="827" y="60"/>
                    <a:pt x="828" y="61"/>
                    <a:pt x="827" y="59"/>
                  </a:cubicBezTo>
                  <a:cubicBezTo>
                    <a:pt x="825" y="57"/>
                    <a:pt x="824" y="55"/>
                    <a:pt x="823" y="55"/>
                  </a:cubicBezTo>
                  <a:cubicBezTo>
                    <a:pt x="822" y="54"/>
                    <a:pt x="819" y="50"/>
                    <a:pt x="818" y="50"/>
                  </a:cubicBezTo>
                  <a:cubicBezTo>
                    <a:pt x="818" y="50"/>
                    <a:pt x="817" y="49"/>
                    <a:pt x="816" y="49"/>
                  </a:cubicBezTo>
                  <a:cubicBezTo>
                    <a:pt x="815" y="49"/>
                    <a:pt x="812" y="48"/>
                    <a:pt x="811" y="48"/>
                  </a:cubicBezTo>
                  <a:cubicBezTo>
                    <a:pt x="811" y="48"/>
                    <a:pt x="811" y="48"/>
                    <a:pt x="810" y="48"/>
                  </a:cubicBezTo>
                  <a:cubicBezTo>
                    <a:pt x="810" y="47"/>
                    <a:pt x="809" y="47"/>
                    <a:pt x="809" y="47"/>
                  </a:cubicBezTo>
                  <a:cubicBezTo>
                    <a:pt x="808" y="48"/>
                    <a:pt x="808" y="46"/>
                    <a:pt x="808" y="46"/>
                  </a:cubicBezTo>
                  <a:cubicBezTo>
                    <a:pt x="808" y="46"/>
                    <a:pt x="811" y="45"/>
                    <a:pt x="812" y="45"/>
                  </a:cubicBezTo>
                  <a:cubicBezTo>
                    <a:pt x="815" y="45"/>
                    <a:pt x="818" y="42"/>
                    <a:pt x="818" y="42"/>
                  </a:cubicBezTo>
                  <a:cubicBezTo>
                    <a:pt x="819" y="40"/>
                    <a:pt x="819" y="40"/>
                    <a:pt x="819" y="40"/>
                  </a:cubicBezTo>
                  <a:cubicBezTo>
                    <a:pt x="822" y="36"/>
                    <a:pt x="822" y="36"/>
                    <a:pt x="822" y="36"/>
                  </a:cubicBezTo>
                  <a:cubicBezTo>
                    <a:pt x="821" y="34"/>
                    <a:pt x="821" y="34"/>
                    <a:pt x="821" y="34"/>
                  </a:cubicBezTo>
                  <a:cubicBezTo>
                    <a:pt x="821" y="34"/>
                    <a:pt x="821" y="34"/>
                    <a:pt x="820" y="32"/>
                  </a:cubicBezTo>
                  <a:cubicBezTo>
                    <a:pt x="820" y="31"/>
                    <a:pt x="821" y="32"/>
                    <a:pt x="820" y="31"/>
                  </a:cubicBezTo>
                  <a:cubicBezTo>
                    <a:pt x="820" y="31"/>
                    <a:pt x="822" y="30"/>
                    <a:pt x="823" y="30"/>
                  </a:cubicBezTo>
                  <a:cubicBezTo>
                    <a:pt x="824" y="30"/>
                    <a:pt x="829" y="29"/>
                    <a:pt x="829" y="29"/>
                  </a:cubicBezTo>
                  <a:cubicBezTo>
                    <a:pt x="829" y="29"/>
                    <a:pt x="832" y="29"/>
                    <a:pt x="833" y="29"/>
                  </a:cubicBezTo>
                  <a:cubicBezTo>
                    <a:pt x="836" y="31"/>
                    <a:pt x="843" y="28"/>
                    <a:pt x="842" y="28"/>
                  </a:cubicBezTo>
                  <a:cubicBezTo>
                    <a:pt x="842" y="28"/>
                    <a:pt x="843" y="28"/>
                    <a:pt x="844" y="24"/>
                  </a:cubicBezTo>
                  <a:cubicBezTo>
                    <a:pt x="844" y="20"/>
                    <a:pt x="844" y="19"/>
                    <a:pt x="845" y="19"/>
                  </a:cubicBezTo>
                  <a:cubicBezTo>
                    <a:pt x="845" y="19"/>
                    <a:pt x="847" y="18"/>
                    <a:pt x="847" y="18"/>
                  </a:cubicBezTo>
                  <a:cubicBezTo>
                    <a:pt x="847" y="18"/>
                    <a:pt x="848" y="17"/>
                    <a:pt x="849" y="16"/>
                  </a:cubicBezTo>
                  <a:cubicBezTo>
                    <a:pt x="850" y="16"/>
                    <a:pt x="851" y="15"/>
                    <a:pt x="852" y="14"/>
                  </a:cubicBezTo>
                  <a:cubicBezTo>
                    <a:pt x="852" y="13"/>
                    <a:pt x="855" y="8"/>
                    <a:pt x="855" y="7"/>
                  </a:cubicBezTo>
                  <a:cubicBezTo>
                    <a:pt x="855" y="7"/>
                    <a:pt x="854" y="5"/>
                    <a:pt x="854" y="5"/>
                  </a:cubicBezTo>
                  <a:cubicBezTo>
                    <a:pt x="854" y="5"/>
                    <a:pt x="852" y="4"/>
                    <a:pt x="851" y="4"/>
                  </a:cubicBezTo>
                  <a:cubicBezTo>
                    <a:pt x="851" y="4"/>
                    <a:pt x="848" y="2"/>
                    <a:pt x="847" y="2"/>
                  </a:cubicBezTo>
                  <a:cubicBezTo>
                    <a:pt x="846" y="3"/>
                    <a:pt x="842" y="3"/>
                    <a:pt x="841" y="3"/>
                  </a:cubicBezTo>
                  <a:cubicBezTo>
                    <a:pt x="837" y="2"/>
                    <a:pt x="835" y="3"/>
                    <a:pt x="835" y="3"/>
                  </a:cubicBezTo>
                  <a:cubicBezTo>
                    <a:pt x="835" y="3"/>
                    <a:pt x="834" y="1"/>
                    <a:pt x="832" y="1"/>
                  </a:cubicBezTo>
                  <a:cubicBezTo>
                    <a:pt x="829" y="1"/>
                    <a:pt x="830" y="0"/>
                    <a:pt x="828" y="0"/>
                  </a:cubicBezTo>
                  <a:cubicBezTo>
                    <a:pt x="826" y="0"/>
                    <a:pt x="824" y="0"/>
                    <a:pt x="822" y="0"/>
                  </a:cubicBezTo>
                  <a:cubicBezTo>
                    <a:pt x="821" y="1"/>
                    <a:pt x="820" y="0"/>
                    <a:pt x="819" y="0"/>
                  </a:cubicBezTo>
                  <a:cubicBezTo>
                    <a:pt x="818" y="0"/>
                    <a:pt x="817" y="0"/>
                    <a:pt x="816" y="0"/>
                  </a:cubicBezTo>
                  <a:cubicBezTo>
                    <a:pt x="815" y="1"/>
                    <a:pt x="814" y="0"/>
                    <a:pt x="814" y="0"/>
                  </a:cubicBezTo>
                  <a:cubicBezTo>
                    <a:pt x="813" y="0"/>
                    <a:pt x="812" y="0"/>
                    <a:pt x="811" y="0"/>
                  </a:cubicBezTo>
                  <a:cubicBezTo>
                    <a:pt x="810" y="0"/>
                    <a:pt x="809" y="0"/>
                    <a:pt x="809" y="0"/>
                  </a:cubicBezTo>
                  <a:cubicBezTo>
                    <a:pt x="808" y="0"/>
                    <a:pt x="807" y="0"/>
                    <a:pt x="805" y="1"/>
                  </a:cubicBezTo>
                  <a:cubicBezTo>
                    <a:pt x="803" y="2"/>
                    <a:pt x="803" y="2"/>
                    <a:pt x="802" y="3"/>
                  </a:cubicBezTo>
                  <a:cubicBezTo>
                    <a:pt x="802" y="4"/>
                    <a:pt x="801" y="4"/>
                    <a:pt x="801" y="4"/>
                  </a:cubicBezTo>
                  <a:cubicBezTo>
                    <a:pt x="800" y="3"/>
                    <a:pt x="800" y="3"/>
                    <a:pt x="801" y="5"/>
                  </a:cubicBezTo>
                  <a:cubicBezTo>
                    <a:pt x="802" y="7"/>
                    <a:pt x="802" y="9"/>
                    <a:pt x="802" y="9"/>
                  </a:cubicBezTo>
                  <a:cubicBezTo>
                    <a:pt x="802" y="9"/>
                    <a:pt x="801" y="7"/>
                    <a:pt x="800" y="8"/>
                  </a:cubicBezTo>
                  <a:cubicBezTo>
                    <a:pt x="799" y="8"/>
                    <a:pt x="799" y="8"/>
                    <a:pt x="798" y="8"/>
                  </a:cubicBezTo>
                  <a:cubicBezTo>
                    <a:pt x="798" y="8"/>
                    <a:pt x="797" y="7"/>
                    <a:pt x="797" y="8"/>
                  </a:cubicBezTo>
                  <a:cubicBezTo>
                    <a:pt x="797" y="10"/>
                    <a:pt x="797" y="10"/>
                    <a:pt x="797" y="12"/>
                  </a:cubicBezTo>
                  <a:cubicBezTo>
                    <a:pt x="796" y="15"/>
                    <a:pt x="796" y="13"/>
                    <a:pt x="796" y="15"/>
                  </a:cubicBezTo>
                  <a:cubicBezTo>
                    <a:pt x="796" y="16"/>
                    <a:pt x="797" y="18"/>
                    <a:pt x="796" y="20"/>
                  </a:cubicBezTo>
                  <a:cubicBezTo>
                    <a:pt x="795" y="22"/>
                    <a:pt x="795" y="23"/>
                    <a:pt x="795" y="24"/>
                  </a:cubicBezTo>
                  <a:cubicBezTo>
                    <a:pt x="795" y="25"/>
                    <a:pt x="794" y="27"/>
                    <a:pt x="795" y="28"/>
                  </a:cubicBezTo>
                  <a:cubicBezTo>
                    <a:pt x="796" y="28"/>
                    <a:pt x="795" y="28"/>
                    <a:pt x="797" y="30"/>
                  </a:cubicBezTo>
                  <a:cubicBezTo>
                    <a:pt x="799" y="31"/>
                    <a:pt x="799" y="33"/>
                    <a:pt x="799" y="34"/>
                  </a:cubicBezTo>
                  <a:cubicBezTo>
                    <a:pt x="800" y="35"/>
                    <a:pt x="800" y="36"/>
                    <a:pt x="801" y="37"/>
                  </a:cubicBezTo>
                  <a:cubicBezTo>
                    <a:pt x="801" y="39"/>
                    <a:pt x="800" y="40"/>
                    <a:pt x="800" y="42"/>
                  </a:cubicBezTo>
                  <a:cubicBezTo>
                    <a:pt x="800" y="44"/>
                    <a:pt x="800" y="45"/>
                    <a:pt x="800" y="45"/>
                  </a:cubicBezTo>
                  <a:cubicBezTo>
                    <a:pt x="800" y="48"/>
                    <a:pt x="801" y="46"/>
                    <a:pt x="800" y="48"/>
                  </a:cubicBezTo>
                  <a:cubicBezTo>
                    <a:pt x="799" y="50"/>
                    <a:pt x="797" y="49"/>
                    <a:pt x="796" y="50"/>
                  </a:cubicBezTo>
                  <a:cubicBezTo>
                    <a:pt x="795" y="53"/>
                    <a:pt x="795" y="52"/>
                    <a:pt x="796" y="53"/>
                  </a:cubicBezTo>
                  <a:cubicBezTo>
                    <a:pt x="798" y="54"/>
                    <a:pt x="799" y="56"/>
                    <a:pt x="798" y="56"/>
                  </a:cubicBezTo>
                  <a:cubicBezTo>
                    <a:pt x="795" y="57"/>
                    <a:pt x="792" y="56"/>
                    <a:pt x="792" y="56"/>
                  </a:cubicBezTo>
                  <a:cubicBezTo>
                    <a:pt x="792" y="56"/>
                    <a:pt x="791" y="56"/>
                    <a:pt x="790" y="57"/>
                  </a:cubicBezTo>
                  <a:cubicBezTo>
                    <a:pt x="789" y="58"/>
                    <a:pt x="788" y="60"/>
                    <a:pt x="787" y="61"/>
                  </a:cubicBezTo>
                  <a:cubicBezTo>
                    <a:pt x="786" y="63"/>
                    <a:pt x="786" y="62"/>
                    <a:pt x="786" y="64"/>
                  </a:cubicBezTo>
                  <a:cubicBezTo>
                    <a:pt x="786" y="66"/>
                    <a:pt x="785" y="68"/>
                    <a:pt x="786" y="70"/>
                  </a:cubicBezTo>
                  <a:cubicBezTo>
                    <a:pt x="787" y="71"/>
                    <a:pt x="786" y="70"/>
                    <a:pt x="788" y="71"/>
                  </a:cubicBezTo>
                  <a:cubicBezTo>
                    <a:pt x="790" y="72"/>
                    <a:pt x="791" y="73"/>
                    <a:pt x="792" y="73"/>
                  </a:cubicBezTo>
                  <a:cubicBezTo>
                    <a:pt x="793" y="73"/>
                    <a:pt x="789" y="75"/>
                    <a:pt x="789" y="77"/>
                  </a:cubicBezTo>
                  <a:cubicBezTo>
                    <a:pt x="788" y="78"/>
                    <a:pt x="787" y="80"/>
                    <a:pt x="788" y="81"/>
                  </a:cubicBezTo>
                  <a:cubicBezTo>
                    <a:pt x="789" y="84"/>
                    <a:pt x="790" y="86"/>
                    <a:pt x="791" y="87"/>
                  </a:cubicBezTo>
                  <a:cubicBezTo>
                    <a:pt x="791" y="88"/>
                    <a:pt x="793" y="88"/>
                    <a:pt x="793" y="89"/>
                  </a:cubicBezTo>
                  <a:cubicBezTo>
                    <a:pt x="794" y="89"/>
                    <a:pt x="796" y="89"/>
                    <a:pt x="796" y="89"/>
                  </a:cubicBezTo>
                  <a:cubicBezTo>
                    <a:pt x="799" y="90"/>
                    <a:pt x="799" y="90"/>
                    <a:pt x="799" y="90"/>
                  </a:cubicBezTo>
                  <a:cubicBezTo>
                    <a:pt x="802" y="91"/>
                    <a:pt x="802" y="91"/>
                    <a:pt x="802" y="91"/>
                  </a:cubicBezTo>
                  <a:cubicBezTo>
                    <a:pt x="805" y="93"/>
                    <a:pt x="809" y="94"/>
                    <a:pt x="809" y="94"/>
                  </a:cubicBezTo>
                  <a:cubicBezTo>
                    <a:pt x="812" y="94"/>
                    <a:pt x="812" y="94"/>
                    <a:pt x="812" y="94"/>
                  </a:cubicBezTo>
                  <a:cubicBezTo>
                    <a:pt x="812" y="94"/>
                    <a:pt x="813" y="95"/>
                    <a:pt x="814" y="96"/>
                  </a:cubicBezTo>
                  <a:cubicBezTo>
                    <a:pt x="813" y="96"/>
                    <a:pt x="813" y="96"/>
                    <a:pt x="813" y="97"/>
                  </a:cubicBezTo>
                  <a:cubicBezTo>
                    <a:pt x="812" y="99"/>
                    <a:pt x="811" y="97"/>
                    <a:pt x="812" y="99"/>
                  </a:cubicBezTo>
                  <a:cubicBezTo>
                    <a:pt x="812" y="102"/>
                    <a:pt x="813" y="101"/>
                    <a:pt x="813" y="102"/>
                  </a:cubicBezTo>
                  <a:cubicBezTo>
                    <a:pt x="813" y="103"/>
                    <a:pt x="811" y="105"/>
                    <a:pt x="811" y="105"/>
                  </a:cubicBezTo>
                  <a:cubicBezTo>
                    <a:pt x="811" y="105"/>
                    <a:pt x="808" y="107"/>
                    <a:pt x="809" y="107"/>
                  </a:cubicBezTo>
                  <a:cubicBezTo>
                    <a:pt x="812" y="108"/>
                    <a:pt x="814" y="108"/>
                    <a:pt x="815" y="107"/>
                  </a:cubicBezTo>
                  <a:cubicBezTo>
                    <a:pt x="816" y="107"/>
                    <a:pt x="816" y="106"/>
                    <a:pt x="816" y="105"/>
                  </a:cubicBezTo>
                  <a:cubicBezTo>
                    <a:pt x="817" y="104"/>
                    <a:pt x="818" y="102"/>
                    <a:pt x="818" y="102"/>
                  </a:cubicBezTo>
                  <a:cubicBezTo>
                    <a:pt x="818" y="102"/>
                    <a:pt x="820" y="104"/>
                    <a:pt x="819" y="105"/>
                  </a:cubicBezTo>
                  <a:cubicBezTo>
                    <a:pt x="819" y="106"/>
                    <a:pt x="819" y="108"/>
                    <a:pt x="819" y="108"/>
                  </a:cubicBezTo>
                  <a:cubicBezTo>
                    <a:pt x="818" y="111"/>
                    <a:pt x="820" y="110"/>
                    <a:pt x="818" y="112"/>
                  </a:cubicBezTo>
                  <a:cubicBezTo>
                    <a:pt x="816" y="114"/>
                    <a:pt x="813" y="117"/>
                    <a:pt x="813" y="117"/>
                  </a:cubicBezTo>
                  <a:cubicBezTo>
                    <a:pt x="813" y="117"/>
                    <a:pt x="812" y="116"/>
                    <a:pt x="811" y="118"/>
                  </a:cubicBezTo>
                  <a:cubicBezTo>
                    <a:pt x="810" y="120"/>
                    <a:pt x="808" y="119"/>
                    <a:pt x="807" y="120"/>
                  </a:cubicBezTo>
                  <a:cubicBezTo>
                    <a:pt x="806" y="120"/>
                    <a:pt x="806" y="120"/>
                    <a:pt x="806" y="120"/>
                  </a:cubicBezTo>
                  <a:cubicBezTo>
                    <a:pt x="805" y="120"/>
                    <a:pt x="805" y="119"/>
                    <a:pt x="804" y="120"/>
                  </a:cubicBezTo>
                  <a:cubicBezTo>
                    <a:pt x="802" y="121"/>
                    <a:pt x="802" y="121"/>
                    <a:pt x="802" y="121"/>
                  </a:cubicBezTo>
                  <a:cubicBezTo>
                    <a:pt x="802" y="120"/>
                    <a:pt x="802" y="120"/>
                    <a:pt x="800" y="121"/>
                  </a:cubicBezTo>
                  <a:cubicBezTo>
                    <a:pt x="799" y="122"/>
                    <a:pt x="799" y="122"/>
                    <a:pt x="798" y="121"/>
                  </a:cubicBezTo>
                  <a:cubicBezTo>
                    <a:pt x="798" y="121"/>
                    <a:pt x="798" y="121"/>
                    <a:pt x="798" y="123"/>
                  </a:cubicBezTo>
                  <a:cubicBezTo>
                    <a:pt x="797" y="127"/>
                    <a:pt x="794" y="127"/>
                    <a:pt x="796" y="128"/>
                  </a:cubicBezTo>
                  <a:cubicBezTo>
                    <a:pt x="797" y="129"/>
                    <a:pt x="798" y="128"/>
                    <a:pt x="799" y="130"/>
                  </a:cubicBezTo>
                  <a:cubicBezTo>
                    <a:pt x="799" y="133"/>
                    <a:pt x="800" y="133"/>
                    <a:pt x="800" y="135"/>
                  </a:cubicBezTo>
                  <a:cubicBezTo>
                    <a:pt x="801" y="137"/>
                    <a:pt x="801" y="136"/>
                    <a:pt x="800" y="138"/>
                  </a:cubicBezTo>
                  <a:cubicBezTo>
                    <a:pt x="800" y="140"/>
                    <a:pt x="799" y="141"/>
                    <a:pt x="799" y="142"/>
                  </a:cubicBezTo>
                  <a:cubicBezTo>
                    <a:pt x="799" y="141"/>
                    <a:pt x="799" y="141"/>
                    <a:pt x="798" y="140"/>
                  </a:cubicBezTo>
                  <a:cubicBezTo>
                    <a:pt x="797" y="136"/>
                    <a:pt x="798" y="134"/>
                    <a:pt x="797" y="135"/>
                  </a:cubicBezTo>
                  <a:cubicBezTo>
                    <a:pt x="796" y="135"/>
                    <a:pt x="795" y="134"/>
                    <a:pt x="794" y="134"/>
                  </a:cubicBezTo>
                  <a:cubicBezTo>
                    <a:pt x="791" y="134"/>
                    <a:pt x="790" y="133"/>
                    <a:pt x="790" y="132"/>
                  </a:cubicBezTo>
                  <a:cubicBezTo>
                    <a:pt x="789" y="130"/>
                    <a:pt x="788" y="129"/>
                    <a:pt x="790" y="128"/>
                  </a:cubicBezTo>
                  <a:cubicBezTo>
                    <a:pt x="792" y="128"/>
                    <a:pt x="793" y="127"/>
                    <a:pt x="793" y="126"/>
                  </a:cubicBezTo>
                  <a:cubicBezTo>
                    <a:pt x="793" y="125"/>
                    <a:pt x="793" y="124"/>
                    <a:pt x="793" y="123"/>
                  </a:cubicBezTo>
                  <a:cubicBezTo>
                    <a:pt x="793" y="122"/>
                    <a:pt x="793" y="121"/>
                    <a:pt x="793" y="121"/>
                  </a:cubicBezTo>
                  <a:cubicBezTo>
                    <a:pt x="792" y="119"/>
                    <a:pt x="793" y="117"/>
                    <a:pt x="792" y="118"/>
                  </a:cubicBezTo>
                  <a:cubicBezTo>
                    <a:pt x="788" y="119"/>
                    <a:pt x="789" y="118"/>
                    <a:pt x="788" y="119"/>
                  </a:cubicBezTo>
                  <a:cubicBezTo>
                    <a:pt x="787" y="117"/>
                    <a:pt x="787" y="117"/>
                    <a:pt x="787" y="117"/>
                  </a:cubicBezTo>
                  <a:cubicBezTo>
                    <a:pt x="784" y="118"/>
                    <a:pt x="786" y="118"/>
                    <a:pt x="784" y="118"/>
                  </a:cubicBezTo>
                  <a:cubicBezTo>
                    <a:pt x="781" y="117"/>
                    <a:pt x="781" y="117"/>
                    <a:pt x="781" y="116"/>
                  </a:cubicBezTo>
                  <a:cubicBezTo>
                    <a:pt x="780" y="114"/>
                    <a:pt x="781" y="113"/>
                    <a:pt x="780" y="113"/>
                  </a:cubicBezTo>
                  <a:cubicBezTo>
                    <a:pt x="777" y="112"/>
                    <a:pt x="780" y="112"/>
                    <a:pt x="777" y="112"/>
                  </a:cubicBezTo>
                  <a:cubicBezTo>
                    <a:pt x="776" y="112"/>
                    <a:pt x="775" y="112"/>
                    <a:pt x="774" y="112"/>
                  </a:cubicBezTo>
                  <a:cubicBezTo>
                    <a:pt x="773" y="112"/>
                    <a:pt x="773" y="112"/>
                    <a:pt x="772" y="113"/>
                  </a:cubicBezTo>
                  <a:cubicBezTo>
                    <a:pt x="772" y="115"/>
                    <a:pt x="774" y="114"/>
                    <a:pt x="772" y="115"/>
                  </a:cubicBezTo>
                  <a:cubicBezTo>
                    <a:pt x="769" y="116"/>
                    <a:pt x="769" y="117"/>
                    <a:pt x="768" y="116"/>
                  </a:cubicBezTo>
                  <a:cubicBezTo>
                    <a:pt x="767" y="116"/>
                    <a:pt x="766" y="115"/>
                    <a:pt x="766" y="115"/>
                  </a:cubicBezTo>
                  <a:cubicBezTo>
                    <a:pt x="764" y="116"/>
                    <a:pt x="763" y="116"/>
                    <a:pt x="763" y="116"/>
                  </a:cubicBezTo>
                  <a:cubicBezTo>
                    <a:pt x="762" y="115"/>
                    <a:pt x="762" y="115"/>
                    <a:pt x="763" y="116"/>
                  </a:cubicBezTo>
                  <a:cubicBezTo>
                    <a:pt x="764" y="118"/>
                    <a:pt x="765" y="117"/>
                    <a:pt x="765" y="118"/>
                  </a:cubicBezTo>
                  <a:cubicBezTo>
                    <a:pt x="765" y="120"/>
                    <a:pt x="765" y="121"/>
                    <a:pt x="765" y="121"/>
                  </a:cubicBezTo>
                  <a:cubicBezTo>
                    <a:pt x="765" y="121"/>
                    <a:pt x="764" y="121"/>
                    <a:pt x="763" y="122"/>
                  </a:cubicBezTo>
                  <a:cubicBezTo>
                    <a:pt x="763" y="122"/>
                    <a:pt x="762" y="123"/>
                    <a:pt x="763" y="125"/>
                  </a:cubicBezTo>
                  <a:cubicBezTo>
                    <a:pt x="763" y="128"/>
                    <a:pt x="762" y="128"/>
                    <a:pt x="761" y="128"/>
                  </a:cubicBezTo>
                  <a:cubicBezTo>
                    <a:pt x="760" y="128"/>
                    <a:pt x="759" y="126"/>
                    <a:pt x="759" y="126"/>
                  </a:cubicBezTo>
                  <a:cubicBezTo>
                    <a:pt x="759" y="126"/>
                    <a:pt x="761" y="123"/>
                    <a:pt x="757" y="124"/>
                  </a:cubicBezTo>
                  <a:cubicBezTo>
                    <a:pt x="753" y="126"/>
                    <a:pt x="753" y="125"/>
                    <a:pt x="753" y="125"/>
                  </a:cubicBezTo>
                  <a:cubicBezTo>
                    <a:pt x="753" y="125"/>
                    <a:pt x="751" y="126"/>
                    <a:pt x="749" y="126"/>
                  </a:cubicBezTo>
                  <a:cubicBezTo>
                    <a:pt x="748" y="126"/>
                    <a:pt x="745" y="125"/>
                    <a:pt x="744" y="126"/>
                  </a:cubicBezTo>
                  <a:cubicBezTo>
                    <a:pt x="741" y="126"/>
                    <a:pt x="739" y="127"/>
                    <a:pt x="739" y="127"/>
                  </a:cubicBezTo>
                  <a:cubicBezTo>
                    <a:pt x="739" y="127"/>
                    <a:pt x="737" y="127"/>
                    <a:pt x="736" y="127"/>
                  </a:cubicBezTo>
                  <a:cubicBezTo>
                    <a:pt x="733" y="128"/>
                    <a:pt x="731" y="128"/>
                    <a:pt x="731" y="128"/>
                  </a:cubicBezTo>
                  <a:cubicBezTo>
                    <a:pt x="730" y="128"/>
                    <a:pt x="728" y="129"/>
                    <a:pt x="728" y="128"/>
                  </a:cubicBezTo>
                  <a:cubicBezTo>
                    <a:pt x="728" y="128"/>
                    <a:pt x="728" y="126"/>
                    <a:pt x="727" y="126"/>
                  </a:cubicBezTo>
                  <a:cubicBezTo>
                    <a:pt x="725" y="126"/>
                    <a:pt x="723" y="126"/>
                    <a:pt x="722" y="126"/>
                  </a:cubicBezTo>
                  <a:cubicBezTo>
                    <a:pt x="721" y="126"/>
                    <a:pt x="725" y="127"/>
                    <a:pt x="721" y="126"/>
                  </a:cubicBezTo>
                  <a:cubicBezTo>
                    <a:pt x="718" y="125"/>
                    <a:pt x="718" y="125"/>
                    <a:pt x="717" y="124"/>
                  </a:cubicBezTo>
                  <a:cubicBezTo>
                    <a:pt x="715" y="121"/>
                    <a:pt x="716" y="121"/>
                    <a:pt x="714" y="121"/>
                  </a:cubicBezTo>
                  <a:cubicBezTo>
                    <a:pt x="713" y="121"/>
                    <a:pt x="712" y="121"/>
                    <a:pt x="712" y="121"/>
                  </a:cubicBezTo>
                  <a:cubicBezTo>
                    <a:pt x="711" y="120"/>
                    <a:pt x="711" y="120"/>
                    <a:pt x="710" y="121"/>
                  </a:cubicBezTo>
                  <a:cubicBezTo>
                    <a:pt x="709" y="121"/>
                    <a:pt x="709" y="121"/>
                    <a:pt x="708" y="121"/>
                  </a:cubicBezTo>
                  <a:cubicBezTo>
                    <a:pt x="707" y="121"/>
                    <a:pt x="707" y="121"/>
                    <a:pt x="706" y="121"/>
                  </a:cubicBezTo>
                  <a:cubicBezTo>
                    <a:pt x="704" y="122"/>
                    <a:pt x="704" y="123"/>
                    <a:pt x="703" y="122"/>
                  </a:cubicBezTo>
                  <a:cubicBezTo>
                    <a:pt x="701" y="120"/>
                    <a:pt x="701" y="120"/>
                    <a:pt x="701" y="120"/>
                  </a:cubicBezTo>
                  <a:cubicBezTo>
                    <a:pt x="698" y="118"/>
                    <a:pt x="698" y="118"/>
                    <a:pt x="697" y="118"/>
                  </a:cubicBezTo>
                  <a:cubicBezTo>
                    <a:pt x="697" y="117"/>
                    <a:pt x="698" y="117"/>
                    <a:pt x="695" y="116"/>
                  </a:cubicBezTo>
                  <a:cubicBezTo>
                    <a:pt x="692" y="115"/>
                    <a:pt x="691" y="117"/>
                    <a:pt x="690" y="114"/>
                  </a:cubicBezTo>
                  <a:cubicBezTo>
                    <a:pt x="689" y="112"/>
                    <a:pt x="690" y="114"/>
                    <a:pt x="689" y="112"/>
                  </a:cubicBezTo>
                  <a:cubicBezTo>
                    <a:pt x="689" y="111"/>
                    <a:pt x="690" y="112"/>
                    <a:pt x="689" y="111"/>
                  </a:cubicBezTo>
                  <a:cubicBezTo>
                    <a:pt x="688" y="109"/>
                    <a:pt x="688" y="108"/>
                    <a:pt x="687" y="107"/>
                  </a:cubicBezTo>
                  <a:cubicBezTo>
                    <a:pt x="686" y="106"/>
                    <a:pt x="687" y="105"/>
                    <a:pt x="685" y="105"/>
                  </a:cubicBezTo>
                  <a:cubicBezTo>
                    <a:pt x="684" y="105"/>
                    <a:pt x="683" y="104"/>
                    <a:pt x="682" y="104"/>
                  </a:cubicBezTo>
                  <a:cubicBezTo>
                    <a:pt x="681" y="104"/>
                    <a:pt x="681" y="104"/>
                    <a:pt x="682" y="104"/>
                  </a:cubicBezTo>
                  <a:cubicBezTo>
                    <a:pt x="682" y="104"/>
                    <a:pt x="682" y="104"/>
                    <a:pt x="680" y="104"/>
                  </a:cubicBezTo>
                  <a:cubicBezTo>
                    <a:pt x="678" y="105"/>
                    <a:pt x="678" y="105"/>
                    <a:pt x="676" y="106"/>
                  </a:cubicBezTo>
                  <a:cubicBezTo>
                    <a:pt x="674" y="107"/>
                    <a:pt x="676" y="106"/>
                    <a:pt x="674" y="107"/>
                  </a:cubicBezTo>
                  <a:cubicBezTo>
                    <a:pt x="671" y="108"/>
                    <a:pt x="669" y="108"/>
                    <a:pt x="668" y="109"/>
                  </a:cubicBezTo>
                  <a:cubicBezTo>
                    <a:pt x="667" y="110"/>
                    <a:pt x="663" y="110"/>
                    <a:pt x="662" y="110"/>
                  </a:cubicBezTo>
                  <a:cubicBezTo>
                    <a:pt x="660" y="110"/>
                    <a:pt x="658" y="111"/>
                    <a:pt x="658" y="111"/>
                  </a:cubicBezTo>
                  <a:cubicBezTo>
                    <a:pt x="657" y="111"/>
                    <a:pt x="657" y="111"/>
                    <a:pt x="657" y="111"/>
                  </a:cubicBezTo>
                  <a:cubicBezTo>
                    <a:pt x="657" y="111"/>
                    <a:pt x="656" y="111"/>
                    <a:pt x="655" y="112"/>
                  </a:cubicBezTo>
                  <a:cubicBezTo>
                    <a:pt x="653" y="113"/>
                    <a:pt x="652" y="114"/>
                    <a:pt x="652" y="115"/>
                  </a:cubicBezTo>
                  <a:cubicBezTo>
                    <a:pt x="652" y="116"/>
                    <a:pt x="651" y="117"/>
                    <a:pt x="651" y="118"/>
                  </a:cubicBezTo>
                  <a:cubicBezTo>
                    <a:pt x="651" y="118"/>
                    <a:pt x="653" y="120"/>
                    <a:pt x="654" y="120"/>
                  </a:cubicBezTo>
                  <a:cubicBezTo>
                    <a:pt x="656" y="121"/>
                    <a:pt x="655" y="120"/>
                    <a:pt x="657" y="120"/>
                  </a:cubicBezTo>
                  <a:cubicBezTo>
                    <a:pt x="660" y="120"/>
                    <a:pt x="661" y="120"/>
                    <a:pt x="661" y="120"/>
                  </a:cubicBezTo>
                  <a:cubicBezTo>
                    <a:pt x="661" y="120"/>
                    <a:pt x="663" y="118"/>
                    <a:pt x="663" y="118"/>
                  </a:cubicBezTo>
                  <a:cubicBezTo>
                    <a:pt x="664" y="118"/>
                    <a:pt x="664" y="118"/>
                    <a:pt x="664" y="118"/>
                  </a:cubicBezTo>
                  <a:cubicBezTo>
                    <a:pt x="664" y="118"/>
                    <a:pt x="663" y="117"/>
                    <a:pt x="665" y="117"/>
                  </a:cubicBezTo>
                  <a:cubicBezTo>
                    <a:pt x="667" y="117"/>
                    <a:pt x="669" y="117"/>
                    <a:pt x="669" y="117"/>
                  </a:cubicBezTo>
                  <a:cubicBezTo>
                    <a:pt x="669" y="117"/>
                    <a:pt x="670" y="117"/>
                    <a:pt x="672" y="117"/>
                  </a:cubicBezTo>
                  <a:cubicBezTo>
                    <a:pt x="673" y="117"/>
                    <a:pt x="674" y="116"/>
                    <a:pt x="674" y="116"/>
                  </a:cubicBezTo>
                  <a:cubicBezTo>
                    <a:pt x="674" y="116"/>
                    <a:pt x="678" y="114"/>
                    <a:pt x="678" y="114"/>
                  </a:cubicBezTo>
                  <a:cubicBezTo>
                    <a:pt x="679" y="114"/>
                    <a:pt x="680" y="114"/>
                    <a:pt x="681" y="113"/>
                  </a:cubicBezTo>
                  <a:cubicBezTo>
                    <a:pt x="681" y="113"/>
                    <a:pt x="683" y="111"/>
                    <a:pt x="684" y="112"/>
                  </a:cubicBezTo>
                  <a:cubicBezTo>
                    <a:pt x="684" y="112"/>
                    <a:pt x="685" y="112"/>
                    <a:pt x="685" y="114"/>
                  </a:cubicBezTo>
                  <a:cubicBezTo>
                    <a:pt x="684" y="115"/>
                    <a:pt x="682" y="116"/>
                    <a:pt x="682" y="116"/>
                  </a:cubicBezTo>
                  <a:cubicBezTo>
                    <a:pt x="681" y="116"/>
                    <a:pt x="678" y="117"/>
                    <a:pt x="678" y="117"/>
                  </a:cubicBezTo>
                  <a:cubicBezTo>
                    <a:pt x="675" y="119"/>
                    <a:pt x="673" y="120"/>
                    <a:pt x="673" y="120"/>
                  </a:cubicBezTo>
                  <a:cubicBezTo>
                    <a:pt x="673" y="120"/>
                    <a:pt x="672" y="119"/>
                    <a:pt x="671" y="119"/>
                  </a:cubicBezTo>
                  <a:cubicBezTo>
                    <a:pt x="670" y="120"/>
                    <a:pt x="670" y="120"/>
                    <a:pt x="670" y="120"/>
                  </a:cubicBezTo>
                  <a:cubicBezTo>
                    <a:pt x="670" y="120"/>
                    <a:pt x="669" y="120"/>
                    <a:pt x="669" y="120"/>
                  </a:cubicBezTo>
                  <a:cubicBezTo>
                    <a:pt x="665" y="123"/>
                    <a:pt x="665" y="122"/>
                    <a:pt x="664" y="123"/>
                  </a:cubicBezTo>
                  <a:cubicBezTo>
                    <a:pt x="664" y="123"/>
                    <a:pt x="662" y="123"/>
                    <a:pt x="661" y="125"/>
                  </a:cubicBezTo>
                  <a:cubicBezTo>
                    <a:pt x="661" y="128"/>
                    <a:pt x="659" y="126"/>
                    <a:pt x="661" y="128"/>
                  </a:cubicBezTo>
                  <a:cubicBezTo>
                    <a:pt x="662" y="129"/>
                    <a:pt x="663" y="129"/>
                    <a:pt x="663" y="131"/>
                  </a:cubicBezTo>
                  <a:cubicBezTo>
                    <a:pt x="664" y="132"/>
                    <a:pt x="665" y="134"/>
                    <a:pt x="665" y="134"/>
                  </a:cubicBezTo>
                  <a:cubicBezTo>
                    <a:pt x="667" y="136"/>
                    <a:pt x="668" y="136"/>
                    <a:pt x="668" y="137"/>
                  </a:cubicBezTo>
                  <a:cubicBezTo>
                    <a:pt x="669" y="138"/>
                    <a:pt x="669" y="138"/>
                    <a:pt x="669" y="140"/>
                  </a:cubicBezTo>
                  <a:cubicBezTo>
                    <a:pt x="670" y="142"/>
                    <a:pt x="670" y="143"/>
                    <a:pt x="670" y="143"/>
                  </a:cubicBezTo>
                  <a:cubicBezTo>
                    <a:pt x="670" y="143"/>
                    <a:pt x="668" y="140"/>
                    <a:pt x="667" y="141"/>
                  </a:cubicBezTo>
                  <a:cubicBezTo>
                    <a:pt x="666" y="142"/>
                    <a:pt x="665" y="141"/>
                    <a:pt x="664" y="141"/>
                  </a:cubicBezTo>
                  <a:cubicBezTo>
                    <a:pt x="664" y="141"/>
                    <a:pt x="663" y="141"/>
                    <a:pt x="664" y="141"/>
                  </a:cubicBezTo>
                  <a:cubicBezTo>
                    <a:pt x="665" y="144"/>
                    <a:pt x="666" y="146"/>
                    <a:pt x="666" y="147"/>
                  </a:cubicBezTo>
                  <a:cubicBezTo>
                    <a:pt x="666" y="148"/>
                    <a:pt x="667" y="147"/>
                    <a:pt x="667" y="149"/>
                  </a:cubicBezTo>
                  <a:cubicBezTo>
                    <a:pt x="667" y="149"/>
                    <a:pt x="663" y="144"/>
                    <a:pt x="662" y="144"/>
                  </a:cubicBezTo>
                  <a:cubicBezTo>
                    <a:pt x="661" y="144"/>
                    <a:pt x="659" y="145"/>
                    <a:pt x="659" y="144"/>
                  </a:cubicBezTo>
                  <a:cubicBezTo>
                    <a:pt x="658" y="143"/>
                    <a:pt x="656" y="142"/>
                    <a:pt x="658" y="141"/>
                  </a:cubicBezTo>
                  <a:cubicBezTo>
                    <a:pt x="661" y="140"/>
                    <a:pt x="662" y="138"/>
                    <a:pt x="662" y="138"/>
                  </a:cubicBezTo>
                  <a:cubicBezTo>
                    <a:pt x="662" y="138"/>
                    <a:pt x="663" y="135"/>
                    <a:pt x="662" y="135"/>
                  </a:cubicBezTo>
                  <a:cubicBezTo>
                    <a:pt x="661" y="136"/>
                    <a:pt x="661" y="133"/>
                    <a:pt x="660" y="133"/>
                  </a:cubicBezTo>
                  <a:cubicBezTo>
                    <a:pt x="659" y="133"/>
                    <a:pt x="657" y="132"/>
                    <a:pt x="657" y="132"/>
                  </a:cubicBezTo>
                  <a:cubicBezTo>
                    <a:pt x="654" y="133"/>
                    <a:pt x="653" y="134"/>
                    <a:pt x="652" y="133"/>
                  </a:cubicBezTo>
                  <a:cubicBezTo>
                    <a:pt x="651" y="131"/>
                    <a:pt x="650" y="129"/>
                    <a:pt x="650" y="129"/>
                  </a:cubicBezTo>
                  <a:cubicBezTo>
                    <a:pt x="650" y="127"/>
                    <a:pt x="650" y="127"/>
                    <a:pt x="650" y="127"/>
                  </a:cubicBezTo>
                  <a:cubicBezTo>
                    <a:pt x="647" y="127"/>
                    <a:pt x="644" y="125"/>
                    <a:pt x="643" y="125"/>
                  </a:cubicBezTo>
                  <a:cubicBezTo>
                    <a:pt x="640" y="124"/>
                    <a:pt x="640" y="122"/>
                    <a:pt x="640" y="122"/>
                  </a:cubicBezTo>
                  <a:cubicBezTo>
                    <a:pt x="638" y="121"/>
                    <a:pt x="636" y="122"/>
                    <a:pt x="634" y="123"/>
                  </a:cubicBezTo>
                  <a:cubicBezTo>
                    <a:pt x="633" y="124"/>
                    <a:pt x="632" y="124"/>
                    <a:pt x="630" y="124"/>
                  </a:cubicBezTo>
                  <a:cubicBezTo>
                    <a:pt x="629" y="123"/>
                    <a:pt x="628" y="121"/>
                    <a:pt x="627" y="123"/>
                  </a:cubicBezTo>
                  <a:cubicBezTo>
                    <a:pt x="626" y="125"/>
                    <a:pt x="626" y="127"/>
                    <a:pt x="626" y="127"/>
                  </a:cubicBezTo>
                  <a:cubicBezTo>
                    <a:pt x="626" y="127"/>
                    <a:pt x="622" y="127"/>
                    <a:pt x="622" y="127"/>
                  </a:cubicBezTo>
                  <a:cubicBezTo>
                    <a:pt x="621" y="127"/>
                    <a:pt x="621" y="127"/>
                    <a:pt x="620" y="127"/>
                  </a:cubicBezTo>
                  <a:cubicBezTo>
                    <a:pt x="620" y="127"/>
                    <a:pt x="619" y="127"/>
                    <a:pt x="618" y="127"/>
                  </a:cubicBezTo>
                  <a:cubicBezTo>
                    <a:pt x="617" y="128"/>
                    <a:pt x="616" y="127"/>
                    <a:pt x="615" y="128"/>
                  </a:cubicBezTo>
                  <a:cubicBezTo>
                    <a:pt x="614" y="128"/>
                    <a:pt x="614" y="128"/>
                    <a:pt x="613" y="128"/>
                  </a:cubicBezTo>
                  <a:cubicBezTo>
                    <a:pt x="613" y="127"/>
                    <a:pt x="613" y="127"/>
                    <a:pt x="612" y="128"/>
                  </a:cubicBezTo>
                  <a:cubicBezTo>
                    <a:pt x="611" y="128"/>
                    <a:pt x="611" y="128"/>
                    <a:pt x="611" y="127"/>
                  </a:cubicBezTo>
                  <a:cubicBezTo>
                    <a:pt x="610" y="127"/>
                    <a:pt x="610" y="127"/>
                    <a:pt x="609" y="128"/>
                  </a:cubicBezTo>
                  <a:cubicBezTo>
                    <a:pt x="607" y="129"/>
                    <a:pt x="605" y="129"/>
                    <a:pt x="605" y="129"/>
                  </a:cubicBezTo>
                  <a:cubicBezTo>
                    <a:pt x="605" y="129"/>
                    <a:pt x="605" y="128"/>
                    <a:pt x="603" y="129"/>
                  </a:cubicBezTo>
                  <a:cubicBezTo>
                    <a:pt x="602" y="129"/>
                    <a:pt x="602" y="128"/>
                    <a:pt x="601" y="128"/>
                  </a:cubicBezTo>
                  <a:cubicBezTo>
                    <a:pt x="601" y="128"/>
                    <a:pt x="600" y="127"/>
                    <a:pt x="599" y="128"/>
                  </a:cubicBezTo>
                  <a:cubicBezTo>
                    <a:pt x="599" y="128"/>
                    <a:pt x="598" y="128"/>
                    <a:pt x="598" y="128"/>
                  </a:cubicBezTo>
                  <a:cubicBezTo>
                    <a:pt x="598" y="127"/>
                    <a:pt x="597" y="127"/>
                    <a:pt x="597" y="128"/>
                  </a:cubicBezTo>
                  <a:cubicBezTo>
                    <a:pt x="595" y="128"/>
                    <a:pt x="595" y="129"/>
                    <a:pt x="594" y="128"/>
                  </a:cubicBezTo>
                  <a:cubicBezTo>
                    <a:pt x="592" y="126"/>
                    <a:pt x="593" y="126"/>
                    <a:pt x="592" y="126"/>
                  </a:cubicBezTo>
                  <a:cubicBezTo>
                    <a:pt x="590" y="125"/>
                    <a:pt x="591" y="124"/>
                    <a:pt x="589" y="124"/>
                  </a:cubicBezTo>
                  <a:cubicBezTo>
                    <a:pt x="588" y="125"/>
                    <a:pt x="587" y="125"/>
                    <a:pt x="587" y="125"/>
                  </a:cubicBezTo>
                  <a:cubicBezTo>
                    <a:pt x="587" y="125"/>
                    <a:pt x="586" y="125"/>
                    <a:pt x="586" y="125"/>
                  </a:cubicBezTo>
                  <a:cubicBezTo>
                    <a:pt x="585" y="125"/>
                    <a:pt x="585" y="125"/>
                    <a:pt x="585" y="124"/>
                  </a:cubicBezTo>
                  <a:cubicBezTo>
                    <a:pt x="584" y="124"/>
                    <a:pt x="584" y="124"/>
                    <a:pt x="584" y="124"/>
                  </a:cubicBezTo>
                  <a:cubicBezTo>
                    <a:pt x="582" y="124"/>
                    <a:pt x="582" y="123"/>
                    <a:pt x="582" y="123"/>
                  </a:cubicBezTo>
                  <a:cubicBezTo>
                    <a:pt x="582" y="123"/>
                    <a:pt x="582" y="122"/>
                    <a:pt x="584" y="121"/>
                  </a:cubicBezTo>
                  <a:cubicBezTo>
                    <a:pt x="587" y="120"/>
                    <a:pt x="584" y="120"/>
                    <a:pt x="587" y="119"/>
                  </a:cubicBezTo>
                  <a:cubicBezTo>
                    <a:pt x="590" y="118"/>
                    <a:pt x="591" y="117"/>
                    <a:pt x="592" y="117"/>
                  </a:cubicBezTo>
                  <a:cubicBezTo>
                    <a:pt x="594" y="118"/>
                    <a:pt x="595" y="116"/>
                    <a:pt x="595" y="116"/>
                  </a:cubicBezTo>
                  <a:cubicBezTo>
                    <a:pt x="595" y="116"/>
                    <a:pt x="596" y="115"/>
                    <a:pt x="595" y="114"/>
                  </a:cubicBezTo>
                  <a:cubicBezTo>
                    <a:pt x="594" y="114"/>
                    <a:pt x="589" y="110"/>
                    <a:pt x="589" y="109"/>
                  </a:cubicBezTo>
                  <a:cubicBezTo>
                    <a:pt x="588" y="108"/>
                    <a:pt x="583" y="107"/>
                    <a:pt x="583" y="106"/>
                  </a:cubicBezTo>
                  <a:cubicBezTo>
                    <a:pt x="582" y="105"/>
                    <a:pt x="580" y="105"/>
                    <a:pt x="579" y="104"/>
                  </a:cubicBezTo>
                  <a:cubicBezTo>
                    <a:pt x="577" y="104"/>
                    <a:pt x="575" y="103"/>
                    <a:pt x="573" y="104"/>
                  </a:cubicBezTo>
                  <a:cubicBezTo>
                    <a:pt x="571" y="104"/>
                    <a:pt x="570" y="104"/>
                    <a:pt x="568" y="106"/>
                  </a:cubicBezTo>
                  <a:cubicBezTo>
                    <a:pt x="566" y="107"/>
                    <a:pt x="567" y="106"/>
                    <a:pt x="563" y="106"/>
                  </a:cubicBezTo>
                  <a:cubicBezTo>
                    <a:pt x="560" y="106"/>
                    <a:pt x="558" y="106"/>
                    <a:pt x="557" y="105"/>
                  </a:cubicBezTo>
                  <a:cubicBezTo>
                    <a:pt x="552" y="103"/>
                    <a:pt x="555" y="104"/>
                    <a:pt x="552" y="103"/>
                  </a:cubicBezTo>
                  <a:cubicBezTo>
                    <a:pt x="550" y="102"/>
                    <a:pt x="548" y="103"/>
                    <a:pt x="547" y="102"/>
                  </a:cubicBezTo>
                  <a:cubicBezTo>
                    <a:pt x="546" y="101"/>
                    <a:pt x="547" y="100"/>
                    <a:pt x="544" y="99"/>
                  </a:cubicBezTo>
                  <a:cubicBezTo>
                    <a:pt x="542" y="98"/>
                    <a:pt x="543" y="98"/>
                    <a:pt x="540" y="98"/>
                  </a:cubicBezTo>
                  <a:cubicBezTo>
                    <a:pt x="537" y="98"/>
                    <a:pt x="536" y="97"/>
                    <a:pt x="534" y="97"/>
                  </a:cubicBezTo>
                  <a:cubicBezTo>
                    <a:pt x="532" y="97"/>
                    <a:pt x="533" y="98"/>
                    <a:pt x="530" y="97"/>
                  </a:cubicBezTo>
                  <a:cubicBezTo>
                    <a:pt x="528" y="97"/>
                    <a:pt x="529" y="96"/>
                    <a:pt x="527" y="95"/>
                  </a:cubicBezTo>
                  <a:cubicBezTo>
                    <a:pt x="525" y="94"/>
                    <a:pt x="526" y="92"/>
                    <a:pt x="523" y="92"/>
                  </a:cubicBezTo>
                  <a:cubicBezTo>
                    <a:pt x="521" y="92"/>
                    <a:pt x="514" y="90"/>
                    <a:pt x="514" y="90"/>
                  </a:cubicBezTo>
                  <a:cubicBezTo>
                    <a:pt x="514" y="90"/>
                    <a:pt x="512" y="89"/>
                    <a:pt x="511" y="89"/>
                  </a:cubicBezTo>
                  <a:cubicBezTo>
                    <a:pt x="509" y="89"/>
                    <a:pt x="506" y="88"/>
                    <a:pt x="505" y="88"/>
                  </a:cubicBezTo>
                  <a:cubicBezTo>
                    <a:pt x="503" y="88"/>
                    <a:pt x="500" y="88"/>
                    <a:pt x="498" y="88"/>
                  </a:cubicBezTo>
                  <a:cubicBezTo>
                    <a:pt x="496" y="88"/>
                    <a:pt x="495" y="88"/>
                    <a:pt x="493" y="89"/>
                  </a:cubicBezTo>
                  <a:cubicBezTo>
                    <a:pt x="492" y="89"/>
                    <a:pt x="492" y="89"/>
                    <a:pt x="492" y="89"/>
                  </a:cubicBezTo>
                  <a:cubicBezTo>
                    <a:pt x="492" y="89"/>
                    <a:pt x="492" y="89"/>
                    <a:pt x="492" y="91"/>
                  </a:cubicBezTo>
                  <a:cubicBezTo>
                    <a:pt x="490" y="94"/>
                    <a:pt x="490" y="94"/>
                    <a:pt x="489" y="95"/>
                  </a:cubicBezTo>
                  <a:cubicBezTo>
                    <a:pt x="488" y="95"/>
                    <a:pt x="486" y="96"/>
                    <a:pt x="485" y="96"/>
                  </a:cubicBezTo>
                  <a:cubicBezTo>
                    <a:pt x="485" y="96"/>
                    <a:pt x="484" y="96"/>
                    <a:pt x="484" y="96"/>
                  </a:cubicBezTo>
                  <a:cubicBezTo>
                    <a:pt x="483" y="96"/>
                    <a:pt x="481" y="96"/>
                    <a:pt x="481" y="95"/>
                  </a:cubicBezTo>
                  <a:cubicBezTo>
                    <a:pt x="481" y="94"/>
                    <a:pt x="481" y="94"/>
                    <a:pt x="481" y="94"/>
                  </a:cubicBezTo>
                  <a:cubicBezTo>
                    <a:pt x="481" y="94"/>
                    <a:pt x="481" y="94"/>
                    <a:pt x="481" y="93"/>
                  </a:cubicBezTo>
                  <a:cubicBezTo>
                    <a:pt x="482" y="91"/>
                    <a:pt x="482" y="91"/>
                    <a:pt x="482" y="91"/>
                  </a:cubicBezTo>
                  <a:cubicBezTo>
                    <a:pt x="482" y="91"/>
                    <a:pt x="481" y="91"/>
                    <a:pt x="480" y="90"/>
                  </a:cubicBezTo>
                  <a:cubicBezTo>
                    <a:pt x="479" y="90"/>
                    <a:pt x="479" y="88"/>
                    <a:pt x="480" y="87"/>
                  </a:cubicBezTo>
                  <a:cubicBezTo>
                    <a:pt x="480" y="86"/>
                    <a:pt x="480" y="85"/>
                    <a:pt x="480" y="84"/>
                  </a:cubicBezTo>
                  <a:cubicBezTo>
                    <a:pt x="480" y="82"/>
                    <a:pt x="481" y="81"/>
                    <a:pt x="479" y="81"/>
                  </a:cubicBezTo>
                  <a:cubicBezTo>
                    <a:pt x="477" y="81"/>
                    <a:pt x="476" y="81"/>
                    <a:pt x="474" y="82"/>
                  </a:cubicBezTo>
                  <a:cubicBezTo>
                    <a:pt x="471" y="84"/>
                    <a:pt x="470" y="84"/>
                    <a:pt x="471" y="84"/>
                  </a:cubicBezTo>
                  <a:cubicBezTo>
                    <a:pt x="471" y="85"/>
                    <a:pt x="471" y="85"/>
                    <a:pt x="471" y="85"/>
                  </a:cubicBezTo>
                  <a:cubicBezTo>
                    <a:pt x="472" y="84"/>
                    <a:pt x="472" y="84"/>
                    <a:pt x="472" y="85"/>
                  </a:cubicBezTo>
                  <a:cubicBezTo>
                    <a:pt x="473" y="87"/>
                    <a:pt x="473" y="89"/>
                    <a:pt x="472" y="90"/>
                  </a:cubicBezTo>
                  <a:cubicBezTo>
                    <a:pt x="471" y="90"/>
                    <a:pt x="471" y="90"/>
                    <a:pt x="471" y="89"/>
                  </a:cubicBezTo>
                  <a:cubicBezTo>
                    <a:pt x="471" y="89"/>
                    <a:pt x="470" y="88"/>
                    <a:pt x="470" y="90"/>
                  </a:cubicBezTo>
                  <a:cubicBezTo>
                    <a:pt x="468" y="92"/>
                    <a:pt x="468" y="92"/>
                    <a:pt x="468" y="94"/>
                  </a:cubicBezTo>
                  <a:cubicBezTo>
                    <a:pt x="468" y="96"/>
                    <a:pt x="466" y="96"/>
                    <a:pt x="466" y="96"/>
                  </a:cubicBezTo>
                  <a:cubicBezTo>
                    <a:pt x="466" y="96"/>
                    <a:pt x="464" y="93"/>
                    <a:pt x="463" y="93"/>
                  </a:cubicBezTo>
                  <a:cubicBezTo>
                    <a:pt x="462" y="93"/>
                    <a:pt x="460" y="92"/>
                    <a:pt x="459" y="92"/>
                  </a:cubicBezTo>
                  <a:cubicBezTo>
                    <a:pt x="458" y="91"/>
                    <a:pt x="457" y="91"/>
                    <a:pt x="456" y="89"/>
                  </a:cubicBezTo>
                  <a:cubicBezTo>
                    <a:pt x="455" y="88"/>
                    <a:pt x="455" y="85"/>
                    <a:pt x="453" y="84"/>
                  </a:cubicBezTo>
                  <a:cubicBezTo>
                    <a:pt x="451" y="84"/>
                    <a:pt x="452" y="81"/>
                    <a:pt x="451" y="80"/>
                  </a:cubicBezTo>
                  <a:cubicBezTo>
                    <a:pt x="450" y="79"/>
                    <a:pt x="449" y="79"/>
                    <a:pt x="447" y="77"/>
                  </a:cubicBezTo>
                  <a:cubicBezTo>
                    <a:pt x="446" y="75"/>
                    <a:pt x="446" y="74"/>
                    <a:pt x="444" y="73"/>
                  </a:cubicBezTo>
                  <a:cubicBezTo>
                    <a:pt x="442" y="73"/>
                    <a:pt x="441" y="72"/>
                    <a:pt x="440" y="72"/>
                  </a:cubicBezTo>
                  <a:cubicBezTo>
                    <a:pt x="438" y="72"/>
                    <a:pt x="441" y="71"/>
                    <a:pt x="438" y="72"/>
                  </a:cubicBezTo>
                  <a:cubicBezTo>
                    <a:pt x="438" y="72"/>
                    <a:pt x="438" y="72"/>
                    <a:pt x="438" y="71"/>
                  </a:cubicBezTo>
                  <a:cubicBezTo>
                    <a:pt x="438" y="75"/>
                    <a:pt x="439" y="75"/>
                    <a:pt x="439" y="77"/>
                  </a:cubicBezTo>
                  <a:cubicBezTo>
                    <a:pt x="439" y="79"/>
                    <a:pt x="441" y="80"/>
                    <a:pt x="440" y="81"/>
                  </a:cubicBezTo>
                  <a:cubicBezTo>
                    <a:pt x="440" y="82"/>
                    <a:pt x="438" y="81"/>
                    <a:pt x="437" y="82"/>
                  </a:cubicBezTo>
                  <a:cubicBezTo>
                    <a:pt x="435" y="85"/>
                    <a:pt x="436" y="83"/>
                    <a:pt x="435" y="85"/>
                  </a:cubicBezTo>
                  <a:cubicBezTo>
                    <a:pt x="433" y="88"/>
                    <a:pt x="432" y="87"/>
                    <a:pt x="431" y="88"/>
                  </a:cubicBezTo>
                  <a:cubicBezTo>
                    <a:pt x="429" y="89"/>
                    <a:pt x="428" y="87"/>
                    <a:pt x="428" y="87"/>
                  </a:cubicBezTo>
                  <a:cubicBezTo>
                    <a:pt x="425" y="87"/>
                    <a:pt x="422" y="87"/>
                    <a:pt x="421" y="88"/>
                  </a:cubicBezTo>
                  <a:cubicBezTo>
                    <a:pt x="420" y="88"/>
                    <a:pt x="422" y="87"/>
                    <a:pt x="419" y="89"/>
                  </a:cubicBezTo>
                  <a:cubicBezTo>
                    <a:pt x="416" y="90"/>
                    <a:pt x="416" y="90"/>
                    <a:pt x="414" y="92"/>
                  </a:cubicBezTo>
                  <a:cubicBezTo>
                    <a:pt x="413" y="92"/>
                    <a:pt x="414" y="92"/>
                    <a:pt x="414" y="92"/>
                  </a:cubicBezTo>
                  <a:cubicBezTo>
                    <a:pt x="414" y="91"/>
                    <a:pt x="415" y="91"/>
                    <a:pt x="412" y="93"/>
                  </a:cubicBezTo>
                  <a:cubicBezTo>
                    <a:pt x="408" y="97"/>
                    <a:pt x="406" y="97"/>
                    <a:pt x="406" y="97"/>
                  </a:cubicBezTo>
                  <a:cubicBezTo>
                    <a:pt x="406" y="97"/>
                    <a:pt x="406" y="95"/>
                    <a:pt x="404" y="95"/>
                  </a:cubicBezTo>
                  <a:cubicBezTo>
                    <a:pt x="401" y="95"/>
                    <a:pt x="401" y="94"/>
                    <a:pt x="400" y="95"/>
                  </a:cubicBezTo>
                  <a:cubicBezTo>
                    <a:pt x="399" y="96"/>
                    <a:pt x="398" y="95"/>
                    <a:pt x="397" y="97"/>
                  </a:cubicBezTo>
                  <a:cubicBezTo>
                    <a:pt x="396" y="98"/>
                    <a:pt x="395" y="98"/>
                    <a:pt x="394" y="99"/>
                  </a:cubicBezTo>
                  <a:cubicBezTo>
                    <a:pt x="394" y="99"/>
                    <a:pt x="394" y="99"/>
                    <a:pt x="393" y="99"/>
                  </a:cubicBezTo>
                  <a:cubicBezTo>
                    <a:pt x="393" y="99"/>
                    <a:pt x="392" y="98"/>
                    <a:pt x="392" y="99"/>
                  </a:cubicBezTo>
                  <a:cubicBezTo>
                    <a:pt x="390" y="100"/>
                    <a:pt x="389" y="101"/>
                    <a:pt x="388" y="101"/>
                  </a:cubicBezTo>
                  <a:cubicBezTo>
                    <a:pt x="388" y="101"/>
                    <a:pt x="387" y="103"/>
                    <a:pt x="388" y="104"/>
                  </a:cubicBezTo>
                  <a:cubicBezTo>
                    <a:pt x="389" y="105"/>
                    <a:pt x="388" y="106"/>
                    <a:pt x="388" y="106"/>
                  </a:cubicBezTo>
                  <a:cubicBezTo>
                    <a:pt x="386" y="107"/>
                    <a:pt x="386" y="107"/>
                    <a:pt x="386" y="107"/>
                  </a:cubicBezTo>
                  <a:cubicBezTo>
                    <a:pt x="384" y="109"/>
                    <a:pt x="389" y="111"/>
                    <a:pt x="384" y="109"/>
                  </a:cubicBezTo>
                  <a:cubicBezTo>
                    <a:pt x="380" y="107"/>
                    <a:pt x="378" y="106"/>
                    <a:pt x="379" y="105"/>
                  </a:cubicBezTo>
                  <a:cubicBezTo>
                    <a:pt x="381" y="104"/>
                    <a:pt x="379" y="105"/>
                    <a:pt x="381" y="104"/>
                  </a:cubicBezTo>
                  <a:cubicBezTo>
                    <a:pt x="381" y="104"/>
                    <a:pt x="382" y="104"/>
                    <a:pt x="382" y="104"/>
                  </a:cubicBezTo>
                  <a:cubicBezTo>
                    <a:pt x="382" y="104"/>
                    <a:pt x="382" y="104"/>
                    <a:pt x="382" y="104"/>
                  </a:cubicBezTo>
                  <a:cubicBezTo>
                    <a:pt x="385" y="103"/>
                    <a:pt x="385" y="102"/>
                    <a:pt x="386" y="102"/>
                  </a:cubicBezTo>
                  <a:cubicBezTo>
                    <a:pt x="387" y="101"/>
                    <a:pt x="388" y="100"/>
                    <a:pt x="388" y="100"/>
                  </a:cubicBezTo>
                  <a:cubicBezTo>
                    <a:pt x="388" y="100"/>
                    <a:pt x="389" y="99"/>
                    <a:pt x="391" y="98"/>
                  </a:cubicBezTo>
                  <a:cubicBezTo>
                    <a:pt x="393" y="97"/>
                    <a:pt x="393" y="96"/>
                    <a:pt x="394" y="96"/>
                  </a:cubicBezTo>
                  <a:cubicBezTo>
                    <a:pt x="395" y="96"/>
                    <a:pt x="395" y="96"/>
                    <a:pt x="395" y="96"/>
                  </a:cubicBezTo>
                  <a:cubicBezTo>
                    <a:pt x="395" y="97"/>
                    <a:pt x="395" y="97"/>
                    <a:pt x="396" y="96"/>
                  </a:cubicBezTo>
                  <a:cubicBezTo>
                    <a:pt x="399" y="94"/>
                    <a:pt x="395" y="94"/>
                    <a:pt x="400" y="93"/>
                  </a:cubicBezTo>
                  <a:cubicBezTo>
                    <a:pt x="404" y="92"/>
                    <a:pt x="401" y="92"/>
                    <a:pt x="405" y="92"/>
                  </a:cubicBezTo>
                  <a:cubicBezTo>
                    <a:pt x="409" y="92"/>
                    <a:pt x="410" y="91"/>
                    <a:pt x="411" y="91"/>
                  </a:cubicBezTo>
                  <a:cubicBezTo>
                    <a:pt x="412" y="90"/>
                    <a:pt x="414" y="89"/>
                    <a:pt x="414" y="89"/>
                  </a:cubicBezTo>
                  <a:cubicBezTo>
                    <a:pt x="414" y="89"/>
                    <a:pt x="416" y="88"/>
                    <a:pt x="417" y="88"/>
                  </a:cubicBezTo>
                  <a:cubicBezTo>
                    <a:pt x="423" y="83"/>
                    <a:pt x="423" y="83"/>
                    <a:pt x="423" y="83"/>
                  </a:cubicBezTo>
                  <a:cubicBezTo>
                    <a:pt x="423" y="83"/>
                    <a:pt x="425" y="80"/>
                    <a:pt x="424" y="80"/>
                  </a:cubicBezTo>
                  <a:cubicBezTo>
                    <a:pt x="423" y="80"/>
                    <a:pt x="423" y="80"/>
                    <a:pt x="423" y="80"/>
                  </a:cubicBezTo>
                  <a:cubicBezTo>
                    <a:pt x="422" y="80"/>
                    <a:pt x="422" y="80"/>
                    <a:pt x="421" y="80"/>
                  </a:cubicBezTo>
                  <a:cubicBezTo>
                    <a:pt x="419" y="81"/>
                    <a:pt x="418" y="81"/>
                    <a:pt x="416" y="82"/>
                  </a:cubicBezTo>
                  <a:cubicBezTo>
                    <a:pt x="415" y="83"/>
                    <a:pt x="415" y="82"/>
                    <a:pt x="414" y="82"/>
                  </a:cubicBezTo>
                  <a:cubicBezTo>
                    <a:pt x="414" y="82"/>
                    <a:pt x="413" y="82"/>
                    <a:pt x="413" y="82"/>
                  </a:cubicBezTo>
                  <a:cubicBezTo>
                    <a:pt x="413" y="82"/>
                    <a:pt x="413" y="82"/>
                    <a:pt x="412" y="82"/>
                  </a:cubicBezTo>
                  <a:cubicBezTo>
                    <a:pt x="412" y="82"/>
                    <a:pt x="412" y="81"/>
                    <a:pt x="410" y="82"/>
                  </a:cubicBezTo>
                  <a:cubicBezTo>
                    <a:pt x="408" y="84"/>
                    <a:pt x="408" y="83"/>
                    <a:pt x="406" y="84"/>
                  </a:cubicBezTo>
                  <a:cubicBezTo>
                    <a:pt x="404" y="86"/>
                    <a:pt x="406" y="85"/>
                    <a:pt x="404" y="86"/>
                  </a:cubicBezTo>
                  <a:cubicBezTo>
                    <a:pt x="402" y="87"/>
                    <a:pt x="401" y="87"/>
                    <a:pt x="400" y="86"/>
                  </a:cubicBezTo>
                  <a:cubicBezTo>
                    <a:pt x="400" y="86"/>
                    <a:pt x="399" y="86"/>
                    <a:pt x="399" y="86"/>
                  </a:cubicBezTo>
                  <a:cubicBezTo>
                    <a:pt x="398" y="87"/>
                    <a:pt x="397" y="87"/>
                    <a:pt x="396" y="89"/>
                  </a:cubicBezTo>
                  <a:cubicBezTo>
                    <a:pt x="395" y="89"/>
                    <a:pt x="395" y="89"/>
                    <a:pt x="395" y="89"/>
                  </a:cubicBezTo>
                  <a:cubicBezTo>
                    <a:pt x="394" y="89"/>
                    <a:pt x="394" y="89"/>
                    <a:pt x="393" y="89"/>
                  </a:cubicBezTo>
                  <a:cubicBezTo>
                    <a:pt x="392" y="89"/>
                    <a:pt x="392" y="89"/>
                    <a:pt x="391" y="89"/>
                  </a:cubicBezTo>
                  <a:cubicBezTo>
                    <a:pt x="390" y="89"/>
                    <a:pt x="389" y="89"/>
                    <a:pt x="388" y="90"/>
                  </a:cubicBezTo>
                  <a:cubicBezTo>
                    <a:pt x="386" y="91"/>
                    <a:pt x="385" y="91"/>
                    <a:pt x="385" y="92"/>
                  </a:cubicBezTo>
                  <a:cubicBezTo>
                    <a:pt x="384" y="94"/>
                    <a:pt x="384" y="93"/>
                    <a:pt x="383" y="95"/>
                  </a:cubicBezTo>
                  <a:cubicBezTo>
                    <a:pt x="382" y="96"/>
                    <a:pt x="382" y="96"/>
                    <a:pt x="381" y="96"/>
                  </a:cubicBezTo>
                  <a:cubicBezTo>
                    <a:pt x="381" y="96"/>
                    <a:pt x="380" y="96"/>
                    <a:pt x="380" y="96"/>
                  </a:cubicBezTo>
                  <a:cubicBezTo>
                    <a:pt x="379" y="96"/>
                    <a:pt x="379" y="96"/>
                    <a:pt x="379" y="95"/>
                  </a:cubicBezTo>
                  <a:cubicBezTo>
                    <a:pt x="379" y="95"/>
                    <a:pt x="378" y="95"/>
                    <a:pt x="377" y="95"/>
                  </a:cubicBezTo>
                  <a:cubicBezTo>
                    <a:pt x="376" y="97"/>
                    <a:pt x="374" y="98"/>
                    <a:pt x="374" y="97"/>
                  </a:cubicBezTo>
                  <a:cubicBezTo>
                    <a:pt x="376" y="94"/>
                    <a:pt x="377" y="94"/>
                    <a:pt x="376" y="94"/>
                  </a:cubicBezTo>
                  <a:cubicBezTo>
                    <a:pt x="375" y="94"/>
                    <a:pt x="375" y="92"/>
                    <a:pt x="373" y="92"/>
                  </a:cubicBezTo>
                  <a:cubicBezTo>
                    <a:pt x="372" y="92"/>
                    <a:pt x="372" y="91"/>
                    <a:pt x="371" y="91"/>
                  </a:cubicBezTo>
                  <a:cubicBezTo>
                    <a:pt x="369" y="91"/>
                    <a:pt x="369" y="90"/>
                    <a:pt x="368" y="92"/>
                  </a:cubicBezTo>
                  <a:cubicBezTo>
                    <a:pt x="367" y="94"/>
                    <a:pt x="370" y="93"/>
                    <a:pt x="367" y="94"/>
                  </a:cubicBezTo>
                  <a:cubicBezTo>
                    <a:pt x="365" y="95"/>
                    <a:pt x="367" y="95"/>
                    <a:pt x="365" y="95"/>
                  </a:cubicBezTo>
                  <a:cubicBezTo>
                    <a:pt x="362" y="95"/>
                    <a:pt x="358" y="95"/>
                    <a:pt x="357" y="96"/>
                  </a:cubicBezTo>
                  <a:cubicBezTo>
                    <a:pt x="356" y="97"/>
                    <a:pt x="356" y="96"/>
                    <a:pt x="354" y="98"/>
                  </a:cubicBezTo>
                  <a:cubicBezTo>
                    <a:pt x="353" y="99"/>
                    <a:pt x="352" y="99"/>
                    <a:pt x="352" y="99"/>
                  </a:cubicBezTo>
                  <a:cubicBezTo>
                    <a:pt x="352" y="99"/>
                    <a:pt x="352" y="99"/>
                    <a:pt x="352" y="100"/>
                  </a:cubicBezTo>
                  <a:cubicBezTo>
                    <a:pt x="352" y="103"/>
                    <a:pt x="351" y="102"/>
                    <a:pt x="353" y="103"/>
                  </a:cubicBezTo>
                  <a:cubicBezTo>
                    <a:pt x="354" y="104"/>
                    <a:pt x="356" y="104"/>
                    <a:pt x="357" y="105"/>
                  </a:cubicBezTo>
                  <a:cubicBezTo>
                    <a:pt x="358" y="106"/>
                    <a:pt x="357" y="106"/>
                    <a:pt x="358" y="108"/>
                  </a:cubicBezTo>
                  <a:cubicBezTo>
                    <a:pt x="354" y="106"/>
                    <a:pt x="354" y="106"/>
                    <a:pt x="354" y="106"/>
                  </a:cubicBezTo>
                  <a:cubicBezTo>
                    <a:pt x="354" y="106"/>
                    <a:pt x="350" y="104"/>
                    <a:pt x="348" y="104"/>
                  </a:cubicBezTo>
                  <a:cubicBezTo>
                    <a:pt x="348" y="104"/>
                    <a:pt x="348" y="104"/>
                    <a:pt x="348" y="104"/>
                  </a:cubicBezTo>
                  <a:cubicBezTo>
                    <a:pt x="348" y="104"/>
                    <a:pt x="348" y="104"/>
                    <a:pt x="348" y="104"/>
                  </a:cubicBezTo>
                  <a:cubicBezTo>
                    <a:pt x="347" y="104"/>
                    <a:pt x="344" y="104"/>
                    <a:pt x="343" y="104"/>
                  </a:cubicBezTo>
                  <a:cubicBezTo>
                    <a:pt x="342" y="104"/>
                    <a:pt x="338" y="105"/>
                    <a:pt x="337" y="104"/>
                  </a:cubicBezTo>
                  <a:cubicBezTo>
                    <a:pt x="336" y="104"/>
                    <a:pt x="332" y="104"/>
                    <a:pt x="331" y="103"/>
                  </a:cubicBezTo>
                  <a:cubicBezTo>
                    <a:pt x="330" y="102"/>
                    <a:pt x="330" y="101"/>
                    <a:pt x="328" y="100"/>
                  </a:cubicBezTo>
                  <a:cubicBezTo>
                    <a:pt x="325" y="99"/>
                    <a:pt x="325" y="99"/>
                    <a:pt x="323" y="97"/>
                  </a:cubicBezTo>
                  <a:cubicBezTo>
                    <a:pt x="320" y="96"/>
                    <a:pt x="321" y="95"/>
                    <a:pt x="320" y="95"/>
                  </a:cubicBezTo>
                  <a:cubicBezTo>
                    <a:pt x="319" y="94"/>
                    <a:pt x="319" y="94"/>
                    <a:pt x="319" y="94"/>
                  </a:cubicBezTo>
                  <a:cubicBezTo>
                    <a:pt x="319" y="91"/>
                    <a:pt x="319" y="91"/>
                    <a:pt x="319" y="91"/>
                  </a:cubicBezTo>
                  <a:cubicBezTo>
                    <a:pt x="319" y="91"/>
                    <a:pt x="317" y="91"/>
                    <a:pt x="316" y="91"/>
                  </a:cubicBezTo>
                  <a:cubicBezTo>
                    <a:pt x="316" y="91"/>
                    <a:pt x="316" y="91"/>
                    <a:pt x="316" y="91"/>
                  </a:cubicBezTo>
                  <a:cubicBezTo>
                    <a:pt x="316" y="91"/>
                    <a:pt x="316" y="91"/>
                    <a:pt x="316" y="91"/>
                  </a:cubicBezTo>
                  <a:cubicBezTo>
                    <a:pt x="315" y="92"/>
                    <a:pt x="315" y="92"/>
                    <a:pt x="314" y="92"/>
                  </a:cubicBezTo>
                  <a:cubicBezTo>
                    <a:pt x="314" y="92"/>
                    <a:pt x="313" y="92"/>
                    <a:pt x="312" y="92"/>
                  </a:cubicBezTo>
                  <a:cubicBezTo>
                    <a:pt x="311" y="93"/>
                    <a:pt x="310" y="92"/>
                    <a:pt x="309" y="92"/>
                  </a:cubicBezTo>
                  <a:cubicBezTo>
                    <a:pt x="308" y="92"/>
                    <a:pt x="307" y="91"/>
                    <a:pt x="306" y="92"/>
                  </a:cubicBezTo>
                  <a:cubicBezTo>
                    <a:pt x="305" y="92"/>
                    <a:pt x="305" y="92"/>
                    <a:pt x="304" y="92"/>
                  </a:cubicBezTo>
                  <a:cubicBezTo>
                    <a:pt x="303" y="92"/>
                    <a:pt x="302" y="92"/>
                    <a:pt x="301" y="92"/>
                  </a:cubicBezTo>
                  <a:cubicBezTo>
                    <a:pt x="299" y="93"/>
                    <a:pt x="298" y="93"/>
                    <a:pt x="297" y="92"/>
                  </a:cubicBezTo>
                  <a:cubicBezTo>
                    <a:pt x="297" y="93"/>
                    <a:pt x="297" y="93"/>
                    <a:pt x="297" y="93"/>
                  </a:cubicBezTo>
                  <a:cubicBezTo>
                    <a:pt x="297" y="93"/>
                    <a:pt x="297" y="93"/>
                    <a:pt x="297" y="93"/>
                  </a:cubicBezTo>
                  <a:cubicBezTo>
                    <a:pt x="296" y="93"/>
                    <a:pt x="296" y="93"/>
                    <a:pt x="296" y="93"/>
                  </a:cubicBezTo>
                  <a:cubicBezTo>
                    <a:pt x="295" y="93"/>
                    <a:pt x="296" y="92"/>
                    <a:pt x="294" y="92"/>
                  </a:cubicBezTo>
                  <a:cubicBezTo>
                    <a:pt x="293" y="91"/>
                    <a:pt x="293" y="91"/>
                    <a:pt x="291" y="89"/>
                  </a:cubicBezTo>
                  <a:cubicBezTo>
                    <a:pt x="290" y="88"/>
                    <a:pt x="290" y="88"/>
                    <a:pt x="288" y="88"/>
                  </a:cubicBezTo>
                  <a:cubicBezTo>
                    <a:pt x="286" y="87"/>
                    <a:pt x="287" y="86"/>
                    <a:pt x="285" y="86"/>
                  </a:cubicBezTo>
                  <a:cubicBezTo>
                    <a:pt x="286" y="86"/>
                    <a:pt x="285" y="85"/>
                    <a:pt x="281" y="84"/>
                  </a:cubicBezTo>
                  <a:cubicBezTo>
                    <a:pt x="273" y="82"/>
                    <a:pt x="274" y="83"/>
                    <a:pt x="274" y="83"/>
                  </a:cubicBezTo>
                  <a:cubicBezTo>
                    <a:pt x="274" y="83"/>
                    <a:pt x="271" y="81"/>
                    <a:pt x="269" y="81"/>
                  </a:cubicBezTo>
                  <a:cubicBezTo>
                    <a:pt x="267" y="82"/>
                    <a:pt x="262" y="83"/>
                    <a:pt x="262" y="83"/>
                  </a:cubicBezTo>
                  <a:cubicBezTo>
                    <a:pt x="262" y="83"/>
                    <a:pt x="261" y="84"/>
                    <a:pt x="260" y="84"/>
                  </a:cubicBezTo>
                  <a:cubicBezTo>
                    <a:pt x="259" y="84"/>
                    <a:pt x="258" y="84"/>
                    <a:pt x="257" y="84"/>
                  </a:cubicBezTo>
                  <a:cubicBezTo>
                    <a:pt x="256" y="84"/>
                    <a:pt x="255" y="84"/>
                    <a:pt x="254" y="84"/>
                  </a:cubicBezTo>
                  <a:cubicBezTo>
                    <a:pt x="253" y="84"/>
                    <a:pt x="249" y="84"/>
                    <a:pt x="249" y="84"/>
                  </a:cubicBezTo>
                  <a:cubicBezTo>
                    <a:pt x="248" y="83"/>
                    <a:pt x="248" y="83"/>
                    <a:pt x="247" y="82"/>
                  </a:cubicBezTo>
                  <a:cubicBezTo>
                    <a:pt x="245" y="81"/>
                    <a:pt x="245" y="81"/>
                    <a:pt x="244" y="80"/>
                  </a:cubicBezTo>
                  <a:cubicBezTo>
                    <a:pt x="242" y="79"/>
                    <a:pt x="244" y="78"/>
                    <a:pt x="240" y="78"/>
                  </a:cubicBezTo>
                  <a:cubicBezTo>
                    <a:pt x="236" y="79"/>
                    <a:pt x="234" y="80"/>
                    <a:pt x="233" y="80"/>
                  </a:cubicBezTo>
                  <a:cubicBezTo>
                    <a:pt x="231" y="80"/>
                    <a:pt x="231" y="80"/>
                    <a:pt x="229" y="80"/>
                  </a:cubicBezTo>
                  <a:cubicBezTo>
                    <a:pt x="227" y="81"/>
                    <a:pt x="226" y="82"/>
                    <a:pt x="225" y="81"/>
                  </a:cubicBezTo>
                  <a:cubicBezTo>
                    <a:pt x="221" y="79"/>
                    <a:pt x="219" y="78"/>
                    <a:pt x="219" y="78"/>
                  </a:cubicBezTo>
                  <a:cubicBezTo>
                    <a:pt x="219" y="78"/>
                    <a:pt x="216" y="77"/>
                    <a:pt x="215" y="77"/>
                  </a:cubicBezTo>
                  <a:cubicBezTo>
                    <a:pt x="215" y="76"/>
                    <a:pt x="212" y="75"/>
                    <a:pt x="211" y="76"/>
                  </a:cubicBezTo>
                  <a:cubicBezTo>
                    <a:pt x="211" y="76"/>
                    <a:pt x="210" y="75"/>
                    <a:pt x="209" y="75"/>
                  </a:cubicBezTo>
                  <a:cubicBezTo>
                    <a:pt x="206" y="75"/>
                    <a:pt x="205" y="75"/>
                    <a:pt x="204" y="75"/>
                  </a:cubicBezTo>
                  <a:cubicBezTo>
                    <a:pt x="204" y="75"/>
                    <a:pt x="203" y="75"/>
                    <a:pt x="202" y="75"/>
                  </a:cubicBezTo>
                  <a:cubicBezTo>
                    <a:pt x="201" y="74"/>
                    <a:pt x="198" y="75"/>
                    <a:pt x="198" y="75"/>
                  </a:cubicBezTo>
                  <a:cubicBezTo>
                    <a:pt x="195" y="75"/>
                    <a:pt x="194" y="75"/>
                    <a:pt x="193" y="76"/>
                  </a:cubicBezTo>
                  <a:cubicBezTo>
                    <a:pt x="192" y="76"/>
                    <a:pt x="190" y="76"/>
                    <a:pt x="190" y="76"/>
                  </a:cubicBezTo>
                  <a:cubicBezTo>
                    <a:pt x="190" y="76"/>
                    <a:pt x="190" y="73"/>
                    <a:pt x="187" y="74"/>
                  </a:cubicBezTo>
                  <a:cubicBezTo>
                    <a:pt x="184" y="76"/>
                    <a:pt x="183" y="76"/>
                    <a:pt x="182" y="76"/>
                  </a:cubicBezTo>
                  <a:cubicBezTo>
                    <a:pt x="180" y="77"/>
                    <a:pt x="182" y="78"/>
                    <a:pt x="180" y="77"/>
                  </a:cubicBezTo>
                  <a:cubicBezTo>
                    <a:pt x="179" y="75"/>
                    <a:pt x="181" y="77"/>
                    <a:pt x="179" y="75"/>
                  </a:cubicBezTo>
                  <a:cubicBezTo>
                    <a:pt x="178" y="74"/>
                    <a:pt x="177" y="73"/>
                    <a:pt x="177" y="73"/>
                  </a:cubicBezTo>
                  <a:cubicBezTo>
                    <a:pt x="175" y="73"/>
                    <a:pt x="173" y="74"/>
                    <a:pt x="171" y="73"/>
                  </a:cubicBezTo>
                  <a:cubicBezTo>
                    <a:pt x="169" y="71"/>
                    <a:pt x="172" y="69"/>
                    <a:pt x="171" y="69"/>
                  </a:cubicBezTo>
                  <a:cubicBezTo>
                    <a:pt x="169" y="67"/>
                    <a:pt x="169" y="67"/>
                    <a:pt x="167" y="67"/>
                  </a:cubicBezTo>
                  <a:cubicBezTo>
                    <a:pt x="165" y="66"/>
                    <a:pt x="165" y="64"/>
                    <a:pt x="162" y="65"/>
                  </a:cubicBezTo>
                  <a:cubicBezTo>
                    <a:pt x="159" y="66"/>
                    <a:pt x="159" y="67"/>
                    <a:pt x="156" y="67"/>
                  </a:cubicBezTo>
                  <a:cubicBezTo>
                    <a:pt x="153" y="67"/>
                    <a:pt x="153" y="66"/>
                    <a:pt x="151" y="67"/>
                  </a:cubicBezTo>
                  <a:cubicBezTo>
                    <a:pt x="148" y="68"/>
                    <a:pt x="151" y="69"/>
                    <a:pt x="148" y="68"/>
                  </a:cubicBezTo>
                  <a:cubicBezTo>
                    <a:pt x="146" y="67"/>
                    <a:pt x="147" y="66"/>
                    <a:pt x="146" y="65"/>
                  </a:cubicBezTo>
                  <a:cubicBezTo>
                    <a:pt x="143" y="63"/>
                    <a:pt x="145" y="63"/>
                    <a:pt x="142" y="63"/>
                  </a:cubicBezTo>
                  <a:cubicBezTo>
                    <a:pt x="142" y="63"/>
                    <a:pt x="141" y="63"/>
                    <a:pt x="141" y="63"/>
                  </a:cubicBezTo>
                  <a:cubicBezTo>
                    <a:pt x="140" y="63"/>
                    <a:pt x="140" y="62"/>
                    <a:pt x="139" y="63"/>
                  </a:cubicBezTo>
                  <a:cubicBezTo>
                    <a:pt x="136" y="67"/>
                    <a:pt x="139" y="66"/>
                    <a:pt x="136" y="67"/>
                  </a:cubicBezTo>
                  <a:cubicBezTo>
                    <a:pt x="134" y="68"/>
                    <a:pt x="132" y="68"/>
                    <a:pt x="133" y="66"/>
                  </a:cubicBezTo>
                  <a:cubicBezTo>
                    <a:pt x="133" y="64"/>
                    <a:pt x="133" y="63"/>
                    <a:pt x="135" y="63"/>
                  </a:cubicBezTo>
                  <a:cubicBezTo>
                    <a:pt x="135" y="63"/>
                    <a:pt x="137" y="62"/>
                    <a:pt x="136" y="61"/>
                  </a:cubicBezTo>
                  <a:cubicBezTo>
                    <a:pt x="135" y="61"/>
                    <a:pt x="132" y="60"/>
                    <a:pt x="131" y="60"/>
                  </a:cubicBezTo>
                  <a:cubicBezTo>
                    <a:pt x="130" y="60"/>
                    <a:pt x="126" y="60"/>
                    <a:pt x="126" y="59"/>
                  </a:cubicBezTo>
                  <a:cubicBezTo>
                    <a:pt x="125" y="57"/>
                    <a:pt x="124" y="56"/>
                    <a:pt x="122" y="58"/>
                  </a:cubicBezTo>
                  <a:cubicBezTo>
                    <a:pt x="120" y="59"/>
                    <a:pt x="118" y="60"/>
                    <a:pt x="116" y="62"/>
                  </a:cubicBezTo>
                  <a:cubicBezTo>
                    <a:pt x="115" y="64"/>
                    <a:pt x="117" y="64"/>
                    <a:pt x="114" y="65"/>
                  </a:cubicBezTo>
                  <a:cubicBezTo>
                    <a:pt x="110" y="67"/>
                    <a:pt x="109" y="67"/>
                    <a:pt x="107" y="68"/>
                  </a:cubicBezTo>
                  <a:cubicBezTo>
                    <a:pt x="106" y="68"/>
                    <a:pt x="105" y="68"/>
                    <a:pt x="104" y="68"/>
                  </a:cubicBezTo>
                  <a:cubicBezTo>
                    <a:pt x="103" y="68"/>
                    <a:pt x="102" y="68"/>
                    <a:pt x="100" y="68"/>
                  </a:cubicBezTo>
                  <a:cubicBezTo>
                    <a:pt x="99" y="68"/>
                    <a:pt x="98" y="68"/>
                    <a:pt x="97" y="67"/>
                  </a:cubicBezTo>
                  <a:cubicBezTo>
                    <a:pt x="97" y="67"/>
                    <a:pt x="97" y="67"/>
                    <a:pt x="96" y="67"/>
                  </a:cubicBezTo>
                  <a:cubicBezTo>
                    <a:pt x="91" y="68"/>
                    <a:pt x="91" y="68"/>
                    <a:pt x="89" y="70"/>
                  </a:cubicBezTo>
                  <a:cubicBezTo>
                    <a:pt x="86" y="72"/>
                    <a:pt x="87" y="72"/>
                    <a:pt x="85" y="73"/>
                  </a:cubicBezTo>
                  <a:cubicBezTo>
                    <a:pt x="83" y="73"/>
                    <a:pt x="83" y="74"/>
                    <a:pt x="82" y="75"/>
                  </a:cubicBezTo>
                  <a:cubicBezTo>
                    <a:pt x="81" y="77"/>
                    <a:pt x="82" y="76"/>
                    <a:pt x="80" y="77"/>
                  </a:cubicBezTo>
                  <a:cubicBezTo>
                    <a:pt x="78" y="78"/>
                    <a:pt x="78" y="77"/>
                    <a:pt x="77" y="78"/>
                  </a:cubicBezTo>
                  <a:cubicBezTo>
                    <a:pt x="75" y="78"/>
                    <a:pt x="74" y="79"/>
                    <a:pt x="74" y="79"/>
                  </a:cubicBezTo>
                  <a:cubicBezTo>
                    <a:pt x="74" y="79"/>
                    <a:pt x="68" y="75"/>
                    <a:pt x="66" y="77"/>
                  </a:cubicBezTo>
                  <a:cubicBezTo>
                    <a:pt x="64" y="80"/>
                    <a:pt x="60" y="80"/>
                    <a:pt x="58" y="84"/>
                  </a:cubicBezTo>
                  <a:cubicBezTo>
                    <a:pt x="57" y="88"/>
                    <a:pt x="51" y="90"/>
                    <a:pt x="51" y="92"/>
                  </a:cubicBezTo>
                  <a:cubicBezTo>
                    <a:pt x="51" y="95"/>
                    <a:pt x="54" y="94"/>
                    <a:pt x="51" y="97"/>
                  </a:cubicBezTo>
                  <a:cubicBezTo>
                    <a:pt x="47" y="101"/>
                    <a:pt x="44" y="102"/>
                    <a:pt x="42" y="103"/>
                  </a:cubicBezTo>
                  <a:cubicBezTo>
                    <a:pt x="40" y="105"/>
                    <a:pt x="33" y="106"/>
                    <a:pt x="33" y="106"/>
                  </a:cubicBezTo>
                  <a:cubicBezTo>
                    <a:pt x="30" y="105"/>
                    <a:pt x="30" y="105"/>
                    <a:pt x="30" y="105"/>
                  </a:cubicBezTo>
                  <a:cubicBezTo>
                    <a:pt x="27" y="106"/>
                    <a:pt x="27" y="106"/>
                    <a:pt x="27" y="106"/>
                  </a:cubicBezTo>
                  <a:cubicBezTo>
                    <a:pt x="21" y="106"/>
                    <a:pt x="21" y="106"/>
                    <a:pt x="21" y="106"/>
                  </a:cubicBezTo>
                  <a:cubicBezTo>
                    <a:pt x="18" y="109"/>
                    <a:pt x="17" y="107"/>
                    <a:pt x="18" y="109"/>
                  </a:cubicBezTo>
                  <a:cubicBezTo>
                    <a:pt x="18" y="112"/>
                    <a:pt x="14" y="114"/>
                    <a:pt x="14" y="115"/>
                  </a:cubicBezTo>
                  <a:cubicBezTo>
                    <a:pt x="14" y="116"/>
                    <a:pt x="18" y="116"/>
                    <a:pt x="19" y="117"/>
                  </a:cubicBezTo>
                  <a:cubicBezTo>
                    <a:pt x="20" y="118"/>
                    <a:pt x="18" y="119"/>
                    <a:pt x="20" y="120"/>
                  </a:cubicBezTo>
                  <a:cubicBezTo>
                    <a:pt x="23" y="121"/>
                    <a:pt x="28" y="124"/>
                    <a:pt x="29" y="124"/>
                  </a:cubicBezTo>
                  <a:cubicBezTo>
                    <a:pt x="31" y="124"/>
                    <a:pt x="31" y="124"/>
                    <a:pt x="33" y="124"/>
                  </a:cubicBezTo>
                  <a:cubicBezTo>
                    <a:pt x="35" y="125"/>
                    <a:pt x="38" y="125"/>
                    <a:pt x="38" y="127"/>
                  </a:cubicBezTo>
                  <a:cubicBezTo>
                    <a:pt x="39" y="129"/>
                    <a:pt x="41" y="130"/>
                    <a:pt x="42" y="131"/>
                  </a:cubicBezTo>
                  <a:cubicBezTo>
                    <a:pt x="42" y="132"/>
                    <a:pt x="41" y="135"/>
                    <a:pt x="43" y="135"/>
                  </a:cubicBezTo>
                  <a:cubicBezTo>
                    <a:pt x="43" y="135"/>
                    <a:pt x="46" y="139"/>
                    <a:pt x="47" y="139"/>
                  </a:cubicBezTo>
                  <a:cubicBezTo>
                    <a:pt x="47" y="139"/>
                    <a:pt x="50" y="140"/>
                    <a:pt x="50" y="141"/>
                  </a:cubicBezTo>
                  <a:cubicBezTo>
                    <a:pt x="51" y="142"/>
                    <a:pt x="52" y="142"/>
                    <a:pt x="53" y="142"/>
                  </a:cubicBezTo>
                  <a:cubicBezTo>
                    <a:pt x="53" y="142"/>
                    <a:pt x="54" y="142"/>
                    <a:pt x="55" y="141"/>
                  </a:cubicBezTo>
                  <a:cubicBezTo>
                    <a:pt x="56" y="141"/>
                    <a:pt x="56" y="140"/>
                    <a:pt x="57" y="141"/>
                  </a:cubicBezTo>
                  <a:cubicBezTo>
                    <a:pt x="58" y="141"/>
                    <a:pt x="59" y="141"/>
                    <a:pt x="59" y="141"/>
                  </a:cubicBezTo>
                  <a:cubicBezTo>
                    <a:pt x="60" y="140"/>
                    <a:pt x="60" y="140"/>
                    <a:pt x="61" y="139"/>
                  </a:cubicBezTo>
                  <a:cubicBezTo>
                    <a:pt x="61" y="139"/>
                    <a:pt x="62" y="140"/>
                    <a:pt x="63" y="140"/>
                  </a:cubicBezTo>
                  <a:cubicBezTo>
                    <a:pt x="63" y="140"/>
                    <a:pt x="64" y="140"/>
                    <a:pt x="64" y="140"/>
                  </a:cubicBezTo>
                  <a:cubicBezTo>
                    <a:pt x="66" y="141"/>
                    <a:pt x="68" y="141"/>
                    <a:pt x="68" y="141"/>
                  </a:cubicBezTo>
                  <a:cubicBezTo>
                    <a:pt x="68" y="141"/>
                    <a:pt x="68" y="142"/>
                    <a:pt x="68" y="142"/>
                  </a:cubicBezTo>
                  <a:cubicBezTo>
                    <a:pt x="68" y="143"/>
                    <a:pt x="68" y="143"/>
                    <a:pt x="68" y="143"/>
                  </a:cubicBezTo>
                  <a:cubicBezTo>
                    <a:pt x="66" y="144"/>
                    <a:pt x="66" y="145"/>
                    <a:pt x="67" y="145"/>
                  </a:cubicBezTo>
                  <a:cubicBezTo>
                    <a:pt x="67" y="145"/>
                    <a:pt x="68" y="146"/>
                    <a:pt x="68" y="146"/>
                  </a:cubicBezTo>
                  <a:cubicBezTo>
                    <a:pt x="68" y="146"/>
                    <a:pt x="67" y="147"/>
                    <a:pt x="68" y="148"/>
                  </a:cubicBezTo>
                  <a:cubicBezTo>
                    <a:pt x="70" y="148"/>
                    <a:pt x="71" y="149"/>
                    <a:pt x="71" y="149"/>
                  </a:cubicBezTo>
                  <a:cubicBezTo>
                    <a:pt x="73" y="149"/>
                    <a:pt x="73" y="149"/>
                    <a:pt x="73" y="149"/>
                  </a:cubicBezTo>
                  <a:cubicBezTo>
                    <a:pt x="73" y="149"/>
                    <a:pt x="75" y="148"/>
                    <a:pt x="76" y="148"/>
                  </a:cubicBezTo>
                  <a:cubicBezTo>
                    <a:pt x="77" y="148"/>
                    <a:pt x="76" y="148"/>
                    <a:pt x="78" y="148"/>
                  </a:cubicBezTo>
                  <a:cubicBezTo>
                    <a:pt x="79" y="148"/>
                    <a:pt x="82" y="148"/>
                    <a:pt x="82" y="148"/>
                  </a:cubicBezTo>
                  <a:cubicBezTo>
                    <a:pt x="84" y="149"/>
                    <a:pt x="84" y="149"/>
                    <a:pt x="84" y="149"/>
                  </a:cubicBezTo>
                  <a:cubicBezTo>
                    <a:pt x="84" y="151"/>
                    <a:pt x="84" y="151"/>
                    <a:pt x="84" y="151"/>
                  </a:cubicBezTo>
                  <a:cubicBezTo>
                    <a:pt x="84" y="151"/>
                    <a:pt x="83" y="151"/>
                    <a:pt x="82" y="151"/>
                  </a:cubicBezTo>
                  <a:cubicBezTo>
                    <a:pt x="82" y="151"/>
                    <a:pt x="82" y="151"/>
                    <a:pt x="81" y="151"/>
                  </a:cubicBezTo>
                  <a:cubicBezTo>
                    <a:pt x="81" y="150"/>
                    <a:pt x="80" y="150"/>
                    <a:pt x="80" y="150"/>
                  </a:cubicBezTo>
                  <a:cubicBezTo>
                    <a:pt x="79" y="151"/>
                    <a:pt x="78" y="152"/>
                    <a:pt x="78" y="152"/>
                  </a:cubicBezTo>
                  <a:cubicBezTo>
                    <a:pt x="77" y="152"/>
                    <a:pt x="76" y="152"/>
                    <a:pt x="76" y="152"/>
                  </a:cubicBezTo>
                  <a:cubicBezTo>
                    <a:pt x="75" y="153"/>
                    <a:pt x="75" y="153"/>
                    <a:pt x="75" y="154"/>
                  </a:cubicBezTo>
                  <a:cubicBezTo>
                    <a:pt x="75" y="155"/>
                    <a:pt x="75" y="155"/>
                    <a:pt x="75" y="155"/>
                  </a:cubicBezTo>
                  <a:cubicBezTo>
                    <a:pt x="74" y="155"/>
                    <a:pt x="74" y="155"/>
                    <a:pt x="74" y="155"/>
                  </a:cubicBezTo>
                  <a:cubicBezTo>
                    <a:pt x="73" y="154"/>
                    <a:pt x="73" y="154"/>
                    <a:pt x="72" y="154"/>
                  </a:cubicBezTo>
                  <a:cubicBezTo>
                    <a:pt x="72" y="155"/>
                    <a:pt x="70" y="155"/>
                    <a:pt x="70" y="155"/>
                  </a:cubicBezTo>
                  <a:cubicBezTo>
                    <a:pt x="69" y="156"/>
                    <a:pt x="70" y="156"/>
                    <a:pt x="69" y="156"/>
                  </a:cubicBezTo>
                  <a:cubicBezTo>
                    <a:pt x="67" y="158"/>
                    <a:pt x="68" y="157"/>
                    <a:pt x="66" y="158"/>
                  </a:cubicBezTo>
                  <a:cubicBezTo>
                    <a:pt x="65" y="158"/>
                    <a:pt x="56" y="158"/>
                    <a:pt x="56" y="157"/>
                  </a:cubicBezTo>
                  <a:cubicBezTo>
                    <a:pt x="55" y="157"/>
                    <a:pt x="55" y="157"/>
                    <a:pt x="53" y="157"/>
                  </a:cubicBezTo>
                  <a:cubicBezTo>
                    <a:pt x="52" y="157"/>
                    <a:pt x="52" y="156"/>
                    <a:pt x="51" y="157"/>
                  </a:cubicBezTo>
                  <a:cubicBezTo>
                    <a:pt x="50" y="157"/>
                    <a:pt x="50" y="157"/>
                    <a:pt x="50" y="157"/>
                  </a:cubicBezTo>
                  <a:cubicBezTo>
                    <a:pt x="49" y="157"/>
                    <a:pt x="49" y="157"/>
                    <a:pt x="49" y="157"/>
                  </a:cubicBezTo>
                  <a:cubicBezTo>
                    <a:pt x="47" y="158"/>
                    <a:pt x="46" y="158"/>
                    <a:pt x="46" y="158"/>
                  </a:cubicBezTo>
                  <a:cubicBezTo>
                    <a:pt x="46" y="158"/>
                    <a:pt x="45" y="157"/>
                    <a:pt x="45" y="157"/>
                  </a:cubicBezTo>
                  <a:cubicBezTo>
                    <a:pt x="45" y="156"/>
                    <a:pt x="45" y="156"/>
                    <a:pt x="45" y="156"/>
                  </a:cubicBezTo>
                  <a:cubicBezTo>
                    <a:pt x="45" y="156"/>
                    <a:pt x="45" y="156"/>
                    <a:pt x="44" y="156"/>
                  </a:cubicBezTo>
                  <a:cubicBezTo>
                    <a:pt x="43" y="154"/>
                    <a:pt x="43" y="155"/>
                    <a:pt x="44" y="153"/>
                  </a:cubicBezTo>
                  <a:cubicBezTo>
                    <a:pt x="45" y="152"/>
                    <a:pt x="46" y="151"/>
                    <a:pt x="46" y="151"/>
                  </a:cubicBezTo>
                  <a:cubicBezTo>
                    <a:pt x="46" y="151"/>
                    <a:pt x="46" y="150"/>
                    <a:pt x="46" y="150"/>
                  </a:cubicBezTo>
                  <a:cubicBezTo>
                    <a:pt x="45" y="150"/>
                    <a:pt x="45" y="148"/>
                    <a:pt x="44" y="148"/>
                  </a:cubicBezTo>
                  <a:cubicBezTo>
                    <a:pt x="43" y="148"/>
                    <a:pt x="42" y="148"/>
                    <a:pt x="42" y="148"/>
                  </a:cubicBezTo>
                  <a:cubicBezTo>
                    <a:pt x="41" y="148"/>
                    <a:pt x="42" y="148"/>
                    <a:pt x="42" y="148"/>
                  </a:cubicBezTo>
                  <a:cubicBezTo>
                    <a:pt x="42" y="148"/>
                    <a:pt x="43" y="147"/>
                    <a:pt x="41" y="148"/>
                  </a:cubicBezTo>
                  <a:cubicBezTo>
                    <a:pt x="38" y="149"/>
                    <a:pt x="35" y="150"/>
                    <a:pt x="34" y="150"/>
                  </a:cubicBezTo>
                  <a:cubicBezTo>
                    <a:pt x="34" y="150"/>
                    <a:pt x="32" y="149"/>
                    <a:pt x="31" y="150"/>
                  </a:cubicBezTo>
                  <a:cubicBezTo>
                    <a:pt x="30" y="151"/>
                    <a:pt x="30" y="151"/>
                    <a:pt x="29" y="152"/>
                  </a:cubicBezTo>
                  <a:cubicBezTo>
                    <a:pt x="28" y="152"/>
                    <a:pt x="28" y="152"/>
                    <a:pt x="28" y="152"/>
                  </a:cubicBezTo>
                  <a:cubicBezTo>
                    <a:pt x="27" y="151"/>
                    <a:pt x="27" y="151"/>
                    <a:pt x="26" y="152"/>
                  </a:cubicBezTo>
                  <a:cubicBezTo>
                    <a:pt x="25" y="152"/>
                    <a:pt x="25" y="151"/>
                    <a:pt x="25" y="153"/>
                  </a:cubicBezTo>
                  <a:cubicBezTo>
                    <a:pt x="24" y="154"/>
                    <a:pt x="24" y="154"/>
                    <a:pt x="24" y="155"/>
                  </a:cubicBezTo>
                  <a:cubicBezTo>
                    <a:pt x="24" y="156"/>
                    <a:pt x="26" y="157"/>
                    <a:pt x="25" y="157"/>
                  </a:cubicBezTo>
                  <a:cubicBezTo>
                    <a:pt x="25" y="157"/>
                    <a:pt x="24" y="157"/>
                    <a:pt x="24" y="157"/>
                  </a:cubicBezTo>
                  <a:cubicBezTo>
                    <a:pt x="23" y="157"/>
                    <a:pt x="22" y="157"/>
                    <a:pt x="22" y="157"/>
                  </a:cubicBezTo>
                  <a:cubicBezTo>
                    <a:pt x="21" y="157"/>
                    <a:pt x="21" y="157"/>
                    <a:pt x="20" y="157"/>
                  </a:cubicBezTo>
                  <a:cubicBezTo>
                    <a:pt x="20" y="157"/>
                    <a:pt x="19" y="157"/>
                    <a:pt x="18" y="157"/>
                  </a:cubicBezTo>
                  <a:cubicBezTo>
                    <a:pt x="18" y="157"/>
                    <a:pt x="18" y="157"/>
                    <a:pt x="17" y="157"/>
                  </a:cubicBezTo>
                  <a:cubicBezTo>
                    <a:pt x="17" y="157"/>
                    <a:pt x="17" y="157"/>
                    <a:pt x="16" y="157"/>
                  </a:cubicBezTo>
                  <a:cubicBezTo>
                    <a:pt x="15" y="158"/>
                    <a:pt x="15" y="157"/>
                    <a:pt x="14" y="159"/>
                  </a:cubicBezTo>
                  <a:cubicBezTo>
                    <a:pt x="12" y="160"/>
                    <a:pt x="12" y="160"/>
                    <a:pt x="11" y="161"/>
                  </a:cubicBezTo>
                  <a:cubicBezTo>
                    <a:pt x="11" y="161"/>
                    <a:pt x="11" y="161"/>
                    <a:pt x="10" y="161"/>
                  </a:cubicBezTo>
                  <a:cubicBezTo>
                    <a:pt x="9" y="161"/>
                    <a:pt x="9" y="161"/>
                    <a:pt x="8" y="161"/>
                  </a:cubicBezTo>
                  <a:cubicBezTo>
                    <a:pt x="7" y="161"/>
                    <a:pt x="4" y="162"/>
                    <a:pt x="4" y="162"/>
                  </a:cubicBezTo>
                  <a:cubicBezTo>
                    <a:pt x="2" y="163"/>
                    <a:pt x="0" y="164"/>
                    <a:pt x="0" y="164"/>
                  </a:cubicBezTo>
                  <a:cubicBezTo>
                    <a:pt x="0" y="167"/>
                    <a:pt x="1" y="169"/>
                    <a:pt x="1" y="169"/>
                  </a:cubicBezTo>
                  <a:cubicBezTo>
                    <a:pt x="2" y="169"/>
                    <a:pt x="2" y="169"/>
                    <a:pt x="2" y="169"/>
                  </a:cubicBezTo>
                  <a:cubicBezTo>
                    <a:pt x="3" y="169"/>
                    <a:pt x="3" y="169"/>
                    <a:pt x="3" y="169"/>
                  </a:cubicBezTo>
                  <a:cubicBezTo>
                    <a:pt x="4" y="170"/>
                    <a:pt x="6" y="169"/>
                    <a:pt x="6" y="170"/>
                  </a:cubicBezTo>
                  <a:cubicBezTo>
                    <a:pt x="6" y="171"/>
                    <a:pt x="8" y="171"/>
                    <a:pt x="9" y="171"/>
                  </a:cubicBezTo>
                  <a:cubicBezTo>
                    <a:pt x="9" y="171"/>
                    <a:pt x="10" y="171"/>
                    <a:pt x="11" y="171"/>
                  </a:cubicBezTo>
                  <a:cubicBezTo>
                    <a:pt x="12" y="170"/>
                    <a:pt x="13" y="170"/>
                    <a:pt x="13" y="170"/>
                  </a:cubicBezTo>
                  <a:cubicBezTo>
                    <a:pt x="13" y="170"/>
                    <a:pt x="13" y="170"/>
                    <a:pt x="13" y="170"/>
                  </a:cubicBezTo>
                  <a:cubicBezTo>
                    <a:pt x="14" y="170"/>
                    <a:pt x="15" y="170"/>
                    <a:pt x="15" y="171"/>
                  </a:cubicBezTo>
                  <a:cubicBezTo>
                    <a:pt x="16" y="171"/>
                    <a:pt x="17" y="171"/>
                    <a:pt x="18" y="171"/>
                  </a:cubicBezTo>
                  <a:cubicBezTo>
                    <a:pt x="19" y="172"/>
                    <a:pt x="20" y="172"/>
                    <a:pt x="19" y="173"/>
                  </a:cubicBezTo>
                  <a:cubicBezTo>
                    <a:pt x="18" y="174"/>
                    <a:pt x="14" y="174"/>
                    <a:pt x="14" y="174"/>
                  </a:cubicBezTo>
                  <a:cubicBezTo>
                    <a:pt x="14" y="174"/>
                    <a:pt x="13" y="174"/>
                    <a:pt x="13" y="174"/>
                  </a:cubicBezTo>
                  <a:cubicBezTo>
                    <a:pt x="12" y="173"/>
                    <a:pt x="12" y="173"/>
                    <a:pt x="11" y="174"/>
                  </a:cubicBezTo>
                  <a:cubicBezTo>
                    <a:pt x="11" y="175"/>
                    <a:pt x="12" y="176"/>
                    <a:pt x="12" y="176"/>
                  </a:cubicBezTo>
                  <a:cubicBezTo>
                    <a:pt x="13" y="176"/>
                    <a:pt x="14" y="177"/>
                    <a:pt x="14" y="179"/>
                  </a:cubicBezTo>
                  <a:cubicBezTo>
                    <a:pt x="15" y="180"/>
                    <a:pt x="16" y="180"/>
                    <a:pt x="16" y="181"/>
                  </a:cubicBezTo>
                  <a:cubicBezTo>
                    <a:pt x="16" y="182"/>
                    <a:pt x="16" y="183"/>
                    <a:pt x="16" y="183"/>
                  </a:cubicBezTo>
                  <a:cubicBezTo>
                    <a:pt x="17" y="184"/>
                    <a:pt x="19" y="184"/>
                    <a:pt x="19" y="184"/>
                  </a:cubicBezTo>
                  <a:cubicBezTo>
                    <a:pt x="19" y="184"/>
                    <a:pt x="21" y="184"/>
                    <a:pt x="21" y="185"/>
                  </a:cubicBezTo>
                  <a:cubicBezTo>
                    <a:pt x="22" y="185"/>
                    <a:pt x="23" y="186"/>
                    <a:pt x="24" y="186"/>
                  </a:cubicBezTo>
                  <a:cubicBezTo>
                    <a:pt x="24" y="186"/>
                    <a:pt x="27" y="186"/>
                    <a:pt x="27" y="186"/>
                  </a:cubicBezTo>
                  <a:cubicBezTo>
                    <a:pt x="27" y="186"/>
                    <a:pt x="29" y="186"/>
                    <a:pt x="29" y="186"/>
                  </a:cubicBezTo>
                  <a:cubicBezTo>
                    <a:pt x="29" y="186"/>
                    <a:pt x="29" y="186"/>
                    <a:pt x="29" y="186"/>
                  </a:cubicBezTo>
                  <a:cubicBezTo>
                    <a:pt x="29" y="186"/>
                    <a:pt x="29" y="186"/>
                    <a:pt x="30" y="186"/>
                  </a:cubicBezTo>
                  <a:cubicBezTo>
                    <a:pt x="32" y="186"/>
                    <a:pt x="35" y="186"/>
                    <a:pt x="35" y="186"/>
                  </a:cubicBezTo>
                  <a:cubicBezTo>
                    <a:pt x="40" y="185"/>
                    <a:pt x="40" y="185"/>
                    <a:pt x="40" y="185"/>
                  </a:cubicBezTo>
                  <a:cubicBezTo>
                    <a:pt x="40" y="185"/>
                    <a:pt x="40" y="185"/>
                    <a:pt x="41" y="184"/>
                  </a:cubicBezTo>
                  <a:cubicBezTo>
                    <a:pt x="42" y="184"/>
                    <a:pt x="43" y="183"/>
                    <a:pt x="43" y="184"/>
                  </a:cubicBezTo>
                  <a:cubicBezTo>
                    <a:pt x="44" y="184"/>
                    <a:pt x="45" y="185"/>
                    <a:pt x="46" y="185"/>
                  </a:cubicBezTo>
                  <a:cubicBezTo>
                    <a:pt x="48" y="185"/>
                    <a:pt x="49" y="185"/>
                    <a:pt x="49" y="185"/>
                  </a:cubicBezTo>
                  <a:cubicBezTo>
                    <a:pt x="50" y="184"/>
                    <a:pt x="51" y="184"/>
                    <a:pt x="51" y="185"/>
                  </a:cubicBezTo>
                  <a:cubicBezTo>
                    <a:pt x="52" y="186"/>
                    <a:pt x="53" y="186"/>
                    <a:pt x="53" y="187"/>
                  </a:cubicBezTo>
                  <a:cubicBezTo>
                    <a:pt x="53" y="188"/>
                    <a:pt x="54" y="187"/>
                    <a:pt x="55" y="187"/>
                  </a:cubicBezTo>
                  <a:cubicBezTo>
                    <a:pt x="56" y="186"/>
                    <a:pt x="56" y="186"/>
                    <a:pt x="57" y="187"/>
                  </a:cubicBezTo>
                  <a:cubicBezTo>
                    <a:pt x="58" y="187"/>
                    <a:pt x="58" y="188"/>
                    <a:pt x="59" y="187"/>
                  </a:cubicBezTo>
                  <a:cubicBezTo>
                    <a:pt x="60" y="186"/>
                    <a:pt x="61" y="185"/>
                    <a:pt x="62" y="185"/>
                  </a:cubicBezTo>
                  <a:cubicBezTo>
                    <a:pt x="62" y="184"/>
                    <a:pt x="62" y="184"/>
                    <a:pt x="63" y="183"/>
                  </a:cubicBezTo>
                  <a:cubicBezTo>
                    <a:pt x="64" y="183"/>
                    <a:pt x="66" y="182"/>
                    <a:pt x="66" y="182"/>
                  </a:cubicBezTo>
                  <a:cubicBezTo>
                    <a:pt x="66" y="182"/>
                    <a:pt x="67" y="182"/>
                    <a:pt x="68" y="181"/>
                  </a:cubicBezTo>
                  <a:cubicBezTo>
                    <a:pt x="68" y="181"/>
                    <a:pt x="68" y="181"/>
                    <a:pt x="69" y="181"/>
                  </a:cubicBezTo>
                  <a:cubicBezTo>
                    <a:pt x="71" y="181"/>
                    <a:pt x="72" y="180"/>
                    <a:pt x="72" y="180"/>
                  </a:cubicBezTo>
                  <a:cubicBezTo>
                    <a:pt x="73" y="180"/>
                    <a:pt x="74" y="179"/>
                    <a:pt x="75" y="179"/>
                  </a:cubicBezTo>
                  <a:cubicBezTo>
                    <a:pt x="76" y="179"/>
                    <a:pt x="77" y="180"/>
                    <a:pt x="77" y="180"/>
                  </a:cubicBezTo>
                  <a:cubicBezTo>
                    <a:pt x="78" y="181"/>
                    <a:pt x="78" y="181"/>
                    <a:pt x="78" y="182"/>
                  </a:cubicBezTo>
                  <a:cubicBezTo>
                    <a:pt x="78" y="183"/>
                    <a:pt x="78" y="183"/>
                    <a:pt x="77" y="183"/>
                  </a:cubicBezTo>
                  <a:cubicBezTo>
                    <a:pt x="76" y="184"/>
                    <a:pt x="76" y="184"/>
                    <a:pt x="76" y="184"/>
                  </a:cubicBezTo>
                  <a:cubicBezTo>
                    <a:pt x="75" y="185"/>
                    <a:pt x="75" y="185"/>
                    <a:pt x="75" y="185"/>
                  </a:cubicBezTo>
                  <a:cubicBezTo>
                    <a:pt x="74" y="186"/>
                    <a:pt x="74" y="187"/>
                    <a:pt x="74" y="188"/>
                  </a:cubicBezTo>
                  <a:cubicBezTo>
                    <a:pt x="74" y="188"/>
                    <a:pt x="77" y="191"/>
                    <a:pt x="77" y="191"/>
                  </a:cubicBezTo>
                  <a:cubicBezTo>
                    <a:pt x="77" y="191"/>
                    <a:pt x="79" y="194"/>
                    <a:pt x="78" y="194"/>
                  </a:cubicBezTo>
                  <a:cubicBezTo>
                    <a:pt x="78" y="195"/>
                    <a:pt x="79" y="196"/>
                    <a:pt x="79" y="197"/>
                  </a:cubicBezTo>
                  <a:cubicBezTo>
                    <a:pt x="78" y="197"/>
                    <a:pt x="79" y="198"/>
                    <a:pt x="78" y="198"/>
                  </a:cubicBezTo>
                  <a:cubicBezTo>
                    <a:pt x="77" y="199"/>
                    <a:pt x="78" y="199"/>
                    <a:pt x="77" y="200"/>
                  </a:cubicBezTo>
                  <a:cubicBezTo>
                    <a:pt x="76" y="200"/>
                    <a:pt x="78" y="200"/>
                    <a:pt x="76" y="201"/>
                  </a:cubicBezTo>
                  <a:cubicBezTo>
                    <a:pt x="74" y="203"/>
                    <a:pt x="73" y="203"/>
                    <a:pt x="73" y="204"/>
                  </a:cubicBezTo>
                  <a:cubicBezTo>
                    <a:pt x="72" y="204"/>
                    <a:pt x="68" y="205"/>
                    <a:pt x="68" y="204"/>
                  </a:cubicBezTo>
                  <a:cubicBezTo>
                    <a:pt x="67" y="204"/>
                    <a:pt x="65" y="203"/>
                    <a:pt x="65" y="203"/>
                  </a:cubicBezTo>
                  <a:cubicBezTo>
                    <a:pt x="65" y="203"/>
                    <a:pt x="65" y="203"/>
                    <a:pt x="64" y="203"/>
                  </a:cubicBezTo>
                  <a:cubicBezTo>
                    <a:pt x="63" y="204"/>
                    <a:pt x="63" y="203"/>
                    <a:pt x="62" y="204"/>
                  </a:cubicBezTo>
                  <a:cubicBezTo>
                    <a:pt x="61" y="205"/>
                    <a:pt x="60" y="205"/>
                    <a:pt x="59" y="206"/>
                  </a:cubicBezTo>
                  <a:cubicBezTo>
                    <a:pt x="58" y="207"/>
                    <a:pt x="58" y="207"/>
                    <a:pt x="58" y="207"/>
                  </a:cubicBezTo>
                  <a:cubicBezTo>
                    <a:pt x="57" y="208"/>
                    <a:pt x="57" y="209"/>
                    <a:pt x="57" y="209"/>
                  </a:cubicBezTo>
                  <a:cubicBezTo>
                    <a:pt x="55" y="210"/>
                    <a:pt x="55" y="210"/>
                    <a:pt x="55" y="210"/>
                  </a:cubicBezTo>
                  <a:cubicBezTo>
                    <a:pt x="54" y="210"/>
                    <a:pt x="53" y="210"/>
                    <a:pt x="52" y="210"/>
                  </a:cubicBezTo>
                  <a:cubicBezTo>
                    <a:pt x="52" y="210"/>
                    <a:pt x="52" y="210"/>
                    <a:pt x="52" y="210"/>
                  </a:cubicBezTo>
                  <a:cubicBezTo>
                    <a:pt x="52" y="210"/>
                    <a:pt x="52" y="210"/>
                    <a:pt x="51" y="210"/>
                  </a:cubicBezTo>
                  <a:cubicBezTo>
                    <a:pt x="50" y="210"/>
                    <a:pt x="49" y="211"/>
                    <a:pt x="49" y="210"/>
                  </a:cubicBezTo>
                  <a:cubicBezTo>
                    <a:pt x="47" y="210"/>
                    <a:pt x="47" y="210"/>
                    <a:pt x="47" y="209"/>
                  </a:cubicBezTo>
                  <a:cubicBezTo>
                    <a:pt x="47" y="208"/>
                    <a:pt x="48" y="208"/>
                    <a:pt x="47" y="208"/>
                  </a:cubicBezTo>
                  <a:cubicBezTo>
                    <a:pt x="45" y="208"/>
                    <a:pt x="44" y="208"/>
                    <a:pt x="43" y="208"/>
                  </a:cubicBezTo>
                  <a:cubicBezTo>
                    <a:pt x="42" y="208"/>
                    <a:pt x="42" y="208"/>
                    <a:pt x="42" y="208"/>
                  </a:cubicBezTo>
                  <a:cubicBezTo>
                    <a:pt x="41" y="208"/>
                    <a:pt x="39" y="209"/>
                    <a:pt x="39" y="209"/>
                  </a:cubicBezTo>
                  <a:cubicBezTo>
                    <a:pt x="38" y="209"/>
                    <a:pt x="39" y="209"/>
                    <a:pt x="38" y="210"/>
                  </a:cubicBezTo>
                  <a:cubicBezTo>
                    <a:pt x="37" y="211"/>
                    <a:pt x="36" y="212"/>
                    <a:pt x="36" y="212"/>
                  </a:cubicBezTo>
                  <a:cubicBezTo>
                    <a:pt x="34" y="213"/>
                    <a:pt x="35" y="213"/>
                    <a:pt x="34" y="214"/>
                  </a:cubicBezTo>
                  <a:cubicBezTo>
                    <a:pt x="34" y="216"/>
                    <a:pt x="34" y="216"/>
                    <a:pt x="35" y="217"/>
                  </a:cubicBezTo>
                  <a:cubicBezTo>
                    <a:pt x="35" y="217"/>
                    <a:pt x="36" y="218"/>
                    <a:pt x="36" y="218"/>
                  </a:cubicBezTo>
                  <a:cubicBezTo>
                    <a:pt x="36" y="218"/>
                    <a:pt x="36" y="219"/>
                    <a:pt x="36" y="219"/>
                  </a:cubicBezTo>
                  <a:cubicBezTo>
                    <a:pt x="35" y="220"/>
                    <a:pt x="35" y="220"/>
                    <a:pt x="34" y="220"/>
                  </a:cubicBezTo>
                  <a:cubicBezTo>
                    <a:pt x="34" y="220"/>
                    <a:pt x="33" y="219"/>
                    <a:pt x="33" y="219"/>
                  </a:cubicBezTo>
                  <a:cubicBezTo>
                    <a:pt x="32" y="220"/>
                    <a:pt x="31" y="220"/>
                    <a:pt x="31" y="221"/>
                  </a:cubicBezTo>
                  <a:cubicBezTo>
                    <a:pt x="30" y="221"/>
                    <a:pt x="30" y="222"/>
                    <a:pt x="29" y="222"/>
                  </a:cubicBezTo>
                  <a:cubicBezTo>
                    <a:pt x="28" y="222"/>
                    <a:pt x="28" y="222"/>
                    <a:pt x="28" y="222"/>
                  </a:cubicBezTo>
                  <a:cubicBezTo>
                    <a:pt x="28" y="222"/>
                    <a:pt x="27" y="222"/>
                    <a:pt x="27" y="223"/>
                  </a:cubicBezTo>
                  <a:cubicBezTo>
                    <a:pt x="26" y="225"/>
                    <a:pt x="26" y="225"/>
                    <a:pt x="25" y="226"/>
                  </a:cubicBezTo>
                  <a:cubicBezTo>
                    <a:pt x="25" y="226"/>
                    <a:pt x="25" y="226"/>
                    <a:pt x="25" y="226"/>
                  </a:cubicBezTo>
                  <a:cubicBezTo>
                    <a:pt x="26" y="226"/>
                    <a:pt x="26" y="226"/>
                    <a:pt x="25" y="227"/>
                  </a:cubicBezTo>
                  <a:cubicBezTo>
                    <a:pt x="23" y="229"/>
                    <a:pt x="24" y="229"/>
                    <a:pt x="24" y="231"/>
                  </a:cubicBezTo>
                  <a:cubicBezTo>
                    <a:pt x="24" y="232"/>
                    <a:pt x="23" y="232"/>
                    <a:pt x="22" y="233"/>
                  </a:cubicBezTo>
                  <a:cubicBezTo>
                    <a:pt x="21" y="234"/>
                    <a:pt x="20" y="233"/>
                    <a:pt x="20" y="234"/>
                  </a:cubicBezTo>
                  <a:cubicBezTo>
                    <a:pt x="20" y="236"/>
                    <a:pt x="20" y="236"/>
                    <a:pt x="21" y="237"/>
                  </a:cubicBezTo>
                  <a:cubicBezTo>
                    <a:pt x="21" y="238"/>
                    <a:pt x="23" y="239"/>
                    <a:pt x="23" y="240"/>
                  </a:cubicBezTo>
                  <a:cubicBezTo>
                    <a:pt x="23" y="240"/>
                    <a:pt x="23" y="240"/>
                    <a:pt x="23" y="241"/>
                  </a:cubicBezTo>
                  <a:cubicBezTo>
                    <a:pt x="24" y="242"/>
                    <a:pt x="25" y="242"/>
                    <a:pt x="25" y="242"/>
                  </a:cubicBezTo>
                  <a:cubicBezTo>
                    <a:pt x="25" y="243"/>
                    <a:pt x="26" y="243"/>
                    <a:pt x="26" y="243"/>
                  </a:cubicBezTo>
                  <a:cubicBezTo>
                    <a:pt x="27" y="243"/>
                    <a:pt x="28" y="243"/>
                    <a:pt x="28" y="242"/>
                  </a:cubicBezTo>
                  <a:cubicBezTo>
                    <a:pt x="29" y="242"/>
                    <a:pt x="30" y="241"/>
                    <a:pt x="30" y="240"/>
                  </a:cubicBezTo>
                  <a:cubicBezTo>
                    <a:pt x="30" y="240"/>
                    <a:pt x="31" y="238"/>
                    <a:pt x="31" y="238"/>
                  </a:cubicBezTo>
                  <a:cubicBezTo>
                    <a:pt x="31" y="238"/>
                    <a:pt x="32" y="237"/>
                    <a:pt x="33" y="237"/>
                  </a:cubicBezTo>
                  <a:cubicBezTo>
                    <a:pt x="33" y="236"/>
                    <a:pt x="35" y="236"/>
                    <a:pt x="35" y="236"/>
                  </a:cubicBezTo>
                  <a:cubicBezTo>
                    <a:pt x="33" y="238"/>
                    <a:pt x="33" y="238"/>
                    <a:pt x="33" y="238"/>
                  </a:cubicBezTo>
                  <a:cubicBezTo>
                    <a:pt x="32" y="239"/>
                    <a:pt x="31" y="239"/>
                    <a:pt x="31" y="240"/>
                  </a:cubicBezTo>
                  <a:cubicBezTo>
                    <a:pt x="30" y="241"/>
                    <a:pt x="31" y="241"/>
                    <a:pt x="30" y="242"/>
                  </a:cubicBezTo>
                  <a:cubicBezTo>
                    <a:pt x="30" y="243"/>
                    <a:pt x="30" y="243"/>
                    <a:pt x="30" y="244"/>
                  </a:cubicBezTo>
                  <a:cubicBezTo>
                    <a:pt x="30" y="244"/>
                    <a:pt x="31" y="243"/>
                    <a:pt x="32" y="244"/>
                  </a:cubicBezTo>
                  <a:cubicBezTo>
                    <a:pt x="33" y="245"/>
                    <a:pt x="34" y="245"/>
                    <a:pt x="34" y="245"/>
                  </a:cubicBezTo>
                  <a:cubicBezTo>
                    <a:pt x="34" y="246"/>
                    <a:pt x="34" y="247"/>
                    <a:pt x="34" y="247"/>
                  </a:cubicBezTo>
                  <a:cubicBezTo>
                    <a:pt x="35" y="247"/>
                    <a:pt x="35" y="247"/>
                    <a:pt x="36" y="247"/>
                  </a:cubicBezTo>
                  <a:cubicBezTo>
                    <a:pt x="36" y="247"/>
                    <a:pt x="37" y="247"/>
                    <a:pt x="37" y="247"/>
                  </a:cubicBezTo>
                  <a:cubicBezTo>
                    <a:pt x="37" y="247"/>
                    <a:pt x="37" y="247"/>
                    <a:pt x="37" y="247"/>
                  </a:cubicBezTo>
                  <a:cubicBezTo>
                    <a:pt x="38" y="247"/>
                    <a:pt x="39" y="247"/>
                    <a:pt x="39" y="247"/>
                  </a:cubicBezTo>
                  <a:cubicBezTo>
                    <a:pt x="38" y="248"/>
                    <a:pt x="38" y="249"/>
                    <a:pt x="39" y="248"/>
                  </a:cubicBezTo>
                  <a:cubicBezTo>
                    <a:pt x="40" y="248"/>
                    <a:pt x="42" y="247"/>
                    <a:pt x="42" y="247"/>
                  </a:cubicBezTo>
                  <a:cubicBezTo>
                    <a:pt x="42" y="247"/>
                    <a:pt x="43" y="247"/>
                    <a:pt x="43" y="247"/>
                  </a:cubicBezTo>
                  <a:cubicBezTo>
                    <a:pt x="44" y="247"/>
                    <a:pt x="42" y="247"/>
                    <a:pt x="44" y="247"/>
                  </a:cubicBezTo>
                  <a:cubicBezTo>
                    <a:pt x="46" y="247"/>
                    <a:pt x="45" y="247"/>
                    <a:pt x="46" y="247"/>
                  </a:cubicBezTo>
                  <a:cubicBezTo>
                    <a:pt x="46" y="247"/>
                    <a:pt x="47" y="247"/>
                    <a:pt x="47" y="246"/>
                  </a:cubicBezTo>
                  <a:cubicBezTo>
                    <a:pt x="47" y="246"/>
                    <a:pt x="47" y="246"/>
                    <a:pt x="48" y="247"/>
                  </a:cubicBezTo>
                  <a:cubicBezTo>
                    <a:pt x="48" y="250"/>
                    <a:pt x="49" y="250"/>
                    <a:pt x="48" y="250"/>
                  </a:cubicBezTo>
                  <a:cubicBezTo>
                    <a:pt x="48" y="251"/>
                    <a:pt x="47" y="252"/>
                    <a:pt x="46" y="252"/>
                  </a:cubicBezTo>
                  <a:cubicBezTo>
                    <a:pt x="45" y="251"/>
                    <a:pt x="45" y="251"/>
                    <a:pt x="45" y="251"/>
                  </a:cubicBezTo>
                  <a:cubicBezTo>
                    <a:pt x="45" y="251"/>
                    <a:pt x="43" y="249"/>
                    <a:pt x="42" y="249"/>
                  </a:cubicBezTo>
                  <a:cubicBezTo>
                    <a:pt x="42" y="250"/>
                    <a:pt x="42" y="251"/>
                    <a:pt x="41" y="251"/>
                  </a:cubicBezTo>
                  <a:cubicBezTo>
                    <a:pt x="39" y="252"/>
                    <a:pt x="39" y="251"/>
                    <a:pt x="39" y="251"/>
                  </a:cubicBezTo>
                  <a:cubicBezTo>
                    <a:pt x="38" y="250"/>
                    <a:pt x="38" y="250"/>
                    <a:pt x="38" y="249"/>
                  </a:cubicBezTo>
                  <a:cubicBezTo>
                    <a:pt x="37" y="249"/>
                    <a:pt x="37" y="248"/>
                    <a:pt x="37" y="248"/>
                  </a:cubicBezTo>
                  <a:cubicBezTo>
                    <a:pt x="36" y="248"/>
                    <a:pt x="35" y="248"/>
                    <a:pt x="35" y="248"/>
                  </a:cubicBezTo>
                  <a:cubicBezTo>
                    <a:pt x="34" y="248"/>
                    <a:pt x="34" y="248"/>
                    <a:pt x="34" y="248"/>
                  </a:cubicBezTo>
                  <a:cubicBezTo>
                    <a:pt x="34" y="248"/>
                    <a:pt x="34" y="248"/>
                    <a:pt x="33" y="248"/>
                  </a:cubicBezTo>
                  <a:cubicBezTo>
                    <a:pt x="32" y="249"/>
                    <a:pt x="32" y="248"/>
                    <a:pt x="31" y="250"/>
                  </a:cubicBezTo>
                  <a:cubicBezTo>
                    <a:pt x="30" y="251"/>
                    <a:pt x="30" y="251"/>
                    <a:pt x="29" y="252"/>
                  </a:cubicBezTo>
                  <a:cubicBezTo>
                    <a:pt x="29" y="252"/>
                    <a:pt x="27" y="253"/>
                    <a:pt x="28" y="253"/>
                  </a:cubicBezTo>
                  <a:cubicBezTo>
                    <a:pt x="29" y="253"/>
                    <a:pt x="31" y="253"/>
                    <a:pt x="32" y="254"/>
                  </a:cubicBezTo>
                  <a:cubicBezTo>
                    <a:pt x="33" y="255"/>
                    <a:pt x="33" y="255"/>
                    <a:pt x="33" y="256"/>
                  </a:cubicBezTo>
                  <a:cubicBezTo>
                    <a:pt x="34" y="256"/>
                    <a:pt x="34" y="256"/>
                    <a:pt x="34" y="256"/>
                  </a:cubicBezTo>
                  <a:cubicBezTo>
                    <a:pt x="34" y="255"/>
                    <a:pt x="34" y="255"/>
                    <a:pt x="36" y="257"/>
                  </a:cubicBezTo>
                  <a:cubicBezTo>
                    <a:pt x="38" y="260"/>
                    <a:pt x="40" y="260"/>
                    <a:pt x="40" y="261"/>
                  </a:cubicBezTo>
                  <a:cubicBezTo>
                    <a:pt x="40" y="262"/>
                    <a:pt x="40" y="263"/>
                    <a:pt x="41" y="263"/>
                  </a:cubicBezTo>
                  <a:cubicBezTo>
                    <a:pt x="41" y="264"/>
                    <a:pt x="41" y="264"/>
                    <a:pt x="42" y="264"/>
                  </a:cubicBezTo>
                  <a:cubicBezTo>
                    <a:pt x="42" y="265"/>
                    <a:pt x="43" y="264"/>
                    <a:pt x="44" y="265"/>
                  </a:cubicBezTo>
                  <a:cubicBezTo>
                    <a:pt x="44" y="265"/>
                    <a:pt x="44" y="265"/>
                    <a:pt x="46" y="265"/>
                  </a:cubicBezTo>
                  <a:cubicBezTo>
                    <a:pt x="48" y="265"/>
                    <a:pt x="51" y="264"/>
                    <a:pt x="51" y="264"/>
                  </a:cubicBezTo>
                  <a:cubicBezTo>
                    <a:pt x="51" y="264"/>
                    <a:pt x="52" y="266"/>
                    <a:pt x="52" y="265"/>
                  </a:cubicBezTo>
                  <a:cubicBezTo>
                    <a:pt x="53" y="264"/>
                    <a:pt x="55" y="264"/>
                    <a:pt x="55" y="263"/>
                  </a:cubicBezTo>
                  <a:cubicBezTo>
                    <a:pt x="55" y="263"/>
                    <a:pt x="58" y="262"/>
                    <a:pt x="58" y="262"/>
                  </a:cubicBezTo>
                  <a:cubicBezTo>
                    <a:pt x="58" y="262"/>
                    <a:pt x="58" y="261"/>
                    <a:pt x="59" y="261"/>
                  </a:cubicBezTo>
                  <a:cubicBezTo>
                    <a:pt x="59" y="261"/>
                    <a:pt x="60" y="259"/>
                    <a:pt x="60" y="259"/>
                  </a:cubicBezTo>
                  <a:cubicBezTo>
                    <a:pt x="60" y="259"/>
                    <a:pt x="60" y="258"/>
                    <a:pt x="60" y="256"/>
                  </a:cubicBezTo>
                  <a:cubicBezTo>
                    <a:pt x="60" y="255"/>
                    <a:pt x="58" y="257"/>
                    <a:pt x="61" y="254"/>
                  </a:cubicBezTo>
                  <a:cubicBezTo>
                    <a:pt x="64" y="251"/>
                    <a:pt x="65" y="250"/>
                    <a:pt x="65" y="251"/>
                  </a:cubicBezTo>
                  <a:cubicBezTo>
                    <a:pt x="65" y="252"/>
                    <a:pt x="65" y="253"/>
                    <a:pt x="64" y="253"/>
                  </a:cubicBezTo>
                  <a:cubicBezTo>
                    <a:pt x="64" y="254"/>
                    <a:pt x="63" y="255"/>
                    <a:pt x="62" y="255"/>
                  </a:cubicBezTo>
                  <a:cubicBezTo>
                    <a:pt x="62" y="256"/>
                    <a:pt x="62" y="256"/>
                    <a:pt x="62" y="257"/>
                  </a:cubicBezTo>
                  <a:cubicBezTo>
                    <a:pt x="63" y="258"/>
                    <a:pt x="63" y="259"/>
                    <a:pt x="64" y="260"/>
                  </a:cubicBezTo>
                  <a:cubicBezTo>
                    <a:pt x="64" y="262"/>
                    <a:pt x="64" y="262"/>
                    <a:pt x="64" y="263"/>
                  </a:cubicBezTo>
                  <a:cubicBezTo>
                    <a:pt x="64" y="263"/>
                    <a:pt x="66" y="264"/>
                    <a:pt x="65" y="265"/>
                  </a:cubicBezTo>
                  <a:cubicBezTo>
                    <a:pt x="65" y="266"/>
                    <a:pt x="65" y="266"/>
                    <a:pt x="65" y="266"/>
                  </a:cubicBezTo>
                  <a:cubicBezTo>
                    <a:pt x="66" y="267"/>
                    <a:pt x="68" y="267"/>
                    <a:pt x="68" y="268"/>
                  </a:cubicBezTo>
                  <a:cubicBezTo>
                    <a:pt x="68" y="269"/>
                    <a:pt x="68" y="270"/>
                    <a:pt x="68" y="270"/>
                  </a:cubicBezTo>
                  <a:cubicBezTo>
                    <a:pt x="67" y="271"/>
                    <a:pt x="67" y="271"/>
                    <a:pt x="67" y="271"/>
                  </a:cubicBezTo>
                  <a:cubicBezTo>
                    <a:pt x="67" y="270"/>
                    <a:pt x="67" y="270"/>
                    <a:pt x="66" y="271"/>
                  </a:cubicBezTo>
                  <a:cubicBezTo>
                    <a:pt x="65" y="272"/>
                    <a:pt x="64" y="273"/>
                    <a:pt x="65" y="274"/>
                  </a:cubicBezTo>
                  <a:cubicBezTo>
                    <a:pt x="65" y="274"/>
                    <a:pt x="65" y="275"/>
                    <a:pt x="66" y="275"/>
                  </a:cubicBezTo>
                  <a:cubicBezTo>
                    <a:pt x="66" y="276"/>
                    <a:pt x="67" y="276"/>
                    <a:pt x="68" y="277"/>
                  </a:cubicBezTo>
                  <a:cubicBezTo>
                    <a:pt x="68" y="277"/>
                    <a:pt x="68" y="278"/>
                    <a:pt x="68" y="278"/>
                  </a:cubicBezTo>
                  <a:cubicBezTo>
                    <a:pt x="67" y="279"/>
                    <a:pt x="67" y="279"/>
                    <a:pt x="68" y="280"/>
                  </a:cubicBezTo>
                  <a:cubicBezTo>
                    <a:pt x="68" y="281"/>
                    <a:pt x="67" y="283"/>
                    <a:pt x="67" y="283"/>
                  </a:cubicBezTo>
                  <a:cubicBezTo>
                    <a:pt x="67" y="283"/>
                    <a:pt x="64" y="283"/>
                    <a:pt x="67" y="283"/>
                  </a:cubicBezTo>
                  <a:cubicBezTo>
                    <a:pt x="69" y="283"/>
                    <a:pt x="70" y="283"/>
                    <a:pt x="71" y="283"/>
                  </a:cubicBezTo>
                  <a:cubicBezTo>
                    <a:pt x="71" y="282"/>
                    <a:pt x="70" y="283"/>
                    <a:pt x="73" y="282"/>
                  </a:cubicBezTo>
                  <a:cubicBezTo>
                    <a:pt x="77" y="280"/>
                    <a:pt x="80" y="279"/>
                    <a:pt x="80" y="279"/>
                  </a:cubicBezTo>
                  <a:cubicBezTo>
                    <a:pt x="80" y="279"/>
                    <a:pt x="84" y="276"/>
                    <a:pt x="84" y="277"/>
                  </a:cubicBezTo>
                  <a:cubicBezTo>
                    <a:pt x="84" y="278"/>
                    <a:pt x="84" y="278"/>
                    <a:pt x="84" y="278"/>
                  </a:cubicBezTo>
                  <a:cubicBezTo>
                    <a:pt x="84" y="278"/>
                    <a:pt x="84" y="278"/>
                    <a:pt x="85" y="278"/>
                  </a:cubicBezTo>
                  <a:cubicBezTo>
                    <a:pt x="85" y="280"/>
                    <a:pt x="86" y="279"/>
                    <a:pt x="87" y="279"/>
                  </a:cubicBezTo>
                  <a:cubicBezTo>
                    <a:pt x="88" y="279"/>
                    <a:pt x="88" y="279"/>
                    <a:pt x="88" y="280"/>
                  </a:cubicBezTo>
                  <a:cubicBezTo>
                    <a:pt x="88" y="281"/>
                    <a:pt x="90" y="280"/>
                    <a:pt x="90" y="280"/>
                  </a:cubicBezTo>
                  <a:cubicBezTo>
                    <a:pt x="91" y="279"/>
                    <a:pt x="91" y="279"/>
                    <a:pt x="91" y="279"/>
                  </a:cubicBezTo>
                  <a:cubicBezTo>
                    <a:pt x="91" y="279"/>
                    <a:pt x="92" y="280"/>
                    <a:pt x="92" y="281"/>
                  </a:cubicBezTo>
                  <a:cubicBezTo>
                    <a:pt x="94" y="283"/>
                    <a:pt x="95" y="283"/>
                    <a:pt x="95" y="283"/>
                  </a:cubicBezTo>
                  <a:cubicBezTo>
                    <a:pt x="97" y="286"/>
                    <a:pt x="97" y="286"/>
                    <a:pt x="97" y="286"/>
                  </a:cubicBezTo>
                  <a:cubicBezTo>
                    <a:pt x="98" y="287"/>
                    <a:pt x="99" y="287"/>
                    <a:pt x="99" y="287"/>
                  </a:cubicBezTo>
                  <a:cubicBezTo>
                    <a:pt x="100" y="285"/>
                    <a:pt x="100" y="285"/>
                    <a:pt x="100" y="285"/>
                  </a:cubicBezTo>
                  <a:cubicBezTo>
                    <a:pt x="101" y="281"/>
                    <a:pt x="101" y="281"/>
                    <a:pt x="101" y="281"/>
                  </a:cubicBezTo>
                  <a:cubicBezTo>
                    <a:pt x="103" y="279"/>
                    <a:pt x="103" y="279"/>
                    <a:pt x="103" y="279"/>
                  </a:cubicBezTo>
                  <a:cubicBezTo>
                    <a:pt x="103" y="279"/>
                    <a:pt x="103" y="279"/>
                    <a:pt x="104" y="278"/>
                  </a:cubicBezTo>
                  <a:cubicBezTo>
                    <a:pt x="104" y="278"/>
                    <a:pt x="103" y="276"/>
                    <a:pt x="103" y="276"/>
                  </a:cubicBezTo>
                  <a:cubicBezTo>
                    <a:pt x="104" y="275"/>
                    <a:pt x="105" y="274"/>
                    <a:pt x="105" y="274"/>
                  </a:cubicBezTo>
                  <a:cubicBezTo>
                    <a:pt x="105" y="274"/>
                    <a:pt x="106" y="276"/>
                    <a:pt x="106" y="276"/>
                  </a:cubicBezTo>
                  <a:cubicBezTo>
                    <a:pt x="107" y="276"/>
                    <a:pt x="108" y="278"/>
                    <a:pt x="108" y="278"/>
                  </a:cubicBezTo>
                  <a:cubicBezTo>
                    <a:pt x="108" y="279"/>
                    <a:pt x="106" y="278"/>
                    <a:pt x="105" y="279"/>
                  </a:cubicBezTo>
                  <a:cubicBezTo>
                    <a:pt x="105" y="280"/>
                    <a:pt x="105" y="280"/>
                    <a:pt x="104" y="281"/>
                  </a:cubicBezTo>
                  <a:cubicBezTo>
                    <a:pt x="104" y="282"/>
                    <a:pt x="103" y="282"/>
                    <a:pt x="104" y="283"/>
                  </a:cubicBezTo>
                  <a:cubicBezTo>
                    <a:pt x="106" y="283"/>
                    <a:pt x="107" y="283"/>
                    <a:pt x="107" y="283"/>
                  </a:cubicBezTo>
                  <a:cubicBezTo>
                    <a:pt x="107" y="284"/>
                    <a:pt x="108" y="284"/>
                    <a:pt x="108" y="284"/>
                  </a:cubicBezTo>
                  <a:cubicBezTo>
                    <a:pt x="113" y="282"/>
                    <a:pt x="113" y="282"/>
                    <a:pt x="113" y="282"/>
                  </a:cubicBezTo>
                  <a:cubicBezTo>
                    <a:pt x="114" y="281"/>
                    <a:pt x="114" y="281"/>
                    <a:pt x="114" y="281"/>
                  </a:cubicBezTo>
                  <a:cubicBezTo>
                    <a:pt x="117" y="280"/>
                    <a:pt x="117" y="280"/>
                    <a:pt x="117" y="280"/>
                  </a:cubicBezTo>
                  <a:cubicBezTo>
                    <a:pt x="117" y="280"/>
                    <a:pt x="120" y="279"/>
                    <a:pt x="121" y="278"/>
                  </a:cubicBezTo>
                  <a:cubicBezTo>
                    <a:pt x="121" y="277"/>
                    <a:pt x="121" y="277"/>
                    <a:pt x="122" y="276"/>
                  </a:cubicBezTo>
                  <a:cubicBezTo>
                    <a:pt x="123" y="275"/>
                    <a:pt x="124" y="274"/>
                    <a:pt x="124" y="275"/>
                  </a:cubicBezTo>
                  <a:cubicBezTo>
                    <a:pt x="124" y="275"/>
                    <a:pt x="124" y="278"/>
                    <a:pt x="123" y="279"/>
                  </a:cubicBezTo>
                  <a:cubicBezTo>
                    <a:pt x="123" y="279"/>
                    <a:pt x="122" y="280"/>
                    <a:pt x="121" y="281"/>
                  </a:cubicBezTo>
                  <a:cubicBezTo>
                    <a:pt x="121" y="281"/>
                    <a:pt x="122" y="282"/>
                    <a:pt x="121" y="282"/>
                  </a:cubicBezTo>
                  <a:cubicBezTo>
                    <a:pt x="120" y="283"/>
                    <a:pt x="117" y="284"/>
                    <a:pt x="116" y="285"/>
                  </a:cubicBezTo>
                  <a:cubicBezTo>
                    <a:pt x="115" y="286"/>
                    <a:pt x="114" y="285"/>
                    <a:pt x="115" y="287"/>
                  </a:cubicBezTo>
                  <a:cubicBezTo>
                    <a:pt x="115" y="288"/>
                    <a:pt x="116" y="289"/>
                    <a:pt x="116" y="289"/>
                  </a:cubicBezTo>
                  <a:cubicBezTo>
                    <a:pt x="117" y="290"/>
                    <a:pt x="116" y="291"/>
                    <a:pt x="116" y="292"/>
                  </a:cubicBezTo>
                  <a:cubicBezTo>
                    <a:pt x="115" y="292"/>
                    <a:pt x="114" y="292"/>
                    <a:pt x="114" y="293"/>
                  </a:cubicBezTo>
                  <a:cubicBezTo>
                    <a:pt x="114" y="293"/>
                    <a:pt x="114" y="295"/>
                    <a:pt x="114" y="296"/>
                  </a:cubicBezTo>
                  <a:cubicBezTo>
                    <a:pt x="114" y="299"/>
                    <a:pt x="113" y="299"/>
                    <a:pt x="113" y="300"/>
                  </a:cubicBezTo>
                  <a:cubicBezTo>
                    <a:pt x="114" y="301"/>
                    <a:pt x="115" y="301"/>
                    <a:pt x="113" y="302"/>
                  </a:cubicBezTo>
                  <a:cubicBezTo>
                    <a:pt x="112" y="302"/>
                    <a:pt x="111" y="302"/>
                    <a:pt x="111" y="302"/>
                  </a:cubicBezTo>
                  <a:cubicBezTo>
                    <a:pt x="110" y="302"/>
                    <a:pt x="110" y="302"/>
                    <a:pt x="109" y="302"/>
                  </a:cubicBezTo>
                  <a:cubicBezTo>
                    <a:pt x="109" y="302"/>
                    <a:pt x="108" y="303"/>
                    <a:pt x="108" y="304"/>
                  </a:cubicBezTo>
                  <a:cubicBezTo>
                    <a:pt x="107" y="304"/>
                    <a:pt x="107" y="304"/>
                    <a:pt x="106" y="304"/>
                  </a:cubicBezTo>
                  <a:cubicBezTo>
                    <a:pt x="105" y="305"/>
                    <a:pt x="104" y="305"/>
                    <a:pt x="104" y="306"/>
                  </a:cubicBezTo>
                  <a:cubicBezTo>
                    <a:pt x="103" y="307"/>
                    <a:pt x="103" y="307"/>
                    <a:pt x="103" y="308"/>
                  </a:cubicBezTo>
                  <a:cubicBezTo>
                    <a:pt x="103" y="309"/>
                    <a:pt x="103" y="309"/>
                    <a:pt x="102" y="310"/>
                  </a:cubicBezTo>
                  <a:cubicBezTo>
                    <a:pt x="101" y="311"/>
                    <a:pt x="102" y="310"/>
                    <a:pt x="101" y="311"/>
                  </a:cubicBezTo>
                  <a:cubicBezTo>
                    <a:pt x="100" y="312"/>
                    <a:pt x="100" y="312"/>
                    <a:pt x="99" y="312"/>
                  </a:cubicBezTo>
                  <a:cubicBezTo>
                    <a:pt x="98" y="312"/>
                    <a:pt x="98" y="312"/>
                    <a:pt x="98" y="312"/>
                  </a:cubicBezTo>
                  <a:cubicBezTo>
                    <a:pt x="98" y="311"/>
                    <a:pt x="98" y="311"/>
                    <a:pt x="96" y="312"/>
                  </a:cubicBezTo>
                  <a:cubicBezTo>
                    <a:pt x="94" y="313"/>
                    <a:pt x="95" y="314"/>
                    <a:pt x="93" y="314"/>
                  </a:cubicBezTo>
                  <a:cubicBezTo>
                    <a:pt x="92" y="315"/>
                    <a:pt x="92" y="315"/>
                    <a:pt x="91" y="316"/>
                  </a:cubicBezTo>
                  <a:cubicBezTo>
                    <a:pt x="90" y="316"/>
                    <a:pt x="89" y="316"/>
                    <a:pt x="88" y="317"/>
                  </a:cubicBezTo>
                  <a:cubicBezTo>
                    <a:pt x="87" y="317"/>
                    <a:pt x="87" y="318"/>
                    <a:pt x="86" y="319"/>
                  </a:cubicBezTo>
                  <a:cubicBezTo>
                    <a:pt x="84" y="320"/>
                    <a:pt x="84" y="320"/>
                    <a:pt x="83" y="320"/>
                  </a:cubicBezTo>
                  <a:cubicBezTo>
                    <a:pt x="82" y="321"/>
                    <a:pt x="82" y="320"/>
                    <a:pt x="82" y="321"/>
                  </a:cubicBezTo>
                  <a:cubicBezTo>
                    <a:pt x="82" y="323"/>
                    <a:pt x="82" y="323"/>
                    <a:pt x="82" y="324"/>
                  </a:cubicBezTo>
                  <a:cubicBezTo>
                    <a:pt x="81" y="325"/>
                    <a:pt x="80" y="325"/>
                    <a:pt x="80" y="325"/>
                  </a:cubicBezTo>
                  <a:cubicBezTo>
                    <a:pt x="79" y="326"/>
                    <a:pt x="80" y="326"/>
                    <a:pt x="77" y="325"/>
                  </a:cubicBezTo>
                  <a:cubicBezTo>
                    <a:pt x="77" y="325"/>
                    <a:pt x="76" y="326"/>
                    <a:pt x="75" y="325"/>
                  </a:cubicBezTo>
                  <a:cubicBezTo>
                    <a:pt x="75" y="325"/>
                    <a:pt x="72" y="325"/>
                    <a:pt x="72" y="325"/>
                  </a:cubicBezTo>
                  <a:cubicBezTo>
                    <a:pt x="72" y="325"/>
                    <a:pt x="70" y="326"/>
                    <a:pt x="70" y="326"/>
                  </a:cubicBezTo>
                  <a:cubicBezTo>
                    <a:pt x="69" y="326"/>
                    <a:pt x="69" y="325"/>
                    <a:pt x="68" y="326"/>
                  </a:cubicBezTo>
                  <a:cubicBezTo>
                    <a:pt x="67" y="326"/>
                    <a:pt x="68" y="326"/>
                    <a:pt x="67" y="327"/>
                  </a:cubicBezTo>
                  <a:cubicBezTo>
                    <a:pt x="66" y="327"/>
                    <a:pt x="65" y="328"/>
                    <a:pt x="64" y="328"/>
                  </a:cubicBezTo>
                  <a:cubicBezTo>
                    <a:pt x="64" y="329"/>
                    <a:pt x="62" y="330"/>
                    <a:pt x="62" y="330"/>
                  </a:cubicBezTo>
                  <a:cubicBezTo>
                    <a:pt x="62" y="331"/>
                    <a:pt x="61" y="331"/>
                    <a:pt x="61" y="332"/>
                  </a:cubicBezTo>
                  <a:cubicBezTo>
                    <a:pt x="60" y="332"/>
                    <a:pt x="60" y="332"/>
                    <a:pt x="60" y="334"/>
                  </a:cubicBezTo>
                  <a:cubicBezTo>
                    <a:pt x="60" y="335"/>
                    <a:pt x="58" y="336"/>
                    <a:pt x="58" y="336"/>
                  </a:cubicBezTo>
                  <a:cubicBezTo>
                    <a:pt x="57" y="336"/>
                    <a:pt x="56" y="336"/>
                    <a:pt x="56" y="336"/>
                  </a:cubicBezTo>
                  <a:cubicBezTo>
                    <a:pt x="56" y="337"/>
                    <a:pt x="55" y="336"/>
                    <a:pt x="54" y="337"/>
                  </a:cubicBezTo>
                  <a:cubicBezTo>
                    <a:pt x="54" y="337"/>
                    <a:pt x="53" y="337"/>
                    <a:pt x="53" y="337"/>
                  </a:cubicBezTo>
                  <a:cubicBezTo>
                    <a:pt x="53" y="337"/>
                    <a:pt x="52" y="337"/>
                    <a:pt x="52" y="337"/>
                  </a:cubicBezTo>
                  <a:cubicBezTo>
                    <a:pt x="52" y="338"/>
                    <a:pt x="51" y="338"/>
                    <a:pt x="51" y="338"/>
                  </a:cubicBezTo>
                  <a:cubicBezTo>
                    <a:pt x="52" y="339"/>
                    <a:pt x="53" y="339"/>
                    <a:pt x="53" y="339"/>
                  </a:cubicBezTo>
                  <a:cubicBezTo>
                    <a:pt x="54" y="339"/>
                    <a:pt x="54" y="339"/>
                    <a:pt x="54" y="340"/>
                  </a:cubicBezTo>
                  <a:cubicBezTo>
                    <a:pt x="54" y="340"/>
                    <a:pt x="54" y="341"/>
                    <a:pt x="55" y="341"/>
                  </a:cubicBezTo>
                  <a:cubicBezTo>
                    <a:pt x="55" y="342"/>
                    <a:pt x="57" y="342"/>
                    <a:pt x="57" y="342"/>
                  </a:cubicBezTo>
                  <a:cubicBezTo>
                    <a:pt x="58" y="341"/>
                    <a:pt x="58" y="341"/>
                    <a:pt x="58" y="341"/>
                  </a:cubicBezTo>
                  <a:cubicBezTo>
                    <a:pt x="58" y="341"/>
                    <a:pt x="59" y="339"/>
                    <a:pt x="59" y="339"/>
                  </a:cubicBezTo>
                  <a:cubicBezTo>
                    <a:pt x="60" y="339"/>
                    <a:pt x="60" y="339"/>
                    <a:pt x="60" y="339"/>
                  </a:cubicBezTo>
                  <a:cubicBezTo>
                    <a:pt x="61" y="341"/>
                    <a:pt x="61" y="341"/>
                    <a:pt x="61" y="341"/>
                  </a:cubicBezTo>
                  <a:cubicBezTo>
                    <a:pt x="63" y="339"/>
                    <a:pt x="63" y="339"/>
                    <a:pt x="63" y="339"/>
                  </a:cubicBezTo>
                  <a:cubicBezTo>
                    <a:pt x="63" y="339"/>
                    <a:pt x="64" y="339"/>
                    <a:pt x="64" y="339"/>
                  </a:cubicBezTo>
                  <a:cubicBezTo>
                    <a:pt x="65" y="338"/>
                    <a:pt x="66" y="337"/>
                    <a:pt x="66" y="337"/>
                  </a:cubicBezTo>
                  <a:cubicBezTo>
                    <a:pt x="66" y="337"/>
                    <a:pt x="67" y="337"/>
                    <a:pt x="67" y="336"/>
                  </a:cubicBezTo>
                  <a:cubicBezTo>
                    <a:pt x="67" y="335"/>
                    <a:pt x="67" y="335"/>
                    <a:pt x="68" y="334"/>
                  </a:cubicBezTo>
                  <a:cubicBezTo>
                    <a:pt x="69" y="334"/>
                    <a:pt x="69" y="333"/>
                    <a:pt x="69" y="333"/>
                  </a:cubicBezTo>
                  <a:cubicBezTo>
                    <a:pt x="72" y="332"/>
                    <a:pt x="72" y="332"/>
                    <a:pt x="72" y="333"/>
                  </a:cubicBezTo>
                  <a:cubicBezTo>
                    <a:pt x="72" y="333"/>
                    <a:pt x="73" y="334"/>
                    <a:pt x="73" y="334"/>
                  </a:cubicBezTo>
                  <a:cubicBezTo>
                    <a:pt x="73" y="334"/>
                    <a:pt x="72" y="335"/>
                    <a:pt x="74" y="335"/>
                  </a:cubicBezTo>
                  <a:cubicBezTo>
                    <a:pt x="76" y="334"/>
                    <a:pt x="76" y="334"/>
                    <a:pt x="76" y="333"/>
                  </a:cubicBezTo>
                  <a:cubicBezTo>
                    <a:pt x="79" y="334"/>
                    <a:pt x="79" y="334"/>
                    <a:pt x="79" y="334"/>
                  </a:cubicBezTo>
                  <a:cubicBezTo>
                    <a:pt x="80" y="335"/>
                    <a:pt x="81" y="336"/>
                    <a:pt x="81" y="335"/>
                  </a:cubicBezTo>
                  <a:cubicBezTo>
                    <a:pt x="82" y="335"/>
                    <a:pt x="83" y="335"/>
                    <a:pt x="83" y="334"/>
                  </a:cubicBezTo>
                  <a:cubicBezTo>
                    <a:pt x="83" y="334"/>
                    <a:pt x="84" y="332"/>
                    <a:pt x="84" y="332"/>
                  </a:cubicBezTo>
                  <a:cubicBezTo>
                    <a:pt x="84" y="331"/>
                    <a:pt x="84" y="331"/>
                    <a:pt x="84" y="331"/>
                  </a:cubicBezTo>
                  <a:cubicBezTo>
                    <a:pt x="88" y="330"/>
                    <a:pt x="88" y="330"/>
                    <a:pt x="88" y="330"/>
                  </a:cubicBezTo>
                  <a:cubicBezTo>
                    <a:pt x="88" y="330"/>
                    <a:pt x="88" y="329"/>
                    <a:pt x="88" y="329"/>
                  </a:cubicBezTo>
                  <a:cubicBezTo>
                    <a:pt x="88" y="328"/>
                    <a:pt x="90" y="329"/>
                    <a:pt x="90" y="329"/>
                  </a:cubicBezTo>
                  <a:cubicBezTo>
                    <a:pt x="91" y="330"/>
                    <a:pt x="90" y="332"/>
                    <a:pt x="90" y="332"/>
                  </a:cubicBezTo>
                  <a:cubicBezTo>
                    <a:pt x="90" y="332"/>
                    <a:pt x="93" y="331"/>
                    <a:pt x="93" y="331"/>
                  </a:cubicBezTo>
                  <a:cubicBezTo>
                    <a:pt x="94" y="330"/>
                    <a:pt x="94" y="330"/>
                    <a:pt x="94" y="330"/>
                  </a:cubicBezTo>
                  <a:cubicBezTo>
                    <a:pt x="95" y="328"/>
                    <a:pt x="95" y="328"/>
                    <a:pt x="95" y="328"/>
                  </a:cubicBezTo>
                  <a:cubicBezTo>
                    <a:pt x="100" y="326"/>
                    <a:pt x="100" y="326"/>
                    <a:pt x="100" y="326"/>
                  </a:cubicBezTo>
                  <a:cubicBezTo>
                    <a:pt x="100" y="326"/>
                    <a:pt x="100" y="325"/>
                    <a:pt x="101" y="326"/>
                  </a:cubicBezTo>
                  <a:cubicBezTo>
                    <a:pt x="101" y="326"/>
                    <a:pt x="102" y="326"/>
                    <a:pt x="102" y="325"/>
                  </a:cubicBezTo>
                  <a:cubicBezTo>
                    <a:pt x="102" y="325"/>
                    <a:pt x="103" y="325"/>
                    <a:pt x="103" y="325"/>
                  </a:cubicBezTo>
                  <a:cubicBezTo>
                    <a:pt x="104" y="326"/>
                    <a:pt x="104" y="325"/>
                    <a:pt x="104" y="325"/>
                  </a:cubicBezTo>
                  <a:cubicBezTo>
                    <a:pt x="104" y="325"/>
                    <a:pt x="105" y="325"/>
                    <a:pt x="105" y="325"/>
                  </a:cubicBezTo>
                  <a:cubicBezTo>
                    <a:pt x="105" y="325"/>
                    <a:pt x="106" y="325"/>
                    <a:pt x="106" y="324"/>
                  </a:cubicBezTo>
                  <a:cubicBezTo>
                    <a:pt x="106" y="323"/>
                    <a:pt x="107" y="322"/>
                    <a:pt x="107" y="322"/>
                  </a:cubicBezTo>
                  <a:cubicBezTo>
                    <a:pt x="108" y="322"/>
                    <a:pt x="108" y="322"/>
                    <a:pt x="108" y="322"/>
                  </a:cubicBezTo>
                  <a:cubicBezTo>
                    <a:pt x="108" y="321"/>
                    <a:pt x="107" y="320"/>
                    <a:pt x="107" y="320"/>
                  </a:cubicBezTo>
                  <a:cubicBezTo>
                    <a:pt x="107" y="319"/>
                    <a:pt x="107" y="319"/>
                    <a:pt x="107" y="318"/>
                  </a:cubicBezTo>
                  <a:cubicBezTo>
                    <a:pt x="108" y="318"/>
                    <a:pt x="109" y="318"/>
                    <a:pt x="109" y="317"/>
                  </a:cubicBezTo>
                  <a:cubicBezTo>
                    <a:pt x="110" y="317"/>
                    <a:pt x="114" y="314"/>
                    <a:pt x="114" y="314"/>
                  </a:cubicBezTo>
                  <a:cubicBezTo>
                    <a:pt x="115" y="314"/>
                    <a:pt x="115" y="314"/>
                    <a:pt x="115" y="314"/>
                  </a:cubicBezTo>
                  <a:cubicBezTo>
                    <a:pt x="115" y="314"/>
                    <a:pt x="116" y="313"/>
                    <a:pt x="117" y="314"/>
                  </a:cubicBezTo>
                  <a:cubicBezTo>
                    <a:pt x="117" y="314"/>
                    <a:pt x="118" y="314"/>
                    <a:pt x="118" y="313"/>
                  </a:cubicBezTo>
                  <a:cubicBezTo>
                    <a:pt x="118" y="313"/>
                    <a:pt x="119" y="312"/>
                    <a:pt x="119" y="312"/>
                  </a:cubicBezTo>
                  <a:cubicBezTo>
                    <a:pt x="122" y="311"/>
                    <a:pt x="122" y="311"/>
                    <a:pt x="122" y="311"/>
                  </a:cubicBezTo>
                  <a:cubicBezTo>
                    <a:pt x="123" y="311"/>
                    <a:pt x="124" y="310"/>
                    <a:pt x="124" y="310"/>
                  </a:cubicBezTo>
                  <a:cubicBezTo>
                    <a:pt x="126" y="308"/>
                    <a:pt x="128" y="305"/>
                    <a:pt x="128" y="305"/>
                  </a:cubicBezTo>
                  <a:cubicBezTo>
                    <a:pt x="128" y="305"/>
                    <a:pt x="128" y="304"/>
                    <a:pt x="128" y="304"/>
                  </a:cubicBezTo>
                  <a:cubicBezTo>
                    <a:pt x="127" y="304"/>
                    <a:pt x="127" y="303"/>
                    <a:pt x="128" y="303"/>
                  </a:cubicBezTo>
                  <a:cubicBezTo>
                    <a:pt x="129" y="303"/>
                    <a:pt x="130" y="302"/>
                    <a:pt x="131" y="302"/>
                  </a:cubicBezTo>
                  <a:cubicBezTo>
                    <a:pt x="131" y="302"/>
                    <a:pt x="133" y="301"/>
                    <a:pt x="133" y="301"/>
                  </a:cubicBezTo>
                  <a:cubicBezTo>
                    <a:pt x="133" y="301"/>
                    <a:pt x="134" y="300"/>
                    <a:pt x="134" y="300"/>
                  </a:cubicBezTo>
                  <a:cubicBezTo>
                    <a:pt x="135" y="299"/>
                    <a:pt x="137" y="298"/>
                    <a:pt x="137" y="298"/>
                  </a:cubicBezTo>
                  <a:cubicBezTo>
                    <a:pt x="140" y="297"/>
                    <a:pt x="140" y="297"/>
                    <a:pt x="140" y="297"/>
                  </a:cubicBezTo>
                  <a:cubicBezTo>
                    <a:pt x="142" y="296"/>
                    <a:pt x="142" y="296"/>
                    <a:pt x="142" y="296"/>
                  </a:cubicBezTo>
                  <a:cubicBezTo>
                    <a:pt x="145" y="294"/>
                    <a:pt x="145" y="294"/>
                    <a:pt x="145" y="294"/>
                  </a:cubicBezTo>
                  <a:cubicBezTo>
                    <a:pt x="146" y="293"/>
                    <a:pt x="146" y="293"/>
                    <a:pt x="146" y="293"/>
                  </a:cubicBezTo>
                  <a:cubicBezTo>
                    <a:pt x="146" y="293"/>
                    <a:pt x="147" y="293"/>
                    <a:pt x="148" y="293"/>
                  </a:cubicBezTo>
                  <a:cubicBezTo>
                    <a:pt x="149" y="293"/>
                    <a:pt x="151" y="293"/>
                    <a:pt x="151" y="293"/>
                  </a:cubicBezTo>
                  <a:cubicBezTo>
                    <a:pt x="152" y="292"/>
                    <a:pt x="152" y="290"/>
                    <a:pt x="152" y="290"/>
                  </a:cubicBezTo>
                  <a:cubicBezTo>
                    <a:pt x="152" y="290"/>
                    <a:pt x="153" y="289"/>
                    <a:pt x="153" y="289"/>
                  </a:cubicBezTo>
                  <a:cubicBezTo>
                    <a:pt x="153" y="288"/>
                    <a:pt x="153" y="288"/>
                    <a:pt x="153" y="287"/>
                  </a:cubicBezTo>
                  <a:cubicBezTo>
                    <a:pt x="155" y="286"/>
                    <a:pt x="156" y="285"/>
                    <a:pt x="156" y="285"/>
                  </a:cubicBezTo>
                  <a:cubicBezTo>
                    <a:pt x="157" y="285"/>
                    <a:pt x="157" y="285"/>
                    <a:pt x="157" y="285"/>
                  </a:cubicBezTo>
                  <a:cubicBezTo>
                    <a:pt x="157" y="285"/>
                    <a:pt x="159" y="285"/>
                    <a:pt x="159" y="285"/>
                  </a:cubicBezTo>
                  <a:cubicBezTo>
                    <a:pt x="159" y="284"/>
                    <a:pt x="159" y="284"/>
                    <a:pt x="160" y="283"/>
                  </a:cubicBezTo>
                  <a:cubicBezTo>
                    <a:pt x="160" y="282"/>
                    <a:pt x="161" y="281"/>
                    <a:pt x="161" y="281"/>
                  </a:cubicBezTo>
                  <a:cubicBezTo>
                    <a:pt x="160" y="280"/>
                    <a:pt x="160" y="281"/>
                    <a:pt x="160" y="279"/>
                  </a:cubicBezTo>
                  <a:cubicBezTo>
                    <a:pt x="160" y="278"/>
                    <a:pt x="160" y="277"/>
                    <a:pt x="159" y="277"/>
                  </a:cubicBezTo>
                  <a:cubicBezTo>
                    <a:pt x="159" y="277"/>
                    <a:pt x="158" y="277"/>
                    <a:pt x="158" y="277"/>
                  </a:cubicBezTo>
                  <a:cubicBezTo>
                    <a:pt x="157" y="277"/>
                    <a:pt x="157" y="276"/>
                    <a:pt x="156" y="276"/>
                  </a:cubicBezTo>
                  <a:cubicBezTo>
                    <a:pt x="155" y="277"/>
                    <a:pt x="155" y="277"/>
                    <a:pt x="154" y="277"/>
                  </a:cubicBezTo>
                  <a:cubicBezTo>
                    <a:pt x="153" y="277"/>
                    <a:pt x="152" y="276"/>
                    <a:pt x="152" y="276"/>
                  </a:cubicBezTo>
                  <a:cubicBezTo>
                    <a:pt x="152" y="275"/>
                    <a:pt x="153" y="272"/>
                    <a:pt x="154" y="272"/>
                  </a:cubicBezTo>
                  <a:cubicBezTo>
                    <a:pt x="154" y="272"/>
                    <a:pt x="154" y="272"/>
                    <a:pt x="155" y="271"/>
                  </a:cubicBezTo>
                  <a:cubicBezTo>
                    <a:pt x="156" y="271"/>
                    <a:pt x="155" y="270"/>
                    <a:pt x="156" y="270"/>
                  </a:cubicBezTo>
                  <a:cubicBezTo>
                    <a:pt x="157" y="269"/>
                    <a:pt x="158" y="269"/>
                    <a:pt x="158" y="268"/>
                  </a:cubicBezTo>
                  <a:cubicBezTo>
                    <a:pt x="159" y="268"/>
                    <a:pt x="159" y="268"/>
                    <a:pt x="160" y="268"/>
                  </a:cubicBezTo>
                  <a:cubicBezTo>
                    <a:pt x="160" y="267"/>
                    <a:pt x="162" y="266"/>
                    <a:pt x="163" y="266"/>
                  </a:cubicBezTo>
                  <a:cubicBezTo>
                    <a:pt x="163" y="266"/>
                    <a:pt x="165" y="266"/>
                    <a:pt x="165" y="266"/>
                  </a:cubicBezTo>
                  <a:cubicBezTo>
                    <a:pt x="166" y="264"/>
                    <a:pt x="168" y="263"/>
                    <a:pt x="168" y="263"/>
                  </a:cubicBezTo>
                  <a:cubicBezTo>
                    <a:pt x="168" y="262"/>
                    <a:pt x="168" y="262"/>
                    <a:pt x="168" y="261"/>
                  </a:cubicBezTo>
                  <a:cubicBezTo>
                    <a:pt x="169" y="260"/>
                    <a:pt x="170" y="260"/>
                    <a:pt x="170" y="260"/>
                  </a:cubicBezTo>
                  <a:cubicBezTo>
                    <a:pt x="170" y="258"/>
                    <a:pt x="170" y="258"/>
                    <a:pt x="170" y="258"/>
                  </a:cubicBezTo>
                  <a:cubicBezTo>
                    <a:pt x="170" y="258"/>
                    <a:pt x="170" y="257"/>
                    <a:pt x="170" y="256"/>
                  </a:cubicBezTo>
                  <a:cubicBezTo>
                    <a:pt x="171" y="256"/>
                    <a:pt x="172" y="255"/>
                    <a:pt x="172" y="255"/>
                  </a:cubicBezTo>
                  <a:cubicBezTo>
                    <a:pt x="172" y="255"/>
                    <a:pt x="174" y="254"/>
                    <a:pt x="174" y="254"/>
                  </a:cubicBezTo>
                  <a:cubicBezTo>
                    <a:pt x="174" y="254"/>
                    <a:pt x="174" y="253"/>
                    <a:pt x="175" y="253"/>
                  </a:cubicBezTo>
                  <a:cubicBezTo>
                    <a:pt x="175" y="252"/>
                    <a:pt x="175" y="252"/>
                    <a:pt x="176" y="251"/>
                  </a:cubicBezTo>
                  <a:cubicBezTo>
                    <a:pt x="177" y="250"/>
                    <a:pt x="178" y="250"/>
                    <a:pt x="179" y="249"/>
                  </a:cubicBezTo>
                  <a:cubicBezTo>
                    <a:pt x="179" y="249"/>
                    <a:pt x="181" y="246"/>
                    <a:pt x="181" y="246"/>
                  </a:cubicBezTo>
                  <a:cubicBezTo>
                    <a:pt x="182" y="246"/>
                    <a:pt x="182" y="246"/>
                    <a:pt x="183" y="245"/>
                  </a:cubicBezTo>
                  <a:cubicBezTo>
                    <a:pt x="184" y="244"/>
                    <a:pt x="184" y="244"/>
                    <a:pt x="185" y="244"/>
                  </a:cubicBezTo>
                  <a:cubicBezTo>
                    <a:pt x="186" y="243"/>
                    <a:pt x="187" y="243"/>
                    <a:pt x="187" y="243"/>
                  </a:cubicBezTo>
                  <a:cubicBezTo>
                    <a:pt x="188" y="242"/>
                    <a:pt x="189" y="241"/>
                    <a:pt x="189" y="241"/>
                  </a:cubicBezTo>
                  <a:cubicBezTo>
                    <a:pt x="190" y="241"/>
                    <a:pt x="191" y="240"/>
                    <a:pt x="192" y="240"/>
                  </a:cubicBezTo>
                  <a:cubicBezTo>
                    <a:pt x="192" y="240"/>
                    <a:pt x="192" y="240"/>
                    <a:pt x="193" y="240"/>
                  </a:cubicBezTo>
                  <a:cubicBezTo>
                    <a:pt x="193" y="240"/>
                    <a:pt x="193" y="240"/>
                    <a:pt x="194" y="241"/>
                  </a:cubicBezTo>
                  <a:cubicBezTo>
                    <a:pt x="194" y="242"/>
                    <a:pt x="195" y="242"/>
                    <a:pt x="196" y="241"/>
                  </a:cubicBezTo>
                  <a:cubicBezTo>
                    <a:pt x="196" y="241"/>
                    <a:pt x="197" y="241"/>
                    <a:pt x="197" y="240"/>
                  </a:cubicBezTo>
                  <a:cubicBezTo>
                    <a:pt x="198" y="240"/>
                    <a:pt x="200" y="240"/>
                    <a:pt x="201" y="239"/>
                  </a:cubicBezTo>
                  <a:cubicBezTo>
                    <a:pt x="201" y="238"/>
                    <a:pt x="202" y="237"/>
                    <a:pt x="203" y="237"/>
                  </a:cubicBezTo>
                  <a:cubicBezTo>
                    <a:pt x="204" y="237"/>
                    <a:pt x="206" y="237"/>
                    <a:pt x="205" y="238"/>
                  </a:cubicBezTo>
                  <a:cubicBezTo>
                    <a:pt x="204" y="238"/>
                    <a:pt x="204" y="238"/>
                    <a:pt x="203" y="239"/>
                  </a:cubicBezTo>
                  <a:cubicBezTo>
                    <a:pt x="202" y="240"/>
                    <a:pt x="202" y="240"/>
                    <a:pt x="201" y="241"/>
                  </a:cubicBezTo>
                  <a:cubicBezTo>
                    <a:pt x="201" y="242"/>
                    <a:pt x="200" y="243"/>
                    <a:pt x="201" y="243"/>
                  </a:cubicBezTo>
                  <a:cubicBezTo>
                    <a:pt x="203" y="243"/>
                    <a:pt x="202" y="243"/>
                    <a:pt x="203" y="244"/>
                  </a:cubicBezTo>
                  <a:cubicBezTo>
                    <a:pt x="205" y="245"/>
                    <a:pt x="207" y="245"/>
                    <a:pt x="206" y="246"/>
                  </a:cubicBezTo>
                  <a:cubicBezTo>
                    <a:pt x="204" y="247"/>
                    <a:pt x="203" y="246"/>
                    <a:pt x="202" y="245"/>
                  </a:cubicBezTo>
                  <a:cubicBezTo>
                    <a:pt x="201" y="245"/>
                    <a:pt x="200" y="245"/>
                    <a:pt x="199" y="245"/>
                  </a:cubicBezTo>
                  <a:cubicBezTo>
                    <a:pt x="198" y="246"/>
                    <a:pt x="198" y="245"/>
                    <a:pt x="197" y="246"/>
                  </a:cubicBezTo>
                  <a:cubicBezTo>
                    <a:pt x="196" y="246"/>
                    <a:pt x="194" y="246"/>
                    <a:pt x="194" y="246"/>
                  </a:cubicBezTo>
                  <a:cubicBezTo>
                    <a:pt x="193" y="245"/>
                    <a:pt x="193" y="245"/>
                    <a:pt x="193" y="245"/>
                  </a:cubicBezTo>
                  <a:cubicBezTo>
                    <a:pt x="193" y="245"/>
                    <a:pt x="193" y="243"/>
                    <a:pt x="191" y="244"/>
                  </a:cubicBezTo>
                  <a:cubicBezTo>
                    <a:pt x="190" y="245"/>
                    <a:pt x="189" y="245"/>
                    <a:pt x="188" y="246"/>
                  </a:cubicBezTo>
                  <a:cubicBezTo>
                    <a:pt x="187" y="248"/>
                    <a:pt x="188" y="248"/>
                    <a:pt x="187" y="248"/>
                  </a:cubicBezTo>
                  <a:cubicBezTo>
                    <a:pt x="187" y="248"/>
                    <a:pt x="186" y="248"/>
                    <a:pt x="186" y="248"/>
                  </a:cubicBezTo>
                  <a:cubicBezTo>
                    <a:pt x="186" y="248"/>
                    <a:pt x="185" y="248"/>
                    <a:pt x="185" y="249"/>
                  </a:cubicBezTo>
                  <a:cubicBezTo>
                    <a:pt x="184" y="249"/>
                    <a:pt x="184" y="249"/>
                    <a:pt x="184" y="250"/>
                  </a:cubicBezTo>
                  <a:cubicBezTo>
                    <a:pt x="184" y="250"/>
                    <a:pt x="184" y="250"/>
                    <a:pt x="184" y="251"/>
                  </a:cubicBezTo>
                  <a:cubicBezTo>
                    <a:pt x="183" y="252"/>
                    <a:pt x="184" y="251"/>
                    <a:pt x="184" y="253"/>
                  </a:cubicBezTo>
                  <a:cubicBezTo>
                    <a:pt x="184" y="254"/>
                    <a:pt x="184" y="254"/>
                    <a:pt x="184" y="255"/>
                  </a:cubicBezTo>
                  <a:cubicBezTo>
                    <a:pt x="183" y="256"/>
                    <a:pt x="181" y="257"/>
                    <a:pt x="181" y="258"/>
                  </a:cubicBezTo>
                  <a:cubicBezTo>
                    <a:pt x="181" y="259"/>
                    <a:pt x="180" y="259"/>
                    <a:pt x="180" y="260"/>
                  </a:cubicBezTo>
                  <a:cubicBezTo>
                    <a:pt x="179" y="261"/>
                    <a:pt x="178" y="260"/>
                    <a:pt x="178" y="261"/>
                  </a:cubicBezTo>
                  <a:cubicBezTo>
                    <a:pt x="178" y="263"/>
                    <a:pt x="179" y="262"/>
                    <a:pt x="178" y="264"/>
                  </a:cubicBezTo>
                  <a:cubicBezTo>
                    <a:pt x="177" y="265"/>
                    <a:pt x="176" y="265"/>
                    <a:pt x="177" y="265"/>
                  </a:cubicBezTo>
                  <a:cubicBezTo>
                    <a:pt x="179" y="266"/>
                    <a:pt x="181" y="266"/>
                    <a:pt x="181" y="266"/>
                  </a:cubicBezTo>
                  <a:cubicBezTo>
                    <a:pt x="182" y="266"/>
                    <a:pt x="184" y="266"/>
                    <a:pt x="184" y="266"/>
                  </a:cubicBezTo>
                  <a:cubicBezTo>
                    <a:pt x="184" y="266"/>
                    <a:pt x="185" y="267"/>
                    <a:pt x="184" y="267"/>
                  </a:cubicBezTo>
                  <a:cubicBezTo>
                    <a:pt x="184" y="268"/>
                    <a:pt x="184" y="269"/>
                    <a:pt x="183" y="270"/>
                  </a:cubicBezTo>
                  <a:cubicBezTo>
                    <a:pt x="181" y="271"/>
                    <a:pt x="180" y="271"/>
                    <a:pt x="180" y="271"/>
                  </a:cubicBezTo>
                  <a:cubicBezTo>
                    <a:pt x="180" y="271"/>
                    <a:pt x="179" y="271"/>
                    <a:pt x="179" y="271"/>
                  </a:cubicBezTo>
                  <a:cubicBezTo>
                    <a:pt x="178" y="271"/>
                    <a:pt x="178" y="271"/>
                    <a:pt x="177" y="271"/>
                  </a:cubicBezTo>
                  <a:cubicBezTo>
                    <a:pt x="177" y="271"/>
                    <a:pt x="176" y="271"/>
                    <a:pt x="176" y="272"/>
                  </a:cubicBezTo>
                  <a:cubicBezTo>
                    <a:pt x="177" y="273"/>
                    <a:pt x="177" y="274"/>
                    <a:pt x="177" y="274"/>
                  </a:cubicBezTo>
                  <a:cubicBezTo>
                    <a:pt x="177" y="274"/>
                    <a:pt x="177" y="274"/>
                    <a:pt x="177" y="274"/>
                  </a:cubicBezTo>
                  <a:cubicBezTo>
                    <a:pt x="178" y="274"/>
                    <a:pt x="178" y="274"/>
                    <a:pt x="179" y="274"/>
                  </a:cubicBezTo>
                  <a:cubicBezTo>
                    <a:pt x="181" y="274"/>
                    <a:pt x="186" y="273"/>
                    <a:pt x="186" y="273"/>
                  </a:cubicBezTo>
                  <a:cubicBezTo>
                    <a:pt x="187" y="273"/>
                    <a:pt x="185" y="275"/>
                    <a:pt x="188" y="273"/>
                  </a:cubicBezTo>
                  <a:cubicBezTo>
                    <a:pt x="192" y="270"/>
                    <a:pt x="193" y="270"/>
                    <a:pt x="194" y="269"/>
                  </a:cubicBezTo>
                  <a:cubicBezTo>
                    <a:pt x="195" y="268"/>
                    <a:pt x="196" y="268"/>
                    <a:pt x="196" y="267"/>
                  </a:cubicBezTo>
                  <a:cubicBezTo>
                    <a:pt x="197" y="267"/>
                    <a:pt x="200" y="265"/>
                    <a:pt x="201" y="265"/>
                  </a:cubicBezTo>
                  <a:cubicBezTo>
                    <a:pt x="201" y="265"/>
                    <a:pt x="202" y="265"/>
                    <a:pt x="203" y="265"/>
                  </a:cubicBezTo>
                  <a:cubicBezTo>
                    <a:pt x="204" y="264"/>
                    <a:pt x="204" y="264"/>
                    <a:pt x="205" y="263"/>
                  </a:cubicBezTo>
                  <a:cubicBezTo>
                    <a:pt x="207" y="262"/>
                    <a:pt x="206" y="262"/>
                    <a:pt x="208" y="262"/>
                  </a:cubicBezTo>
                  <a:cubicBezTo>
                    <a:pt x="209" y="263"/>
                    <a:pt x="209" y="262"/>
                    <a:pt x="210" y="262"/>
                  </a:cubicBezTo>
                  <a:cubicBezTo>
                    <a:pt x="211" y="262"/>
                    <a:pt x="211" y="262"/>
                    <a:pt x="211" y="262"/>
                  </a:cubicBezTo>
                  <a:cubicBezTo>
                    <a:pt x="212" y="261"/>
                    <a:pt x="214" y="260"/>
                    <a:pt x="214" y="260"/>
                  </a:cubicBezTo>
                  <a:cubicBezTo>
                    <a:pt x="214" y="260"/>
                    <a:pt x="217" y="257"/>
                    <a:pt x="218" y="256"/>
                  </a:cubicBezTo>
                  <a:cubicBezTo>
                    <a:pt x="218" y="256"/>
                    <a:pt x="219" y="255"/>
                    <a:pt x="219" y="254"/>
                  </a:cubicBezTo>
                  <a:cubicBezTo>
                    <a:pt x="219" y="254"/>
                    <a:pt x="220" y="253"/>
                    <a:pt x="218" y="253"/>
                  </a:cubicBezTo>
                  <a:cubicBezTo>
                    <a:pt x="216" y="253"/>
                    <a:pt x="216" y="254"/>
                    <a:pt x="216" y="252"/>
                  </a:cubicBezTo>
                  <a:cubicBezTo>
                    <a:pt x="215" y="251"/>
                    <a:pt x="214" y="251"/>
                    <a:pt x="214" y="250"/>
                  </a:cubicBezTo>
                  <a:cubicBezTo>
                    <a:pt x="215" y="249"/>
                    <a:pt x="215" y="248"/>
                    <a:pt x="216" y="248"/>
                  </a:cubicBezTo>
                  <a:cubicBezTo>
                    <a:pt x="217" y="247"/>
                    <a:pt x="218" y="247"/>
                    <a:pt x="218" y="247"/>
                  </a:cubicBezTo>
                  <a:cubicBezTo>
                    <a:pt x="218" y="246"/>
                    <a:pt x="218" y="245"/>
                    <a:pt x="219" y="245"/>
                  </a:cubicBezTo>
                  <a:cubicBezTo>
                    <a:pt x="219" y="244"/>
                    <a:pt x="220" y="243"/>
                    <a:pt x="220" y="243"/>
                  </a:cubicBezTo>
                  <a:cubicBezTo>
                    <a:pt x="221" y="243"/>
                    <a:pt x="222" y="242"/>
                    <a:pt x="222" y="242"/>
                  </a:cubicBezTo>
                  <a:cubicBezTo>
                    <a:pt x="221" y="246"/>
                    <a:pt x="221" y="246"/>
                    <a:pt x="221" y="246"/>
                  </a:cubicBezTo>
                  <a:cubicBezTo>
                    <a:pt x="221" y="246"/>
                    <a:pt x="221" y="247"/>
                    <a:pt x="222" y="248"/>
                  </a:cubicBezTo>
                  <a:cubicBezTo>
                    <a:pt x="222" y="248"/>
                    <a:pt x="223" y="249"/>
                    <a:pt x="224" y="248"/>
                  </a:cubicBezTo>
                  <a:cubicBezTo>
                    <a:pt x="224" y="247"/>
                    <a:pt x="225" y="246"/>
                    <a:pt x="225" y="246"/>
                  </a:cubicBezTo>
                  <a:cubicBezTo>
                    <a:pt x="225" y="246"/>
                    <a:pt x="226" y="246"/>
                    <a:pt x="227" y="246"/>
                  </a:cubicBezTo>
                  <a:cubicBezTo>
                    <a:pt x="227" y="246"/>
                    <a:pt x="230" y="246"/>
                    <a:pt x="230" y="246"/>
                  </a:cubicBezTo>
                  <a:cubicBezTo>
                    <a:pt x="230" y="246"/>
                    <a:pt x="231" y="245"/>
                    <a:pt x="231" y="246"/>
                  </a:cubicBezTo>
                  <a:cubicBezTo>
                    <a:pt x="231" y="247"/>
                    <a:pt x="234" y="246"/>
                    <a:pt x="234" y="246"/>
                  </a:cubicBezTo>
                  <a:cubicBezTo>
                    <a:pt x="234" y="246"/>
                    <a:pt x="234" y="244"/>
                    <a:pt x="235" y="245"/>
                  </a:cubicBezTo>
                  <a:cubicBezTo>
                    <a:pt x="236" y="245"/>
                    <a:pt x="237" y="246"/>
                    <a:pt x="237" y="247"/>
                  </a:cubicBezTo>
                  <a:cubicBezTo>
                    <a:pt x="237" y="248"/>
                    <a:pt x="239" y="248"/>
                    <a:pt x="239" y="248"/>
                  </a:cubicBezTo>
                  <a:cubicBezTo>
                    <a:pt x="239" y="249"/>
                    <a:pt x="240" y="249"/>
                    <a:pt x="240" y="249"/>
                  </a:cubicBezTo>
                  <a:cubicBezTo>
                    <a:pt x="241" y="250"/>
                    <a:pt x="241" y="251"/>
                    <a:pt x="241" y="251"/>
                  </a:cubicBezTo>
                  <a:cubicBezTo>
                    <a:pt x="241" y="251"/>
                    <a:pt x="241" y="251"/>
                    <a:pt x="240" y="251"/>
                  </a:cubicBezTo>
                  <a:cubicBezTo>
                    <a:pt x="240" y="251"/>
                    <a:pt x="239" y="250"/>
                    <a:pt x="238" y="251"/>
                  </a:cubicBezTo>
                  <a:cubicBezTo>
                    <a:pt x="238" y="253"/>
                    <a:pt x="239" y="252"/>
                    <a:pt x="238" y="254"/>
                  </a:cubicBezTo>
                  <a:cubicBezTo>
                    <a:pt x="237" y="255"/>
                    <a:pt x="242" y="253"/>
                    <a:pt x="242" y="253"/>
                  </a:cubicBezTo>
                  <a:cubicBezTo>
                    <a:pt x="242" y="253"/>
                    <a:pt x="244" y="254"/>
                    <a:pt x="244" y="254"/>
                  </a:cubicBezTo>
                  <a:cubicBezTo>
                    <a:pt x="244" y="255"/>
                    <a:pt x="246" y="256"/>
                    <a:pt x="246" y="256"/>
                  </a:cubicBezTo>
                  <a:cubicBezTo>
                    <a:pt x="247" y="256"/>
                    <a:pt x="247" y="256"/>
                    <a:pt x="247" y="256"/>
                  </a:cubicBezTo>
                  <a:cubicBezTo>
                    <a:pt x="248" y="256"/>
                    <a:pt x="249" y="256"/>
                    <a:pt x="250" y="256"/>
                  </a:cubicBezTo>
                  <a:cubicBezTo>
                    <a:pt x="250" y="255"/>
                    <a:pt x="251" y="255"/>
                    <a:pt x="251" y="254"/>
                  </a:cubicBezTo>
                  <a:cubicBezTo>
                    <a:pt x="252" y="254"/>
                    <a:pt x="253" y="254"/>
                    <a:pt x="253" y="253"/>
                  </a:cubicBezTo>
                  <a:cubicBezTo>
                    <a:pt x="254" y="252"/>
                    <a:pt x="256" y="252"/>
                    <a:pt x="256" y="252"/>
                  </a:cubicBezTo>
                  <a:cubicBezTo>
                    <a:pt x="257" y="251"/>
                    <a:pt x="259" y="251"/>
                    <a:pt x="258" y="251"/>
                  </a:cubicBezTo>
                  <a:cubicBezTo>
                    <a:pt x="257" y="252"/>
                    <a:pt x="255" y="253"/>
                    <a:pt x="254" y="254"/>
                  </a:cubicBezTo>
                  <a:cubicBezTo>
                    <a:pt x="253" y="255"/>
                    <a:pt x="253" y="255"/>
                    <a:pt x="254" y="256"/>
                  </a:cubicBezTo>
                  <a:cubicBezTo>
                    <a:pt x="254" y="257"/>
                    <a:pt x="256" y="257"/>
                    <a:pt x="256" y="257"/>
                  </a:cubicBezTo>
                  <a:cubicBezTo>
                    <a:pt x="257" y="259"/>
                    <a:pt x="259" y="259"/>
                    <a:pt x="259" y="259"/>
                  </a:cubicBezTo>
                  <a:cubicBezTo>
                    <a:pt x="260" y="259"/>
                    <a:pt x="261" y="260"/>
                    <a:pt x="260" y="260"/>
                  </a:cubicBezTo>
                  <a:cubicBezTo>
                    <a:pt x="260" y="261"/>
                    <a:pt x="262" y="260"/>
                    <a:pt x="262" y="261"/>
                  </a:cubicBezTo>
                  <a:cubicBezTo>
                    <a:pt x="262" y="261"/>
                    <a:pt x="264" y="261"/>
                    <a:pt x="266" y="260"/>
                  </a:cubicBezTo>
                  <a:cubicBezTo>
                    <a:pt x="268" y="260"/>
                    <a:pt x="270" y="260"/>
                    <a:pt x="271" y="260"/>
                  </a:cubicBezTo>
                  <a:cubicBezTo>
                    <a:pt x="271" y="260"/>
                    <a:pt x="271" y="261"/>
                    <a:pt x="272" y="261"/>
                  </a:cubicBezTo>
                  <a:cubicBezTo>
                    <a:pt x="273" y="261"/>
                    <a:pt x="275" y="261"/>
                    <a:pt x="275" y="261"/>
                  </a:cubicBezTo>
                  <a:cubicBezTo>
                    <a:pt x="277" y="261"/>
                    <a:pt x="277" y="261"/>
                    <a:pt x="277" y="261"/>
                  </a:cubicBezTo>
                  <a:cubicBezTo>
                    <a:pt x="279" y="260"/>
                    <a:pt x="279" y="260"/>
                    <a:pt x="279" y="260"/>
                  </a:cubicBezTo>
                  <a:cubicBezTo>
                    <a:pt x="280" y="260"/>
                    <a:pt x="280" y="260"/>
                    <a:pt x="280" y="260"/>
                  </a:cubicBezTo>
                  <a:cubicBezTo>
                    <a:pt x="283" y="260"/>
                    <a:pt x="283" y="260"/>
                    <a:pt x="283" y="260"/>
                  </a:cubicBezTo>
                  <a:cubicBezTo>
                    <a:pt x="283" y="260"/>
                    <a:pt x="284" y="260"/>
                    <a:pt x="284" y="260"/>
                  </a:cubicBezTo>
                  <a:cubicBezTo>
                    <a:pt x="284" y="260"/>
                    <a:pt x="285" y="260"/>
                    <a:pt x="285" y="260"/>
                  </a:cubicBezTo>
                  <a:cubicBezTo>
                    <a:pt x="285" y="260"/>
                    <a:pt x="286" y="260"/>
                    <a:pt x="286" y="260"/>
                  </a:cubicBezTo>
                  <a:cubicBezTo>
                    <a:pt x="286" y="261"/>
                    <a:pt x="288" y="261"/>
                    <a:pt x="288" y="261"/>
                  </a:cubicBezTo>
                  <a:cubicBezTo>
                    <a:pt x="290" y="261"/>
                    <a:pt x="293" y="260"/>
                    <a:pt x="293" y="260"/>
                  </a:cubicBezTo>
                  <a:cubicBezTo>
                    <a:pt x="293" y="260"/>
                    <a:pt x="294" y="261"/>
                    <a:pt x="294" y="262"/>
                  </a:cubicBezTo>
                  <a:cubicBezTo>
                    <a:pt x="294" y="262"/>
                    <a:pt x="294" y="262"/>
                    <a:pt x="294" y="263"/>
                  </a:cubicBezTo>
                  <a:cubicBezTo>
                    <a:pt x="294" y="263"/>
                    <a:pt x="295" y="265"/>
                    <a:pt x="295" y="265"/>
                  </a:cubicBezTo>
                  <a:cubicBezTo>
                    <a:pt x="296" y="265"/>
                    <a:pt x="296" y="265"/>
                    <a:pt x="298" y="266"/>
                  </a:cubicBezTo>
                  <a:cubicBezTo>
                    <a:pt x="299" y="266"/>
                    <a:pt x="300" y="266"/>
                    <a:pt x="301" y="266"/>
                  </a:cubicBezTo>
                  <a:cubicBezTo>
                    <a:pt x="301" y="267"/>
                    <a:pt x="303" y="267"/>
                    <a:pt x="303" y="267"/>
                  </a:cubicBezTo>
                  <a:cubicBezTo>
                    <a:pt x="304" y="267"/>
                    <a:pt x="305" y="267"/>
                    <a:pt x="306" y="266"/>
                  </a:cubicBezTo>
                  <a:cubicBezTo>
                    <a:pt x="307" y="266"/>
                    <a:pt x="308" y="265"/>
                    <a:pt x="309" y="265"/>
                  </a:cubicBezTo>
                  <a:cubicBezTo>
                    <a:pt x="310" y="264"/>
                    <a:pt x="311" y="264"/>
                    <a:pt x="312" y="264"/>
                  </a:cubicBezTo>
                  <a:cubicBezTo>
                    <a:pt x="312" y="264"/>
                    <a:pt x="312" y="263"/>
                    <a:pt x="313" y="263"/>
                  </a:cubicBezTo>
                  <a:cubicBezTo>
                    <a:pt x="314" y="263"/>
                    <a:pt x="316" y="265"/>
                    <a:pt x="316" y="266"/>
                  </a:cubicBezTo>
                  <a:cubicBezTo>
                    <a:pt x="315" y="266"/>
                    <a:pt x="314" y="266"/>
                    <a:pt x="313" y="266"/>
                  </a:cubicBezTo>
                  <a:cubicBezTo>
                    <a:pt x="312" y="267"/>
                    <a:pt x="312" y="266"/>
                    <a:pt x="311" y="267"/>
                  </a:cubicBezTo>
                  <a:cubicBezTo>
                    <a:pt x="310" y="268"/>
                    <a:pt x="310" y="268"/>
                    <a:pt x="310" y="269"/>
                  </a:cubicBezTo>
                  <a:cubicBezTo>
                    <a:pt x="311" y="270"/>
                    <a:pt x="319" y="273"/>
                    <a:pt x="320" y="274"/>
                  </a:cubicBezTo>
                  <a:cubicBezTo>
                    <a:pt x="320" y="275"/>
                    <a:pt x="321" y="275"/>
                    <a:pt x="322" y="275"/>
                  </a:cubicBezTo>
                  <a:cubicBezTo>
                    <a:pt x="322" y="275"/>
                    <a:pt x="322" y="274"/>
                    <a:pt x="323" y="275"/>
                  </a:cubicBezTo>
                  <a:cubicBezTo>
                    <a:pt x="324" y="276"/>
                    <a:pt x="325" y="276"/>
                    <a:pt x="326" y="277"/>
                  </a:cubicBezTo>
                  <a:cubicBezTo>
                    <a:pt x="326" y="278"/>
                    <a:pt x="328" y="277"/>
                    <a:pt x="328" y="278"/>
                  </a:cubicBezTo>
                  <a:cubicBezTo>
                    <a:pt x="328" y="279"/>
                    <a:pt x="330" y="279"/>
                    <a:pt x="330" y="280"/>
                  </a:cubicBezTo>
                  <a:cubicBezTo>
                    <a:pt x="330" y="281"/>
                    <a:pt x="331" y="282"/>
                    <a:pt x="331" y="282"/>
                  </a:cubicBezTo>
                  <a:cubicBezTo>
                    <a:pt x="332" y="282"/>
                    <a:pt x="333" y="282"/>
                    <a:pt x="334" y="283"/>
                  </a:cubicBezTo>
                  <a:cubicBezTo>
                    <a:pt x="334" y="283"/>
                    <a:pt x="335" y="283"/>
                    <a:pt x="336" y="284"/>
                  </a:cubicBezTo>
                  <a:cubicBezTo>
                    <a:pt x="336" y="285"/>
                    <a:pt x="336" y="285"/>
                    <a:pt x="336" y="285"/>
                  </a:cubicBezTo>
                  <a:cubicBezTo>
                    <a:pt x="337" y="286"/>
                    <a:pt x="338" y="286"/>
                    <a:pt x="338" y="286"/>
                  </a:cubicBezTo>
                  <a:cubicBezTo>
                    <a:pt x="339" y="286"/>
                    <a:pt x="339" y="286"/>
                    <a:pt x="339" y="286"/>
                  </a:cubicBezTo>
                  <a:cubicBezTo>
                    <a:pt x="339" y="286"/>
                    <a:pt x="339" y="286"/>
                    <a:pt x="340" y="287"/>
                  </a:cubicBezTo>
                  <a:cubicBezTo>
                    <a:pt x="341" y="288"/>
                    <a:pt x="339" y="289"/>
                    <a:pt x="342" y="288"/>
                  </a:cubicBezTo>
                  <a:cubicBezTo>
                    <a:pt x="345" y="288"/>
                    <a:pt x="345" y="288"/>
                    <a:pt x="346" y="288"/>
                  </a:cubicBezTo>
                  <a:cubicBezTo>
                    <a:pt x="347" y="288"/>
                    <a:pt x="346" y="287"/>
                    <a:pt x="348" y="287"/>
                  </a:cubicBezTo>
                  <a:cubicBezTo>
                    <a:pt x="349" y="287"/>
                    <a:pt x="349" y="286"/>
                    <a:pt x="349" y="286"/>
                  </a:cubicBezTo>
                  <a:cubicBezTo>
                    <a:pt x="349" y="285"/>
                    <a:pt x="349" y="284"/>
                    <a:pt x="349" y="284"/>
                  </a:cubicBezTo>
                  <a:cubicBezTo>
                    <a:pt x="349" y="284"/>
                    <a:pt x="352" y="286"/>
                    <a:pt x="351" y="284"/>
                  </a:cubicBezTo>
                  <a:cubicBezTo>
                    <a:pt x="350" y="282"/>
                    <a:pt x="350" y="282"/>
                    <a:pt x="350" y="282"/>
                  </a:cubicBezTo>
                  <a:cubicBezTo>
                    <a:pt x="350" y="281"/>
                    <a:pt x="351" y="280"/>
                    <a:pt x="351" y="280"/>
                  </a:cubicBezTo>
                  <a:cubicBezTo>
                    <a:pt x="351" y="280"/>
                    <a:pt x="353" y="283"/>
                    <a:pt x="353" y="283"/>
                  </a:cubicBezTo>
                  <a:cubicBezTo>
                    <a:pt x="353" y="284"/>
                    <a:pt x="353" y="286"/>
                    <a:pt x="353" y="286"/>
                  </a:cubicBezTo>
                  <a:cubicBezTo>
                    <a:pt x="353" y="286"/>
                    <a:pt x="353" y="286"/>
                    <a:pt x="354" y="286"/>
                  </a:cubicBezTo>
                  <a:cubicBezTo>
                    <a:pt x="354" y="286"/>
                    <a:pt x="354" y="286"/>
                    <a:pt x="354" y="286"/>
                  </a:cubicBezTo>
                  <a:cubicBezTo>
                    <a:pt x="355" y="287"/>
                    <a:pt x="358" y="288"/>
                    <a:pt x="358" y="288"/>
                  </a:cubicBezTo>
                  <a:cubicBezTo>
                    <a:pt x="361" y="288"/>
                    <a:pt x="361" y="288"/>
                    <a:pt x="361" y="288"/>
                  </a:cubicBezTo>
                  <a:cubicBezTo>
                    <a:pt x="362" y="287"/>
                    <a:pt x="362" y="284"/>
                    <a:pt x="361" y="284"/>
                  </a:cubicBezTo>
                  <a:cubicBezTo>
                    <a:pt x="361" y="283"/>
                    <a:pt x="361" y="282"/>
                    <a:pt x="361" y="281"/>
                  </a:cubicBezTo>
                  <a:cubicBezTo>
                    <a:pt x="361" y="280"/>
                    <a:pt x="362" y="278"/>
                    <a:pt x="362" y="279"/>
                  </a:cubicBezTo>
                  <a:cubicBezTo>
                    <a:pt x="362" y="281"/>
                    <a:pt x="363" y="283"/>
                    <a:pt x="363" y="284"/>
                  </a:cubicBezTo>
                  <a:cubicBezTo>
                    <a:pt x="363" y="285"/>
                    <a:pt x="365" y="286"/>
                    <a:pt x="365" y="287"/>
                  </a:cubicBezTo>
                  <a:cubicBezTo>
                    <a:pt x="365" y="288"/>
                    <a:pt x="367" y="288"/>
                    <a:pt x="367" y="289"/>
                  </a:cubicBezTo>
                  <a:cubicBezTo>
                    <a:pt x="368" y="289"/>
                    <a:pt x="368" y="289"/>
                    <a:pt x="369" y="290"/>
                  </a:cubicBezTo>
                  <a:cubicBezTo>
                    <a:pt x="370" y="291"/>
                    <a:pt x="372" y="291"/>
                    <a:pt x="373" y="291"/>
                  </a:cubicBezTo>
                  <a:cubicBezTo>
                    <a:pt x="373" y="292"/>
                    <a:pt x="376" y="293"/>
                    <a:pt x="376" y="293"/>
                  </a:cubicBezTo>
                  <a:cubicBezTo>
                    <a:pt x="376" y="293"/>
                    <a:pt x="379" y="294"/>
                    <a:pt x="378" y="295"/>
                  </a:cubicBezTo>
                  <a:cubicBezTo>
                    <a:pt x="378" y="295"/>
                    <a:pt x="378" y="297"/>
                    <a:pt x="378" y="297"/>
                  </a:cubicBezTo>
                  <a:cubicBezTo>
                    <a:pt x="378" y="298"/>
                    <a:pt x="381" y="297"/>
                    <a:pt x="381" y="298"/>
                  </a:cubicBezTo>
                  <a:cubicBezTo>
                    <a:pt x="381" y="299"/>
                    <a:pt x="381" y="299"/>
                    <a:pt x="380" y="300"/>
                  </a:cubicBezTo>
                  <a:cubicBezTo>
                    <a:pt x="380" y="302"/>
                    <a:pt x="381" y="302"/>
                    <a:pt x="382" y="302"/>
                  </a:cubicBezTo>
                  <a:cubicBezTo>
                    <a:pt x="382" y="303"/>
                    <a:pt x="384" y="304"/>
                    <a:pt x="384" y="305"/>
                  </a:cubicBezTo>
                  <a:cubicBezTo>
                    <a:pt x="383" y="305"/>
                    <a:pt x="382" y="306"/>
                    <a:pt x="382" y="306"/>
                  </a:cubicBezTo>
                  <a:cubicBezTo>
                    <a:pt x="382" y="307"/>
                    <a:pt x="383" y="307"/>
                    <a:pt x="384" y="308"/>
                  </a:cubicBezTo>
                  <a:cubicBezTo>
                    <a:pt x="384" y="309"/>
                    <a:pt x="387" y="310"/>
                    <a:pt x="387" y="310"/>
                  </a:cubicBezTo>
                  <a:cubicBezTo>
                    <a:pt x="387" y="310"/>
                    <a:pt x="389" y="311"/>
                    <a:pt x="389" y="311"/>
                  </a:cubicBezTo>
                  <a:cubicBezTo>
                    <a:pt x="389" y="311"/>
                    <a:pt x="390" y="313"/>
                    <a:pt x="390" y="314"/>
                  </a:cubicBezTo>
                  <a:cubicBezTo>
                    <a:pt x="390" y="314"/>
                    <a:pt x="392" y="315"/>
                    <a:pt x="392" y="316"/>
                  </a:cubicBezTo>
                  <a:cubicBezTo>
                    <a:pt x="392" y="316"/>
                    <a:pt x="394" y="318"/>
                    <a:pt x="394" y="318"/>
                  </a:cubicBezTo>
                  <a:cubicBezTo>
                    <a:pt x="395" y="319"/>
                    <a:pt x="396" y="319"/>
                    <a:pt x="396" y="320"/>
                  </a:cubicBezTo>
                  <a:cubicBezTo>
                    <a:pt x="397" y="322"/>
                    <a:pt x="398" y="322"/>
                    <a:pt x="399" y="322"/>
                  </a:cubicBezTo>
                  <a:cubicBezTo>
                    <a:pt x="399" y="322"/>
                    <a:pt x="401" y="322"/>
                    <a:pt x="401" y="323"/>
                  </a:cubicBezTo>
                  <a:cubicBezTo>
                    <a:pt x="400" y="323"/>
                    <a:pt x="399" y="323"/>
                    <a:pt x="398" y="324"/>
                  </a:cubicBezTo>
                  <a:cubicBezTo>
                    <a:pt x="398" y="324"/>
                    <a:pt x="398" y="324"/>
                    <a:pt x="397" y="325"/>
                  </a:cubicBezTo>
                  <a:cubicBezTo>
                    <a:pt x="397" y="326"/>
                    <a:pt x="398" y="326"/>
                    <a:pt x="397" y="327"/>
                  </a:cubicBezTo>
                  <a:cubicBezTo>
                    <a:pt x="396" y="328"/>
                    <a:pt x="401" y="327"/>
                    <a:pt x="402" y="327"/>
                  </a:cubicBezTo>
                  <a:cubicBezTo>
                    <a:pt x="402" y="327"/>
                    <a:pt x="403" y="326"/>
                    <a:pt x="404" y="326"/>
                  </a:cubicBezTo>
                  <a:cubicBezTo>
                    <a:pt x="405" y="326"/>
                    <a:pt x="406" y="326"/>
                    <a:pt x="407" y="327"/>
                  </a:cubicBezTo>
                  <a:cubicBezTo>
                    <a:pt x="407" y="327"/>
                    <a:pt x="408" y="328"/>
                    <a:pt x="408" y="329"/>
                  </a:cubicBezTo>
                  <a:cubicBezTo>
                    <a:pt x="408" y="330"/>
                    <a:pt x="410" y="331"/>
                    <a:pt x="409" y="332"/>
                  </a:cubicBezTo>
                  <a:cubicBezTo>
                    <a:pt x="408" y="332"/>
                    <a:pt x="408" y="332"/>
                    <a:pt x="407" y="333"/>
                  </a:cubicBezTo>
                  <a:cubicBezTo>
                    <a:pt x="407" y="334"/>
                    <a:pt x="407" y="334"/>
                    <a:pt x="407" y="334"/>
                  </a:cubicBezTo>
                  <a:cubicBezTo>
                    <a:pt x="408" y="335"/>
                    <a:pt x="409" y="335"/>
                    <a:pt x="410" y="336"/>
                  </a:cubicBezTo>
                  <a:cubicBezTo>
                    <a:pt x="410" y="336"/>
                    <a:pt x="411" y="337"/>
                    <a:pt x="411" y="338"/>
                  </a:cubicBezTo>
                  <a:cubicBezTo>
                    <a:pt x="411" y="339"/>
                    <a:pt x="411" y="339"/>
                    <a:pt x="410" y="339"/>
                  </a:cubicBezTo>
                  <a:cubicBezTo>
                    <a:pt x="409" y="340"/>
                    <a:pt x="409" y="339"/>
                    <a:pt x="409" y="340"/>
                  </a:cubicBezTo>
                  <a:cubicBezTo>
                    <a:pt x="409" y="341"/>
                    <a:pt x="409" y="341"/>
                    <a:pt x="409" y="341"/>
                  </a:cubicBezTo>
                  <a:cubicBezTo>
                    <a:pt x="409" y="341"/>
                    <a:pt x="409" y="341"/>
                    <a:pt x="409" y="341"/>
                  </a:cubicBezTo>
                  <a:cubicBezTo>
                    <a:pt x="409" y="343"/>
                    <a:pt x="410" y="344"/>
                    <a:pt x="410" y="344"/>
                  </a:cubicBezTo>
                  <a:cubicBezTo>
                    <a:pt x="410" y="344"/>
                    <a:pt x="411" y="344"/>
                    <a:pt x="411" y="344"/>
                  </a:cubicBezTo>
                  <a:cubicBezTo>
                    <a:pt x="412" y="344"/>
                    <a:pt x="412" y="344"/>
                    <a:pt x="412" y="344"/>
                  </a:cubicBezTo>
                  <a:cubicBezTo>
                    <a:pt x="412" y="345"/>
                    <a:pt x="413" y="346"/>
                    <a:pt x="412" y="347"/>
                  </a:cubicBezTo>
                  <a:cubicBezTo>
                    <a:pt x="411" y="348"/>
                    <a:pt x="411" y="348"/>
                    <a:pt x="411" y="349"/>
                  </a:cubicBezTo>
                  <a:cubicBezTo>
                    <a:pt x="411" y="349"/>
                    <a:pt x="413" y="350"/>
                    <a:pt x="413" y="351"/>
                  </a:cubicBezTo>
                  <a:cubicBezTo>
                    <a:pt x="412" y="352"/>
                    <a:pt x="414" y="352"/>
                    <a:pt x="414" y="352"/>
                  </a:cubicBezTo>
                  <a:cubicBezTo>
                    <a:pt x="414" y="352"/>
                    <a:pt x="414" y="352"/>
                    <a:pt x="414" y="352"/>
                  </a:cubicBezTo>
                  <a:cubicBezTo>
                    <a:pt x="414" y="352"/>
                    <a:pt x="414" y="352"/>
                    <a:pt x="414" y="352"/>
                  </a:cubicBezTo>
                  <a:cubicBezTo>
                    <a:pt x="416" y="351"/>
                    <a:pt x="416" y="351"/>
                    <a:pt x="416" y="351"/>
                  </a:cubicBezTo>
                  <a:cubicBezTo>
                    <a:pt x="417" y="351"/>
                    <a:pt x="418" y="351"/>
                    <a:pt x="418" y="351"/>
                  </a:cubicBezTo>
                  <a:cubicBezTo>
                    <a:pt x="419" y="351"/>
                    <a:pt x="420" y="350"/>
                    <a:pt x="420" y="351"/>
                  </a:cubicBezTo>
                  <a:cubicBezTo>
                    <a:pt x="420" y="351"/>
                    <a:pt x="421" y="352"/>
                    <a:pt x="421" y="352"/>
                  </a:cubicBezTo>
                  <a:cubicBezTo>
                    <a:pt x="421" y="353"/>
                    <a:pt x="420" y="354"/>
                    <a:pt x="419" y="355"/>
                  </a:cubicBezTo>
                  <a:cubicBezTo>
                    <a:pt x="418" y="355"/>
                    <a:pt x="418" y="355"/>
                    <a:pt x="417" y="355"/>
                  </a:cubicBezTo>
                  <a:cubicBezTo>
                    <a:pt x="417" y="355"/>
                    <a:pt x="416" y="355"/>
                    <a:pt x="416" y="355"/>
                  </a:cubicBezTo>
                  <a:cubicBezTo>
                    <a:pt x="416" y="356"/>
                    <a:pt x="416" y="356"/>
                    <a:pt x="416" y="357"/>
                  </a:cubicBezTo>
                  <a:cubicBezTo>
                    <a:pt x="416" y="359"/>
                    <a:pt x="415" y="359"/>
                    <a:pt x="416" y="359"/>
                  </a:cubicBezTo>
                  <a:cubicBezTo>
                    <a:pt x="417" y="359"/>
                    <a:pt x="418" y="359"/>
                    <a:pt x="419" y="359"/>
                  </a:cubicBezTo>
                  <a:cubicBezTo>
                    <a:pt x="419" y="359"/>
                    <a:pt x="420" y="359"/>
                    <a:pt x="420" y="359"/>
                  </a:cubicBezTo>
                  <a:cubicBezTo>
                    <a:pt x="420" y="359"/>
                    <a:pt x="421" y="359"/>
                    <a:pt x="421" y="360"/>
                  </a:cubicBezTo>
                  <a:cubicBezTo>
                    <a:pt x="421" y="361"/>
                    <a:pt x="423" y="362"/>
                    <a:pt x="423" y="362"/>
                  </a:cubicBezTo>
                  <a:cubicBezTo>
                    <a:pt x="423" y="363"/>
                    <a:pt x="424" y="364"/>
                    <a:pt x="424" y="364"/>
                  </a:cubicBezTo>
                  <a:cubicBezTo>
                    <a:pt x="425" y="364"/>
                    <a:pt x="425" y="364"/>
                    <a:pt x="425" y="364"/>
                  </a:cubicBezTo>
                  <a:cubicBezTo>
                    <a:pt x="425" y="364"/>
                    <a:pt x="425" y="364"/>
                    <a:pt x="425" y="364"/>
                  </a:cubicBezTo>
                  <a:cubicBezTo>
                    <a:pt x="427" y="363"/>
                    <a:pt x="429" y="360"/>
                    <a:pt x="429" y="360"/>
                  </a:cubicBezTo>
                  <a:cubicBezTo>
                    <a:pt x="430" y="359"/>
                    <a:pt x="430" y="359"/>
                    <a:pt x="430" y="359"/>
                  </a:cubicBezTo>
                  <a:cubicBezTo>
                    <a:pt x="430" y="359"/>
                    <a:pt x="430" y="359"/>
                    <a:pt x="430" y="359"/>
                  </a:cubicBezTo>
                  <a:cubicBezTo>
                    <a:pt x="431" y="360"/>
                    <a:pt x="432" y="361"/>
                    <a:pt x="432" y="362"/>
                  </a:cubicBezTo>
                  <a:cubicBezTo>
                    <a:pt x="432" y="363"/>
                    <a:pt x="431" y="362"/>
                    <a:pt x="431" y="364"/>
                  </a:cubicBezTo>
                  <a:cubicBezTo>
                    <a:pt x="430" y="365"/>
                    <a:pt x="433" y="365"/>
                    <a:pt x="433" y="366"/>
                  </a:cubicBezTo>
                  <a:cubicBezTo>
                    <a:pt x="433" y="367"/>
                    <a:pt x="432" y="368"/>
                    <a:pt x="432" y="369"/>
                  </a:cubicBezTo>
                  <a:cubicBezTo>
                    <a:pt x="433" y="369"/>
                    <a:pt x="434" y="370"/>
                    <a:pt x="435" y="370"/>
                  </a:cubicBezTo>
                  <a:cubicBezTo>
                    <a:pt x="435" y="371"/>
                    <a:pt x="437" y="374"/>
                    <a:pt x="437" y="374"/>
                  </a:cubicBezTo>
                  <a:cubicBezTo>
                    <a:pt x="438" y="374"/>
                    <a:pt x="439" y="374"/>
                    <a:pt x="439" y="375"/>
                  </a:cubicBezTo>
                  <a:cubicBezTo>
                    <a:pt x="439" y="376"/>
                    <a:pt x="439" y="377"/>
                    <a:pt x="439" y="378"/>
                  </a:cubicBezTo>
                  <a:cubicBezTo>
                    <a:pt x="439" y="378"/>
                    <a:pt x="441" y="379"/>
                    <a:pt x="441" y="379"/>
                  </a:cubicBezTo>
                  <a:cubicBezTo>
                    <a:pt x="441" y="379"/>
                    <a:pt x="442" y="379"/>
                    <a:pt x="442" y="380"/>
                  </a:cubicBezTo>
                  <a:cubicBezTo>
                    <a:pt x="442" y="380"/>
                    <a:pt x="444" y="381"/>
                    <a:pt x="444" y="381"/>
                  </a:cubicBezTo>
                  <a:cubicBezTo>
                    <a:pt x="444" y="381"/>
                    <a:pt x="444" y="381"/>
                    <a:pt x="444" y="381"/>
                  </a:cubicBezTo>
                  <a:cubicBezTo>
                    <a:pt x="447" y="381"/>
                    <a:pt x="447" y="381"/>
                    <a:pt x="447" y="381"/>
                  </a:cubicBezTo>
                  <a:cubicBezTo>
                    <a:pt x="447" y="381"/>
                    <a:pt x="447" y="381"/>
                    <a:pt x="447" y="381"/>
                  </a:cubicBezTo>
                  <a:cubicBezTo>
                    <a:pt x="447" y="381"/>
                    <a:pt x="447" y="381"/>
                    <a:pt x="447" y="381"/>
                  </a:cubicBezTo>
                  <a:cubicBezTo>
                    <a:pt x="447" y="381"/>
                    <a:pt x="448" y="380"/>
                    <a:pt x="448" y="380"/>
                  </a:cubicBezTo>
                  <a:cubicBezTo>
                    <a:pt x="449" y="380"/>
                    <a:pt x="450" y="380"/>
                    <a:pt x="450" y="380"/>
                  </a:cubicBezTo>
                  <a:cubicBezTo>
                    <a:pt x="450" y="381"/>
                    <a:pt x="452" y="382"/>
                    <a:pt x="451" y="382"/>
                  </a:cubicBezTo>
                  <a:cubicBezTo>
                    <a:pt x="450" y="383"/>
                    <a:pt x="448" y="383"/>
                    <a:pt x="448" y="383"/>
                  </a:cubicBezTo>
                  <a:cubicBezTo>
                    <a:pt x="447" y="383"/>
                    <a:pt x="447" y="383"/>
                    <a:pt x="447" y="383"/>
                  </a:cubicBezTo>
                  <a:cubicBezTo>
                    <a:pt x="447" y="383"/>
                    <a:pt x="447" y="383"/>
                    <a:pt x="447" y="383"/>
                  </a:cubicBezTo>
                  <a:cubicBezTo>
                    <a:pt x="447" y="383"/>
                    <a:pt x="446" y="384"/>
                    <a:pt x="446" y="384"/>
                  </a:cubicBezTo>
                  <a:cubicBezTo>
                    <a:pt x="445" y="385"/>
                    <a:pt x="444" y="385"/>
                    <a:pt x="444" y="385"/>
                  </a:cubicBezTo>
                  <a:cubicBezTo>
                    <a:pt x="443" y="387"/>
                    <a:pt x="443" y="388"/>
                    <a:pt x="443" y="389"/>
                  </a:cubicBezTo>
                  <a:cubicBezTo>
                    <a:pt x="443" y="390"/>
                    <a:pt x="443" y="391"/>
                    <a:pt x="443" y="391"/>
                  </a:cubicBezTo>
                  <a:cubicBezTo>
                    <a:pt x="443" y="391"/>
                    <a:pt x="443" y="391"/>
                    <a:pt x="443" y="391"/>
                  </a:cubicBezTo>
                  <a:cubicBezTo>
                    <a:pt x="443" y="391"/>
                    <a:pt x="443" y="391"/>
                    <a:pt x="443" y="391"/>
                  </a:cubicBezTo>
                  <a:cubicBezTo>
                    <a:pt x="444" y="391"/>
                    <a:pt x="446" y="390"/>
                    <a:pt x="446" y="390"/>
                  </a:cubicBezTo>
                  <a:cubicBezTo>
                    <a:pt x="446" y="390"/>
                    <a:pt x="447" y="390"/>
                    <a:pt x="447" y="391"/>
                  </a:cubicBezTo>
                  <a:cubicBezTo>
                    <a:pt x="446" y="392"/>
                    <a:pt x="446" y="392"/>
                    <a:pt x="445" y="393"/>
                  </a:cubicBezTo>
                  <a:cubicBezTo>
                    <a:pt x="444" y="393"/>
                    <a:pt x="444" y="393"/>
                    <a:pt x="444" y="394"/>
                  </a:cubicBezTo>
                  <a:cubicBezTo>
                    <a:pt x="444" y="395"/>
                    <a:pt x="444" y="396"/>
                    <a:pt x="444" y="397"/>
                  </a:cubicBezTo>
                  <a:cubicBezTo>
                    <a:pt x="444" y="397"/>
                    <a:pt x="445" y="398"/>
                    <a:pt x="446" y="399"/>
                  </a:cubicBezTo>
                  <a:cubicBezTo>
                    <a:pt x="447" y="400"/>
                    <a:pt x="449" y="401"/>
                    <a:pt x="449" y="401"/>
                  </a:cubicBezTo>
                  <a:cubicBezTo>
                    <a:pt x="449" y="400"/>
                    <a:pt x="449" y="400"/>
                    <a:pt x="449" y="400"/>
                  </a:cubicBezTo>
                  <a:cubicBezTo>
                    <a:pt x="449" y="400"/>
                    <a:pt x="449" y="400"/>
                    <a:pt x="449" y="400"/>
                  </a:cubicBezTo>
                  <a:cubicBezTo>
                    <a:pt x="450" y="400"/>
                    <a:pt x="450" y="400"/>
                    <a:pt x="450" y="400"/>
                  </a:cubicBezTo>
                  <a:cubicBezTo>
                    <a:pt x="450" y="400"/>
                    <a:pt x="450" y="400"/>
                    <a:pt x="450" y="400"/>
                  </a:cubicBezTo>
                  <a:cubicBezTo>
                    <a:pt x="451" y="401"/>
                    <a:pt x="453" y="402"/>
                    <a:pt x="453" y="402"/>
                  </a:cubicBezTo>
                  <a:cubicBezTo>
                    <a:pt x="453" y="402"/>
                    <a:pt x="453" y="402"/>
                    <a:pt x="453" y="402"/>
                  </a:cubicBezTo>
                  <a:cubicBezTo>
                    <a:pt x="453" y="402"/>
                    <a:pt x="453" y="402"/>
                    <a:pt x="453" y="402"/>
                  </a:cubicBezTo>
                  <a:cubicBezTo>
                    <a:pt x="453" y="402"/>
                    <a:pt x="455" y="400"/>
                    <a:pt x="455" y="400"/>
                  </a:cubicBezTo>
                  <a:cubicBezTo>
                    <a:pt x="456" y="400"/>
                    <a:pt x="457" y="400"/>
                    <a:pt x="457" y="400"/>
                  </a:cubicBezTo>
                  <a:cubicBezTo>
                    <a:pt x="457" y="401"/>
                    <a:pt x="459" y="400"/>
                    <a:pt x="459" y="401"/>
                  </a:cubicBezTo>
                  <a:cubicBezTo>
                    <a:pt x="459" y="403"/>
                    <a:pt x="460" y="403"/>
                    <a:pt x="459" y="404"/>
                  </a:cubicBezTo>
                  <a:cubicBezTo>
                    <a:pt x="458" y="404"/>
                    <a:pt x="458" y="405"/>
                    <a:pt x="459" y="405"/>
                  </a:cubicBezTo>
                  <a:cubicBezTo>
                    <a:pt x="459" y="405"/>
                    <a:pt x="462" y="405"/>
                    <a:pt x="462" y="406"/>
                  </a:cubicBezTo>
                  <a:cubicBezTo>
                    <a:pt x="462" y="406"/>
                    <a:pt x="463" y="406"/>
                    <a:pt x="463" y="406"/>
                  </a:cubicBezTo>
                  <a:cubicBezTo>
                    <a:pt x="465" y="407"/>
                    <a:pt x="472" y="406"/>
                    <a:pt x="473" y="406"/>
                  </a:cubicBezTo>
                  <a:cubicBezTo>
                    <a:pt x="473" y="406"/>
                    <a:pt x="473" y="406"/>
                    <a:pt x="473" y="406"/>
                  </a:cubicBezTo>
                  <a:cubicBezTo>
                    <a:pt x="473" y="406"/>
                    <a:pt x="473" y="406"/>
                    <a:pt x="473" y="406"/>
                  </a:cubicBezTo>
                  <a:cubicBezTo>
                    <a:pt x="473" y="406"/>
                    <a:pt x="474" y="405"/>
                    <a:pt x="474" y="405"/>
                  </a:cubicBezTo>
                  <a:cubicBezTo>
                    <a:pt x="474" y="405"/>
                    <a:pt x="474" y="405"/>
                    <a:pt x="474" y="405"/>
                  </a:cubicBezTo>
                  <a:cubicBezTo>
                    <a:pt x="475" y="406"/>
                    <a:pt x="474" y="407"/>
                    <a:pt x="474" y="408"/>
                  </a:cubicBezTo>
                  <a:cubicBezTo>
                    <a:pt x="473" y="409"/>
                    <a:pt x="473" y="409"/>
                    <a:pt x="473" y="410"/>
                  </a:cubicBezTo>
                  <a:cubicBezTo>
                    <a:pt x="474" y="411"/>
                    <a:pt x="475" y="411"/>
                    <a:pt x="476" y="411"/>
                  </a:cubicBezTo>
                  <a:cubicBezTo>
                    <a:pt x="476" y="411"/>
                    <a:pt x="477" y="410"/>
                    <a:pt x="477" y="411"/>
                  </a:cubicBezTo>
                  <a:cubicBezTo>
                    <a:pt x="477" y="411"/>
                    <a:pt x="477" y="413"/>
                    <a:pt x="477" y="414"/>
                  </a:cubicBezTo>
                  <a:cubicBezTo>
                    <a:pt x="477" y="415"/>
                    <a:pt x="477" y="415"/>
                    <a:pt x="477" y="415"/>
                  </a:cubicBezTo>
                  <a:cubicBezTo>
                    <a:pt x="478" y="416"/>
                    <a:pt x="480" y="416"/>
                    <a:pt x="480" y="416"/>
                  </a:cubicBezTo>
                  <a:cubicBezTo>
                    <a:pt x="482" y="416"/>
                    <a:pt x="482" y="416"/>
                    <a:pt x="482" y="416"/>
                  </a:cubicBezTo>
                  <a:cubicBezTo>
                    <a:pt x="484" y="416"/>
                    <a:pt x="484" y="416"/>
                    <a:pt x="484" y="416"/>
                  </a:cubicBezTo>
                  <a:cubicBezTo>
                    <a:pt x="484" y="416"/>
                    <a:pt x="486" y="417"/>
                    <a:pt x="485" y="418"/>
                  </a:cubicBezTo>
                  <a:cubicBezTo>
                    <a:pt x="485" y="419"/>
                    <a:pt x="487" y="420"/>
                    <a:pt x="487" y="421"/>
                  </a:cubicBezTo>
                  <a:cubicBezTo>
                    <a:pt x="487" y="421"/>
                    <a:pt x="488" y="421"/>
                    <a:pt x="488" y="421"/>
                  </a:cubicBezTo>
                  <a:cubicBezTo>
                    <a:pt x="488" y="422"/>
                    <a:pt x="489" y="421"/>
                    <a:pt x="490" y="422"/>
                  </a:cubicBezTo>
                  <a:cubicBezTo>
                    <a:pt x="491" y="422"/>
                    <a:pt x="491" y="422"/>
                    <a:pt x="492" y="422"/>
                  </a:cubicBezTo>
                  <a:cubicBezTo>
                    <a:pt x="493" y="423"/>
                    <a:pt x="494" y="424"/>
                    <a:pt x="494" y="424"/>
                  </a:cubicBezTo>
                  <a:cubicBezTo>
                    <a:pt x="494" y="425"/>
                    <a:pt x="495" y="425"/>
                    <a:pt x="494" y="426"/>
                  </a:cubicBezTo>
                  <a:cubicBezTo>
                    <a:pt x="494" y="426"/>
                    <a:pt x="494" y="426"/>
                    <a:pt x="494" y="426"/>
                  </a:cubicBezTo>
                  <a:cubicBezTo>
                    <a:pt x="493" y="426"/>
                    <a:pt x="493" y="426"/>
                    <a:pt x="493" y="426"/>
                  </a:cubicBezTo>
                  <a:cubicBezTo>
                    <a:pt x="493" y="427"/>
                    <a:pt x="493" y="428"/>
                    <a:pt x="493" y="428"/>
                  </a:cubicBezTo>
                  <a:cubicBezTo>
                    <a:pt x="494" y="428"/>
                    <a:pt x="494" y="428"/>
                    <a:pt x="494" y="428"/>
                  </a:cubicBezTo>
                  <a:cubicBezTo>
                    <a:pt x="494" y="429"/>
                    <a:pt x="494" y="429"/>
                    <a:pt x="494" y="429"/>
                  </a:cubicBezTo>
                  <a:cubicBezTo>
                    <a:pt x="494" y="429"/>
                    <a:pt x="496" y="431"/>
                    <a:pt x="496" y="431"/>
                  </a:cubicBezTo>
                  <a:cubicBezTo>
                    <a:pt x="497" y="431"/>
                    <a:pt x="498" y="432"/>
                    <a:pt x="498" y="432"/>
                  </a:cubicBezTo>
                  <a:cubicBezTo>
                    <a:pt x="499" y="432"/>
                    <a:pt x="500" y="432"/>
                    <a:pt x="500" y="433"/>
                  </a:cubicBezTo>
                  <a:cubicBezTo>
                    <a:pt x="500" y="433"/>
                    <a:pt x="501" y="433"/>
                    <a:pt x="501" y="434"/>
                  </a:cubicBezTo>
                  <a:cubicBezTo>
                    <a:pt x="500" y="435"/>
                    <a:pt x="499" y="435"/>
                    <a:pt x="499" y="435"/>
                  </a:cubicBezTo>
                  <a:cubicBezTo>
                    <a:pt x="498" y="436"/>
                    <a:pt x="498" y="436"/>
                    <a:pt x="498" y="436"/>
                  </a:cubicBezTo>
                  <a:cubicBezTo>
                    <a:pt x="498" y="437"/>
                    <a:pt x="499" y="438"/>
                    <a:pt x="499" y="438"/>
                  </a:cubicBezTo>
                  <a:cubicBezTo>
                    <a:pt x="497" y="439"/>
                    <a:pt x="495" y="439"/>
                    <a:pt x="495" y="439"/>
                  </a:cubicBezTo>
                  <a:cubicBezTo>
                    <a:pt x="494" y="439"/>
                    <a:pt x="492" y="439"/>
                    <a:pt x="492" y="439"/>
                  </a:cubicBezTo>
                  <a:cubicBezTo>
                    <a:pt x="491" y="439"/>
                    <a:pt x="490" y="439"/>
                    <a:pt x="489" y="440"/>
                  </a:cubicBezTo>
                  <a:cubicBezTo>
                    <a:pt x="488" y="440"/>
                    <a:pt x="487" y="440"/>
                    <a:pt x="486" y="439"/>
                  </a:cubicBezTo>
                  <a:cubicBezTo>
                    <a:pt x="485" y="438"/>
                    <a:pt x="486" y="438"/>
                    <a:pt x="484" y="437"/>
                  </a:cubicBezTo>
                  <a:cubicBezTo>
                    <a:pt x="482" y="436"/>
                    <a:pt x="482" y="436"/>
                    <a:pt x="481" y="436"/>
                  </a:cubicBezTo>
                  <a:cubicBezTo>
                    <a:pt x="480" y="436"/>
                    <a:pt x="480" y="436"/>
                    <a:pt x="479" y="436"/>
                  </a:cubicBezTo>
                  <a:cubicBezTo>
                    <a:pt x="479" y="436"/>
                    <a:pt x="479" y="436"/>
                    <a:pt x="479" y="436"/>
                  </a:cubicBezTo>
                  <a:cubicBezTo>
                    <a:pt x="479" y="436"/>
                    <a:pt x="479" y="436"/>
                    <a:pt x="478" y="436"/>
                  </a:cubicBezTo>
                  <a:cubicBezTo>
                    <a:pt x="478" y="437"/>
                    <a:pt x="477" y="437"/>
                    <a:pt x="477" y="438"/>
                  </a:cubicBezTo>
                  <a:cubicBezTo>
                    <a:pt x="477" y="439"/>
                    <a:pt x="479" y="441"/>
                    <a:pt x="479" y="441"/>
                  </a:cubicBezTo>
                  <a:cubicBezTo>
                    <a:pt x="479" y="441"/>
                    <a:pt x="478" y="441"/>
                    <a:pt x="478" y="442"/>
                  </a:cubicBezTo>
                  <a:cubicBezTo>
                    <a:pt x="478" y="444"/>
                    <a:pt x="478" y="444"/>
                    <a:pt x="478" y="445"/>
                  </a:cubicBezTo>
                  <a:cubicBezTo>
                    <a:pt x="478" y="445"/>
                    <a:pt x="479" y="445"/>
                    <a:pt x="480" y="446"/>
                  </a:cubicBezTo>
                  <a:cubicBezTo>
                    <a:pt x="480" y="447"/>
                    <a:pt x="480" y="447"/>
                    <a:pt x="481" y="448"/>
                  </a:cubicBezTo>
                  <a:cubicBezTo>
                    <a:pt x="482" y="449"/>
                    <a:pt x="484" y="449"/>
                    <a:pt x="483" y="450"/>
                  </a:cubicBezTo>
                  <a:cubicBezTo>
                    <a:pt x="483" y="450"/>
                    <a:pt x="484" y="453"/>
                    <a:pt x="484" y="454"/>
                  </a:cubicBezTo>
                  <a:cubicBezTo>
                    <a:pt x="484" y="455"/>
                    <a:pt x="484" y="456"/>
                    <a:pt x="484" y="457"/>
                  </a:cubicBezTo>
                  <a:cubicBezTo>
                    <a:pt x="484" y="457"/>
                    <a:pt x="484" y="458"/>
                    <a:pt x="484" y="459"/>
                  </a:cubicBezTo>
                  <a:cubicBezTo>
                    <a:pt x="485" y="460"/>
                    <a:pt x="486" y="461"/>
                    <a:pt x="486" y="461"/>
                  </a:cubicBezTo>
                  <a:cubicBezTo>
                    <a:pt x="486" y="462"/>
                    <a:pt x="484" y="463"/>
                    <a:pt x="484" y="464"/>
                  </a:cubicBezTo>
                  <a:cubicBezTo>
                    <a:pt x="484" y="464"/>
                    <a:pt x="485" y="465"/>
                    <a:pt x="485" y="466"/>
                  </a:cubicBezTo>
                  <a:cubicBezTo>
                    <a:pt x="486" y="468"/>
                    <a:pt x="487" y="467"/>
                    <a:pt x="486" y="468"/>
                  </a:cubicBezTo>
                  <a:cubicBezTo>
                    <a:pt x="485" y="470"/>
                    <a:pt x="485" y="471"/>
                    <a:pt x="485" y="471"/>
                  </a:cubicBezTo>
                  <a:cubicBezTo>
                    <a:pt x="484" y="477"/>
                    <a:pt x="484" y="477"/>
                    <a:pt x="484" y="477"/>
                  </a:cubicBezTo>
                  <a:cubicBezTo>
                    <a:pt x="484" y="477"/>
                    <a:pt x="483" y="480"/>
                    <a:pt x="483" y="481"/>
                  </a:cubicBezTo>
                  <a:cubicBezTo>
                    <a:pt x="483" y="482"/>
                    <a:pt x="483" y="482"/>
                    <a:pt x="483" y="483"/>
                  </a:cubicBezTo>
                  <a:cubicBezTo>
                    <a:pt x="483" y="484"/>
                    <a:pt x="483" y="484"/>
                    <a:pt x="483" y="485"/>
                  </a:cubicBezTo>
                  <a:cubicBezTo>
                    <a:pt x="483" y="486"/>
                    <a:pt x="483" y="485"/>
                    <a:pt x="484" y="486"/>
                  </a:cubicBezTo>
                  <a:cubicBezTo>
                    <a:pt x="484" y="487"/>
                    <a:pt x="484" y="487"/>
                    <a:pt x="483" y="488"/>
                  </a:cubicBezTo>
                  <a:cubicBezTo>
                    <a:pt x="483" y="489"/>
                    <a:pt x="483" y="491"/>
                    <a:pt x="483" y="491"/>
                  </a:cubicBezTo>
                  <a:cubicBezTo>
                    <a:pt x="483" y="492"/>
                    <a:pt x="483" y="493"/>
                    <a:pt x="483" y="494"/>
                  </a:cubicBezTo>
                  <a:cubicBezTo>
                    <a:pt x="483" y="495"/>
                    <a:pt x="484" y="496"/>
                    <a:pt x="483" y="497"/>
                  </a:cubicBezTo>
                  <a:cubicBezTo>
                    <a:pt x="483" y="497"/>
                    <a:pt x="484" y="497"/>
                    <a:pt x="484" y="498"/>
                  </a:cubicBezTo>
                  <a:cubicBezTo>
                    <a:pt x="483" y="499"/>
                    <a:pt x="482" y="499"/>
                    <a:pt x="482" y="500"/>
                  </a:cubicBezTo>
                  <a:cubicBezTo>
                    <a:pt x="482" y="500"/>
                    <a:pt x="481" y="500"/>
                    <a:pt x="481" y="501"/>
                  </a:cubicBezTo>
                  <a:cubicBezTo>
                    <a:pt x="481" y="502"/>
                    <a:pt x="481" y="503"/>
                    <a:pt x="481" y="504"/>
                  </a:cubicBezTo>
                  <a:cubicBezTo>
                    <a:pt x="480" y="505"/>
                    <a:pt x="480" y="506"/>
                    <a:pt x="480" y="506"/>
                  </a:cubicBezTo>
                  <a:cubicBezTo>
                    <a:pt x="480" y="507"/>
                    <a:pt x="480" y="506"/>
                    <a:pt x="480" y="508"/>
                  </a:cubicBezTo>
                  <a:cubicBezTo>
                    <a:pt x="480" y="509"/>
                    <a:pt x="480" y="508"/>
                    <a:pt x="479" y="510"/>
                  </a:cubicBezTo>
                  <a:cubicBezTo>
                    <a:pt x="478" y="512"/>
                    <a:pt x="477" y="511"/>
                    <a:pt x="478" y="513"/>
                  </a:cubicBezTo>
                  <a:cubicBezTo>
                    <a:pt x="480" y="515"/>
                    <a:pt x="482" y="520"/>
                    <a:pt x="482" y="521"/>
                  </a:cubicBezTo>
                  <a:cubicBezTo>
                    <a:pt x="482" y="521"/>
                    <a:pt x="483" y="521"/>
                    <a:pt x="483" y="523"/>
                  </a:cubicBezTo>
                  <a:cubicBezTo>
                    <a:pt x="482" y="524"/>
                    <a:pt x="481" y="523"/>
                    <a:pt x="482" y="524"/>
                  </a:cubicBezTo>
                  <a:cubicBezTo>
                    <a:pt x="482" y="526"/>
                    <a:pt x="482" y="526"/>
                    <a:pt x="482" y="528"/>
                  </a:cubicBezTo>
                  <a:cubicBezTo>
                    <a:pt x="483" y="529"/>
                    <a:pt x="483" y="530"/>
                    <a:pt x="483" y="531"/>
                  </a:cubicBezTo>
                  <a:cubicBezTo>
                    <a:pt x="483" y="532"/>
                    <a:pt x="484" y="531"/>
                    <a:pt x="483" y="532"/>
                  </a:cubicBezTo>
                  <a:cubicBezTo>
                    <a:pt x="483" y="534"/>
                    <a:pt x="483" y="534"/>
                    <a:pt x="483" y="535"/>
                  </a:cubicBezTo>
                  <a:cubicBezTo>
                    <a:pt x="483" y="536"/>
                    <a:pt x="483" y="536"/>
                    <a:pt x="483" y="535"/>
                  </a:cubicBezTo>
                  <a:cubicBezTo>
                    <a:pt x="483" y="535"/>
                    <a:pt x="483" y="535"/>
                    <a:pt x="483" y="536"/>
                  </a:cubicBezTo>
                  <a:cubicBezTo>
                    <a:pt x="482" y="538"/>
                    <a:pt x="482" y="537"/>
                    <a:pt x="482" y="538"/>
                  </a:cubicBezTo>
                  <a:cubicBezTo>
                    <a:pt x="481" y="540"/>
                    <a:pt x="480" y="538"/>
                    <a:pt x="481" y="541"/>
                  </a:cubicBezTo>
                  <a:cubicBezTo>
                    <a:pt x="481" y="543"/>
                    <a:pt x="481" y="543"/>
                    <a:pt x="481" y="545"/>
                  </a:cubicBezTo>
                  <a:cubicBezTo>
                    <a:pt x="482" y="546"/>
                    <a:pt x="482" y="546"/>
                    <a:pt x="483" y="547"/>
                  </a:cubicBezTo>
                  <a:cubicBezTo>
                    <a:pt x="483" y="548"/>
                    <a:pt x="485" y="547"/>
                    <a:pt x="485" y="548"/>
                  </a:cubicBezTo>
                  <a:cubicBezTo>
                    <a:pt x="485" y="550"/>
                    <a:pt x="486" y="550"/>
                    <a:pt x="486" y="551"/>
                  </a:cubicBezTo>
                  <a:cubicBezTo>
                    <a:pt x="486" y="553"/>
                    <a:pt x="488" y="553"/>
                    <a:pt x="487" y="555"/>
                  </a:cubicBezTo>
                  <a:cubicBezTo>
                    <a:pt x="486" y="558"/>
                    <a:pt x="488" y="561"/>
                    <a:pt x="488" y="562"/>
                  </a:cubicBezTo>
                  <a:cubicBezTo>
                    <a:pt x="488" y="563"/>
                    <a:pt x="488" y="562"/>
                    <a:pt x="489" y="564"/>
                  </a:cubicBezTo>
                  <a:cubicBezTo>
                    <a:pt x="489" y="565"/>
                    <a:pt x="490" y="564"/>
                    <a:pt x="491" y="565"/>
                  </a:cubicBezTo>
                  <a:cubicBezTo>
                    <a:pt x="491" y="567"/>
                    <a:pt x="491" y="566"/>
                    <a:pt x="492" y="567"/>
                  </a:cubicBezTo>
                  <a:cubicBezTo>
                    <a:pt x="493" y="567"/>
                    <a:pt x="494" y="569"/>
                    <a:pt x="494" y="569"/>
                  </a:cubicBezTo>
                  <a:cubicBezTo>
                    <a:pt x="495" y="570"/>
                    <a:pt x="495" y="569"/>
                    <a:pt x="495" y="571"/>
                  </a:cubicBezTo>
                  <a:cubicBezTo>
                    <a:pt x="496" y="572"/>
                    <a:pt x="497" y="572"/>
                    <a:pt x="497" y="572"/>
                  </a:cubicBezTo>
                  <a:cubicBezTo>
                    <a:pt x="497" y="572"/>
                    <a:pt x="497" y="572"/>
                    <a:pt x="498" y="572"/>
                  </a:cubicBezTo>
                  <a:cubicBezTo>
                    <a:pt x="498" y="572"/>
                    <a:pt x="498" y="572"/>
                    <a:pt x="498" y="573"/>
                  </a:cubicBezTo>
                  <a:cubicBezTo>
                    <a:pt x="498" y="574"/>
                    <a:pt x="498" y="575"/>
                    <a:pt x="499" y="575"/>
                  </a:cubicBezTo>
                  <a:cubicBezTo>
                    <a:pt x="500" y="575"/>
                    <a:pt x="501" y="574"/>
                    <a:pt x="501" y="574"/>
                  </a:cubicBezTo>
                  <a:cubicBezTo>
                    <a:pt x="501" y="574"/>
                    <a:pt x="502" y="574"/>
                    <a:pt x="502" y="573"/>
                  </a:cubicBezTo>
                  <a:cubicBezTo>
                    <a:pt x="503" y="573"/>
                    <a:pt x="504" y="573"/>
                    <a:pt x="505" y="573"/>
                  </a:cubicBezTo>
                  <a:cubicBezTo>
                    <a:pt x="505" y="573"/>
                    <a:pt x="506" y="573"/>
                    <a:pt x="507" y="573"/>
                  </a:cubicBezTo>
                  <a:cubicBezTo>
                    <a:pt x="509" y="573"/>
                    <a:pt x="509" y="572"/>
                    <a:pt x="509" y="573"/>
                  </a:cubicBezTo>
                  <a:cubicBezTo>
                    <a:pt x="510" y="573"/>
                    <a:pt x="510" y="573"/>
                    <a:pt x="511" y="573"/>
                  </a:cubicBezTo>
                  <a:cubicBezTo>
                    <a:pt x="511" y="573"/>
                    <a:pt x="512" y="573"/>
                    <a:pt x="511" y="573"/>
                  </a:cubicBezTo>
                  <a:cubicBezTo>
                    <a:pt x="509" y="574"/>
                    <a:pt x="509" y="573"/>
                    <a:pt x="508" y="574"/>
                  </a:cubicBezTo>
                  <a:cubicBezTo>
                    <a:pt x="508" y="574"/>
                    <a:pt x="507" y="574"/>
                    <a:pt x="507" y="574"/>
                  </a:cubicBezTo>
                  <a:cubicBezTo>
                    <a:pt x="507" y="574"/>
                    <a:pt x="507" y="574"/>
                    <a:pt x="506" y="574"/>
                  </a:cubicBezTo>
                  <a:cubicBezTo>
                    <a:pt x="506" y="574"/>
                    <a:pt x="505" y="574"/>
                    <a:pt x="505" y="574"/>
                  </a:cubicBezTo>
                  <a:cubicBezTo>
                    <a:pt x="503" y="576"/>
                    <a:pt x="502" y="577"/>
                    <a:pt x="503" y="577"/>
                  </a:cubicBezTo>
                  <a:cubicBezTo>
                    <a:pt x="503" y="578"/>
                    <a:pt x="503" y="578"/>
                    <a:pt x="503" y="579"/>
                  </a:cubicBezTo>
                  <a:cubicBezTo>
                    <a:pt x="502" y="581"/>
                    <a:pt x="501" y="579"/>
                    <a:pt x="502" y="581"/>
                  </a:cubicBezTo>
                  <a:cubicBezTo>
                    <a:pt x="503" y="583"/>
                    <a:pt x="503" y="584"/>
                    <a:pt x="504" y="585"/>
                  </a:cubicBezTo>
                  <a:cubicBezTo>
                    <a:pt x="505" y="586"/>
                    <a:pt x="505" y="586"/>
                    <a:pt x="506" y="586"/>
                  </a:cubicBezTo>
                  <a:cubicBezTo>
                    <a:pt x="506" y="587"/>
                    <a:pt x="506" y="586"/>
                    <a:pt x="507" y="586"/>
                  </a:cubicBezTo>
                  <a:cubicBezTo>
                    <a:pt x="507" y="586"/>
                    <a:pt x="507" y="586"/>
                    <a:pt x="507" y="587"/>
                  </a:cubicBezTo>
                  <a:cubicBezTo>
                    <a:pt x="508" y="588"/>
                    <a:pt x="508" y="589"/>
                    <a:pt x="508" y="590"/>
                  </a:cubicBezTo>
                  <a:cubicBezTo>
                    <a:pt x="508" y="591"/>
                    <a:pt x="507" y="593"/>
                    <a:pt x="508" y="593"/>
                  </a:cubicBezTo>
                  <a:cubicBezTo>
                    <a:pt x="508" y="594"/>
                    <a:pt x="508" y="595"/>
                    <a:pt x="509" y="596"/>
                  </a:cubicBezTo>
                  <a:cubicBezTo>
                    <a:pt x="509" y="596"/>
                    <a:pt x="512" y="599"/>
                    <a:pt x="513" y="599"/>
                  </a:cubicBezTo>
                  <a:cubicBezTo>
                    <a:pt x="513" y="600"/>
                    <a:pt x="514" y="600"/>
                    <a:pt x="514" y="601"/>
                  </a:cubicBezTo>
                  <a:cubicBezTo>
                    <a:pt x="515" y="601"/>
                    <a:pt x="516" y="601"/>
                    <a:pt x="516" y="602"/>
                  </a:cubicBezTo>
                  <a:cubicBezTo>
                    <a:pt x="516" y="603"/>
                    <a:pt x="516" y="604"/>
                    <a:pt x="516" y="604"/>
                  </a:cubicBezTo>
                  <a:cubicBezTo>
                    <a:pt x="518" y="606"/>
                    <a:pt x="519" y="605"/>
                    <a:pt x="519" y="606"/>
                  </a:cubicBezTo>
                  <a:cubicBezTo>
                    <a:pt x="519" y="607"/>
                    <a:pt x="519" y="607"/>
                    <a:pt x="519" y="608"/>
                  </a:cubicBezTo>
                  <a:cubicBezTo>
                    <a:pt x="520" y="609"/>
                    <a:pt x="520" y="608"/>
                    <a:pt x="520" y="610"/>
                  </a:cubicBezTo>
                  <a:cubicBezTo>
                    <a:pt x="520" y="612"/>
                    <a:pt x="520" y="611"/>
                    <a:pt x="520" y="612"/>
                  </a:cubicBezTo>
                  <a:cubicBezTo>
                    <a:pt x="521" y="613"/>
                    <a:pt x="521" y="613"/>
                    <a:pt x="521" y="613"/>
                  </a:cubicBezTo>
                  <a:cubicBezTo>
                    <a:pt x="521" y="613"/>
                    <a:pt x="521" y="613"/>
                    <a:pt x="521" y="614"/>
                  </a:cubicBezTo>
                  <a:cubicBezTo>
                    <a:pt x="521" y="616"/>
                    <a:pt x="521" y="615"/>
                    <a:pt x="522" y="616"/>
                  </a:cubicBezTo>
                  <a:cubicBezTo>
                    <a:pt x="522" y="617"/>
                    <a:pt x="523" y="617"/>
                    <a:pt x="524" y="617"/>
                  </a:cubicBezTo>
                  <a:cubicBezTo>
                    <a:pt x="524" y="618"/>
                    <a:pt x="524" y="618"/>
                    <a:pt x="524" y="618"/>
                  </a:cubicBezTo>
                  <a:cubicBezTo>
                    <a:pt x="525" y="618"/>
                    <a:pt x="525" y="617"/>
                    <a:pt x="525" y="618"/>
                  </a:cubicBezTo>
                  <a:cubicBezTo>
                    <a:pt x="526" y="618"/>
                    <a:pt x="528" y="618"/>
                    <a:pt x="528" y="618"/>
                  </a:cubicBezTo>
                  <a:cubicBezTo>
                    <a:pt x="528" y="618"/>
                    <a:pt x="527" y="617"/>
                    <a:pt x="529" y="618"/>
                  </a:cubicBezTo>
                  <a:cubicBezTo>
                    <a:pt x="532" y="619"/>
                    <a:pt x="536" y="619"/>
                    <a:pt x="537" y="619"/>
                  </a:cubicBezTo>
                  <a:cubicBezTo>
                    <a:pt x="537" y="619"/>
                    <a:pt x="539" y="620"/>
                    <a:pt x="539" y="620"/>
                  </a:cubicBezTo>
                  <a:cubicBezTo>
                    <a:pt x="539" y="621"/>
                    <a:pt x="540" y="621"/>
                    <a:pt x="540" y="622"/>
                  </a:cubicBezTo>
                  <a:cubicBezTo>
                    <a:pt x="541" y="623"/>
                    <a:pt x="541" y="622"/>
                    <a:pt x="542" y="623"/>
                  </a:cubicBezTo>
                  <a:cubicBezTo>
                    <a:pt x="542" y="624"/>
                    <a:pt x="542" y="624"/>
                    <a:pt x="543" y="623"/>
                  </a:cubicBezTo>
                  <a:cubicBezTo>
                    <a:pt x="544" y="623"/>
                    <a:pt x="544" y="623"/>
                    <a:pt x="545" y="623"/>
                  </a:cubicBezTo>
                  <a:cubicBezTo>
                    <a:pt x="545" y="623"/>
                    <a:pt x="545" y="623"/>
                    <a:pt x="546" y="623"/>
                  </a:cubicBezTo>
                  <a:cubicBezTo>
                    <a:pt x="546" y="623"/>
                    <a:pt x="546" y="623"/>
                    <a:pt x="546" y="623"/>
                  </a:cubicBezTo>
                  <a:cubicBezTo>
                    <a:pt x="547" y="624"/>
                    <a:pt x="547" y="624"/>
                    <a:pt x="547" y="624"/>
                  </a:cubicBezTo>
                  <a:cubicBezTo>
                    <a:pt x="548" y="624"/>
                    <a:pt x="548" y="624"/>
                    <a:pt x="549" y="625"/>
                  </a:cubicBezTo>
                  <a:cubicBezTo>
                    <a:pt x="549" y="626"/>
                    <a:pt x="550" y="626"/>
                    <a:pt x="550" y="627"/>
                  </a:cubicBezTo>
                  <a:cubicBezTo>
                    <a:pt x="551" y="627"/>
                    <a:pt x="551" y="627"/>
                    <a:pt x="552" y="628"/>
                  </a:cubicBezTo>
                  <a:cubicBezTo>
                    <a:pt x="552" y="629"/>
                    <a:pt x="553" y="628"/>
                    <a:pt x="553" y="629"/>
                  </a:cubicBezTo>
                  <a:cubicBezTo>
                    <a:pt x="554" y="630"/>
                    <a:pt x="555" y="630"/>
                    <a:pt x="555" y="631"/>
                  </a:cubicBezTo>
                  <a:cubicBezTo>
                    <a:pt x="556" y="631"/>
                    <a:pt x="558" y="635"/>
                    <a:pt x="559" y="636"/>
                  </a:cubicBezTo>
                  <a:cubicBezTo>
                    <a:pt x="559" y="637"/>
                    <a:pt x="560" y="639"/>
                    <a:pt x="560" y="640"/>
                  </a:cubicBezTo>
                  <a:cubicBezTo>
                    <a:pt x="559" y="640"/>
                    <a:pt x="559" y="640"/>
                    <a:pt x="559" y="640"/>
                  </a:cubicBezTo>
                  <a:cubicBezTo>
                    <a:pt x="559" y="640"/>
                    <a:pt x="559" y="640"/>
                    <a:pt x="559" y="640"/>
                  </a:cubicBezTo>
                  <a:cubicBezTo>
                    <a:pt x="559" y="641"/>
                    <a:pt x="559" y="641"/>
                    <a:pt x="560" y="642"/>
                  </a:cubicBezTo>
                  <a:cubicBezTo>
                    <a:pt x="561" y="643"/>
                    <a:pt x="561" y="644"/>
                    <a:pt x="561" y="645"/>
                  </a:cubicBezTo>
                  <a:cubicBezTo>
                    <a:pt x="562" y="646"/>
                    <a:pt x="562" y="646"/>
                    <a:pt x="563" y="647"/>
                  </a:cubicBezTo>
                  <a:cubicBezTo>
                    <a:pt x="563" y="648"/>
                    <a:pt x="564" y="650"/>
                    <a:pt x="564" y="650"/>
                  </a:cubicBezTo>
                  <a:cubicBezTo>
                    <a:pt x="564" y="650"/>
                    <a:pt x="565" y="650"/>
                    <a:pt x="565" y="651"/>
                  </a:cubicBezTo>
                  <a:cubicBezTo>
                    <a:pt x="566" y="652"/>
                    <a:pt x="567" y="653"/>
                    <a:pt x="567" y="654"/>
                  </a:cubicBezTo>
                  <a:cubicBezTo>
                    <a:pt x="568" y="655"/>
                    <a:pt x="570" y="658"/>
                    <a:pt x="570" y="659"/>
                  </a:cubicBezTo>
                  <a:cubicBezTo>
                    <a:pt x="571" y="661"/>
                    <a:pt x="573" y="661"/>
                    <a:pt x="573" y="662"/>
                  </a:cubicBezTo>
                  <a:cubicBezTo>
                    <a:pt x="573" y="664"/>
                    <a:pt x="573" y="664"/>
                    <a:pt x="573" y="665"/>
                  </a:cubicBezTo>
                  <a:cubicBezTo>
                    <a:pt x="573" y="666"/>
                    <a:pt x="573" y="665"/>
                    <a:pt x="574" y="666"/>
                  </a:cubicBezTo>
                  <a:cubicBezTo>
                    <a:pt x="574" y="668"/>
                    <a:pt x="575" y="668"/>
                    <a:pt x="575" y="670"/>
                  </a:cubicBezTo>
                  <a:cubicBezTo>
                    <a:pt x="575" y="671"/>
                    <a:pt x="576" y="671"/>
                    <a:pt x="576" y="672"/>
                  </a:cubicBezTo>
                  <a:cubicBezTo>
                    <a:pt x="575" y="673"/>
                    <a:pt x="576" y="673"/>
                    <a:pt x="576" y="674"/>
                  </a:cubicBezTo>
                  <a:cubicBezTo>
                    <a:pt x="576" y="674"/>
                    <a:pt x="576" y="674"/>
                    <a:pt x="577" y="675"/>
                  </a:cubicBezTo>
                  <a:cubicBezTo>
                    <a:pt x="577" y="676"/>
                    <a:pt x="577" y="675"/>
                    <a:pt x="578" y="676"/>
                  </a:cubicBezTo>
                  <a:cubicBezTo>
                    <a:pt x="578" y="676"/>
                    <a:pt x="581" y="678"/>
                    <a:pt x="581" y="678"/>
                  </a:cubicBezTo>
                  <a:cubicBezTo>
                    <a:pt x="583" y="680"/>
                    <a:pt x="583" y="680"/>
                    <a:pt x="583" y="680"/>
                  </a:cubicBezTo>
                  <a:cubicBezTo>
                    <a:pt x="585" y="681"/>
                    <a:pt x="585" y="681"/>
                    <a:pt x="585" y="681"/>
                  </a:cubicBezTo>
                  <a:cubicBezTo>
                    <a:pt x="588" y="684"/>
                    <a:pt x="588" y="684"/>
                    <a:pt x="588" y="684"/>
                  </a:cubicBezTo>
                  <a:cubicBezTo>
                    <a:pt x="588" y="684"/>
                    <a:pt x="589" y="685"/>
                    <a:pt x="590" y="685"/>
                  </a:cubicBezTo>
                  <a:cubicBezTo>
                    <a:pt x="590" y="685"/>
                    <a:pt x="591" y="686"/>
                    <a:pt x="591" y="687"/>
                  </a:cubicBezTo>
                  <a:cubicBezTo>
                    <a:pt x="593" y="689"/>
                    <a:pt x="593" y="689"/>
                    <a:pt x="593" y="689"/>
                  </a:cubicBezTo>
                  <a:cubicBezTo>
                    <a:pt x="593" y="689"/>
                    <a:pt x="594" y="689"/>
                    <a:pt x="594" y="690"/>
                  </a:cubicBezTo>
                  <a:cubicBezTo>
                    <a:pt x="594" y="690"/>
                    <a:pt x="595" y="692"/>
                    <a:pt x="595" y="693"/>
                  </a:cubicBezTo>
                  <a:cubicBezTo>
                    <a:pt x="595" y="694"/>
                    <a:pt x="595" y="694"/>
                    <a:pt x="595" y="694"/>
                  </a:cubicBezTo>
                  <a:cubicBezTo>
                    <a:pt x="595" y="696"/>
                    <a:pt x="595" y="696"/>
                    <a:pt x="595" y="697"/>
                  </a:cubicBezTo>
                  <a:cubicBezTo>
                    <a:pt x="594" y="697"/>
                    <a:pt x="594" y="697"/>
                    <a:pt x="594" y="697"/>
                  </a:cubicBezTo>
                  <a:cubicBezTo>
                    <a:pt x="594" y="697"/>
                    <a:pt x="593" y="696"/>
                    <a:pt x="593" y="697"/>
                  </a:cubicBezTo>
                  <a:cubicBezTo>
                    <a:pt x="593" y="697"/>
                    <a:pt x="591" y="698"/>
                    <a:pt x="591" y="697"/>
                  </a:cubicBezTo>
                  <a:cubicBezTo>
                    <a:pt x="590" y="696"/>
                    <a:pt x="591" y="696"/>
                    <a:pt x="589" y="696"/>
                  </a:cubicBezTo>
                  <a:cubicBezTo>
                    <a:pt x="588" y="696"/>
                    <a:pt x="588" y="696"/>
                    <a:pt x="587" y="696"/>
                  </a:cubicBezTo>
                  <a:cubicBezTo>
                    <a:pt x="587" y="696"/>
                    <a:pt x="586" y="696"/>
                    <a:pt x="585" y="697"/>
                  </a:cubicBezTo>
                  <a:cubicBezTo>
                    <a:pt x="585" y="697"/>
                    <a:pt x="584" y="697"/>
                    <a:pt x="584" y="697"/>
                  </a:cubicBezTo>
                  <a:cubicBezTo>
                    <a:pt x="583" y="698"/>
                    <a:pt x="583" y="699"/>
                    <a:pt x="584" y="699"/>
                  </a:cubicBezTo>
                  <a:cubicBezTo>
                    <a:pt x="584" y="699"/>
                    <a:pt x="585" y="699"/>
                    <a:pt x="585" y="699"/>
                  </a:cubicBezTo>
                  <a:cubicBezTo>
                    <a:pt x="586" y="699"/>
                    <a:pt x="586" y="699"/>
                    <a:pt x="586" y="700"/>
                  </a:cubicBezTo>
                  <a:cubicBezTo>
                    <a:pt x="586" y="701"/>
                    <a:pt x="588" y="702"/>
                    <a:pt x="589" y="702"/>
                  </a:cubicBezTo>
                  <a:cubicBezTo>
                    <a:pt x="589" y="703"/>
                    <a:pt x="590" y="704"/>
                    <a:pt x="591" y="705"/>
                  </a:cubicBezTo>
                  <a:cubicBezTo>
                    <a:pt x="591" y="706"/>
                    <a:pt x="591" y="706"/>
                    <a:pt x="592" y="707"/>
                  </a:cubicBezTo>
                  <a:cubicBezTo>
                    <a:pt x="592" y="707"/>
                    <a:pt x="593" y="707"/>
                    <a:pt x="593" y="706"/>
                  </a:cubicBezTo>
                  <a:cubicBezTo>
                    <a:pt x="594" y="706"/>
                    <a:pt x="594" y="706"/>
                    <a:pt x="595" y="707"/>
                  </a:cubicBezTo>
                  <a:cubicBezTo>
                    <a:pt x="595" y="707"/>
                    <a:pt x="596" y="708"/>
                    <a:pt x="597" y="709"/>
                  </a:cubicBezTo>
                  <a:cubicBezTo>
                    <a:pt x="598" y="710"/>
                    <a:pt x="600" y="709"/>
                    <a:pt x="600" y="710"/>
                  </a:cubicBezTo>
                  <a:cubicBezTo>
                    <a:pt x="600" y="710"/>
                    <a:pt x="601" y="710"/>
                    <a:pt x="601" y="710"/>
                  </a:cubicBezTo>
                  <a:cubicBezTo>
                    <a:pt x="601" y="710"/>
                    <a:pt x="601" y="710"/>
                    <a:pt x="602" y="710"/>
                  </a:cubicBezTo>
                  <a:cubicBezTo>
                    <a:pt x="602" y="711"/>
                    <a:pt x="603" y="711"/>
                    <a:pt x="603" y="711"/>
                  </a:cubicBezTo>
                  <a:cubicBezTo>
                    <a:pt x="604" y="711"/>
                    <a:pt x="604" y="711"/>
                    <a:pt x="604" y="711"/>
                  </a:cubicBezTo>
                  <a:cubicBezTo>
                    <a:pt x="604" y="711"/>
                    <a:pt x="604" y="711"/>
                    <a:pt x="605" y="711"/>
                  </a:cubicBezTo>
                  <a:cubicBezTo>
                    <a:pt x="606" y="712"/>
                    <a:pt x="606" y="711"/>
                    <a:pt x="607" y="713"/>
                  </a:cubicBezTo>
                  <a:cubicBezTo>
                    <a:pt x="609" y="714"/>
                    <a:pt x="611" y="715"/>
                    <a:pt x="612" y="716"/>
                  </a:cubicBezTo>
                  <a:cubicBezTo>
                    <a:pt x="612" y="716"/>
                    <a:pt x="613" y="717"/>
                    <a:pt x="613" y="717"/>
                  </a:cubicBezTo>
                  <a:cubicBezTo>
                    <a:pt x="614" y="718"/>
                    <a:pt x="615" y="719"/>
                    <a:pt x="615" y="719"/>
                  </a:cubicBezTo>
                  <a:cubicBezTo>
                    <a:pt x="615" y="720"/>
                    <a:pt x="616" y="721"/>
                    <a:pt x="616" y="722"/>
                  </a:cubicBezTo>
                  <a:cubicBezTo>
                    <a:pt x="615" y="723"/>
                    <a:pt x="616" y="723"/>
                    <a:pt x="615" y="724"/>
                  </a:cubicBezTo>
                  <a:cubicBezTo>
                    <a:pt x="614" y="726"/>
                    <a:pt x="615" y="725"/>
                    <a:pt x="614" y="727"/>
                  </a:cubicBezTo>
                  <a:cubicBezTo>
                    <a:pt x="614" y="729"/>
                    <a:pt x="615" y="728"/>
                    <a:pt x="615" y="729"/>
                  </a:cubicBezTo>
                  <a:cubicBezTo>
                    <a:pt x="615" y="731"/>
                    <a:pt x="614" y="730"/>
                    <a:pt x="615" y="732"/>
                  </a:cubicBezTo>
                  <a:cubicBezTo>
                    <a:pt x="616" y="734"/>
                    <a:pt x="616" y="734"/>
                    <a:pt x="618" y="735"/>
                  </a:cubicBezTo>
                  <a:cubicBezTo>
                    <a:pt x="619" y="735"/>
                    <a:pt x="619" y="735"/>
                    <a:pt x="621" y="736"/>
                  </a:cubicBezTo>
                  <a:cubicBezTo>
                    <a:pt x="623" y="737"/>
                    <a:pt x="624" y="737"/>
                    <a:pt x="625" y="739"/>
                  </a:cubicBezTo>
                  <a:cubicBezTo>
                    <a:pt x="626" y="740"/>
                    <a:pt x="629" y="742"/>
                    <a:pt x="629" y="742"/>
                  </a:cubicBezTo>
                  <a:cubicBezTo>
                    <a:pt x="630" y="743"/>
                    <a:pt x="630" y="744"/>
                    <a:pt x="630" y="744"/>
                  </a:cubicBezTo>
                  <a:cubicBezTo>
                    <a:pt x="631" y="745"/>
                    <a:pt x="633" y="745"/>
                    <a:pt x="633" y="745"/>
                  </a:cubicBezTo>
                  <a:cubicBezTo>
                    <a:pt x="634" y="746"/>
                    <a:pt x="635" y="747"/>
                    <a:pt x="635" y="747"/>
                  </a:cubicBezTo>
                  <a:cubicBezTo>
                    <a:pt x="636" y="748"/>
                    <a:pt x="636" y="747"/>
                    <a:pt x="637" y="749"/>
                  </a:cubicBezTo>
                  <a:cubicBezTo>
                    <a:pt x="638" y="750"/>
                    <a:pt x="638" y="748"/>
                    <a:pt x="638" y="750"/>
                  </a:cubicBezTo>
                  <a:cubicBezTo>
                    <a:pt x="638" y="753"/>
                    <a:pt x="638" y="753"/>
                    <a:pt x="639" y="754"/>
                  </a:cubicBezTo>
                  <a:cubicBezTo>
                    <a:pt x="641" y="754"/>
                    <a:pt x="642" y="754"/>
                    <a:pt x="642" y="754"/>
                  </a:cubicBezTo>
                  <a:cubicBezTo>
                    <a:pt x="643" y="754"/>
                    <a:pt x="646" y="751"/>
                    <a:pt x="646" y="751"/>
                  </a:cubicBezTo>
                  <a:cubicBezTo>
                    <a:pt x="645" y="750"/>
                    <a:pt x="645" y="750"/>
                    <a:pt x="645" y="750"/>
                  </a:cubicBezTo>
                  <a:cubicBezTo>
                    <a:pt x="645" y="750"/>
                    <a:pt x="645" y="749"/>
                    <a:pt x="645" y="748"/>
                  </a:cubicBezTo>
                  <a:cubicBezTo>
                    <a:pt x="644" y="748"/>
                    <a:pt x="644" y="747"/>
                    <a:pt x="643" y="746"/>
                  </a:cubicBezTo>
                  <a:cubicBezTo>
                    <a:pt x="643" y="745"/>
                    <a:pt x="642" y="745"/>
                    <a:pt x="642" y="744"/>
                  </a:cubicBezTo>
                  <a:cubicBezTo>
                    <a:pt x="642" y="743"/>
                    <a:pt x="643" y="744"/>
                    <a:pt x="642" y="742"/>
                  </a:cubicBezTo>
                  <a:cubicBezTo>
                    <a:pt x="641" y="741"/>
                    <a:pt x="641" y="742"/>
                    <a:pt x="641" y="740"/>
                  </a:cubicBezTo>
                  <a:cubicBezTo>
                    <a:pt x="641" y="739"/>
                    <a:pt x="639" y="739"/>
                    <a:pt x="639" y="739"/>
                  </a:cubicBezTo>
                  <a:cubicBezTo>
                    <a:pt x="638" y="739"/>
                    <a:pt x="636" y="739"/>
                    <a:pt x="635" y="739"/>
                  </a:cubicBezTo>
                  <a:cubicBezTo>
                    <a:pt x="635" y="738"/>
                    <a:pt x="633" y="737"/>
                    <a:pt x="633" y="737"/>
                  </a:cubicBezTo>
                  <a:cubicBezTo>
                    <a:pt x="633" y="737"/>
                    <a:pt x="632" y="737"/>
                    <a:pt x="631" y="736"/>
                  </a:cubicBezTo>
                  <a:cubicBezTo>
                    <a:pt x="631" y="735"/>
                    <a:pt x="630" y="734"/>
                    <a:pt x="630" y="733"/>
                  </a:cubicBezTo>
                  <a:cubicBezTo>
                    <a:pt x="631" y="733"/>
                    <a:pt x="630" y="732"/>
                    <a:pt x="631" y="732"/>
                  </a:cubicBezTo>
                  <a:cubicBezTo>
                    <a:pt x="632" y="730"/>
                    <a:pt x="632" y="729"/>
                    <a:pt x="632" y="729"/>
                  </a:cubicBezTo>
                  <a:cubicBezTo>
                    <a:pt x="632" y="728"/>
                    <a:pt x="631" y="727"/>
                    <a:pt x="630" y="727"/>
                  </a:cubicBezTo>
                  <a:cubicBezTo>
                    <a:pt x="630" y="727"/>
                    <a:pt x="629" y="725"/>
                    <a:pt x="629" y="725"/>
                  </a:cubicBezTo>
                  <a:cubicBezTo>
                    <a:pt x="629" y="725"/>
                    <a:pt x="629" y="723"/>
                    <a:pt x="628" y="723"/>
                  </a:cubicBezTo>
                  <a:cubicBezTo>
                    <a:pt x="627" y="723"/>
                    <a:pt x="628" y="722"/>
                    <a:pt x="626" y="721"/>
                  </a:cubicBezTo>
                  <a:cubicBezTo>
                    <a:pt x="625" y="721"/>
                    <a:pt x="623" y="721"/>
                    <a:pt x="625" y="720"/>
                  </a:cubicBezTo>
                  <a:cubicBezTo>
                    <a:pt x="627" y="719"/>
                    <a:pt x="628" y="719"/>
                    <a:pt x="628" y="718"/>
                  </a:cubicBezTo>
                  <a:cubicBezTo>
                    <a:pt x="628" y="718"/>
                    <a:pt x="624" y="714"/>
                    <a:pt x="624" y="714"/>
                  </a:cubicBezTo>
                  <a:cubicBezTo>
                    <a:pt x="624" y="714"/>
                    <a:pt x="626" y="716"/>
                    <a:pt x="626" y="714"/>
                  </a:cubicBezTo>
                  <a:cubicBezTo>
                    <a:pt x="625" y="713"/>
                    <a:pt x="625" y="713"/>
                    <a:pt x="624" y="712"/>
                  </a:cubicBezTo>
                  <a:cubicBezTo>
                    <a:pt x="623" y="710"/>
                    <a:pt x="623" y="709"/>
                    <a:pt x="622" y="709"/>
                  </a:cubicBezTo>
                  <a:cubicBezTo>
                    <a:pt x="620" y="708"/>
                    <a:pt x="620" y="707"/>
                    <a:pt x="619" y="706"/>
                  </a:cubicBezTo>
                  <a:cubicBezTo>
                    <a:pt x="618" y="704"/>
                    <a:pt x="618" y="704"/>
                    <a:pt x="617" y="704"/>
                  </a:cubicBezTo>
                  <a:cubicBezTo>
                    <a:pt x="617" y="703"/>
                    <a:pt x="616" y="703"/>
                    <a:pt x="615" y="702"/>
                  </a:cubicBezTo>
                  <a:cubicBezTo>
                    <a:pt x="615" y="702"/>
                    <a:pt x="613" y="699"/>
                    <a:pt x="613" y="699"/>
                  </a:cubicBezTo>
                  <a:cubicBezTo>
                    <a:pt x="612" y="698"/>
                    <a:pt x="611" y="698"/>
                    <a:pt x="610" y="697"/>
                  </a:cubicBezTo>
                  <a:cubicBezTo>
                    <a:pt x="610" y="696"/>
                    <a:pt x="610" y="693"/>
                    <a:pt x="608" y="692"/>
                  </a:cubicBezTo>
                  <a:cubicBezTo>
                    <a:pt x="607" y="692"/>
                    <a:pt x="606" y="690"/>
                    <a:pt x="606" y="688"/>
                  </a:cubicBezTo>
                  <a:cubicBezTo>
                    <a:pt x="606" y="687"/>
                    <a:pt x="604" y="685"/>
                    <a:pt x="604" y="685"/>
                  </a:cubicBezTo>
                  <a:cubicBezTo>
                    <a:pt x="603" y="685"/>
                    <a:pt x="601" y="684"/>
                    <a:pt x="602" y="682"/>
                  </a:cubicBezTo>
                  <a:cubicBezTo>
                    <a:pt x="604" y="680"/>
                    <a:pt x="605" y="679"/>
                    <a:pt x="603" y="678"/>
                  </a:cubicBezTo>
                  <a:cubicBezTo>
                    <a:pt x="602" y="678"/>
                    <a:pt x="601" y="675"/>
                    <a:pt x="600" y="675"/>
                  </a:cubicBezTo>
                  <a:cubicBezTo>
                    <a:pt x="600" y="675"/>
                    <a:pt x="600" y="675"/>
                    <a:pt x="599" y="675"/>
                  </a:cubicBezTo>
                  <a:cubicBezTo>
                    <a:pt x="599" y="675"/>
                    <a:pt x="599" y="675"/>
                    <a:pt x="598" y="675"/>
                  </a:cubicBezTo>
                  <a:cubicBezTo>
                    <a:pt x="597" y="676"/>
                    <a:pt x="596" y="675"/>
                    <a:pt x="595" y="675"/>
                  </a:cubicBezTo>
                  <a:cubicBezTo>
                    <a:pt x="594" y="675"/>
                    <a:pt x="593" y="674"/>
                    <a:pt x="592" y="673"/>
                  </a:cubicBezTo>
                  <a:cubicBezTo>
                    <a:pt x="591" y="673"/>
                    <a:pt x="590" y="672"/>
                    <a:pt x="590" y="671"/>
                  </a:cubicBezTo>
                  <a:cubicBezTo>
                    <a:pt x="589" y="669"/>
                    <a:pt x="589" y="668"/>
                    <a:pt x="588" y="667"/>
                  </a:cubicBezTo>
                  <a:cubicBezTo>
                    <a:pt x="588" y="666"/>
                    <a:pt x="587" y="663"/>
                    <a:pt x="587" y="663"/>
                  </a:cubicBezTo>
                  <a:cubicBezTo>
                    <a:pt x="587" y="663"/>
                    <a:pt x="588" y="662"/>
                    <a:pt x="587" y="660"/>
                  </a:cubicBezTo>
                  <a:cubicBezTo>
                    <a:pt x="587" y="659"/>
                    <a:pt x="587" y="659"/>
                    <a:pt x="587" y="659"/>
                  </a:cubicBezTo>
                  <a:cubicBezTo>
                    <a:pt x="587" y="659"/>
                    <a:pt x="587" y="659"/>
                    <a:pt x="586" y="657"/>
                  </a:cubicBezTo>
                  <a:cubicBezTo>
                    <a:pt x="586" y="652"/>
                    <a:pt x="581" y="650"/>
                    <a:pt x="586" y="652"/>
                  </a:cubicBezTo>
                  <a:cubicBezTo>
                    <a:pt x="591" y="653"/>
                    <a:pt x="593" y="653"/>
                    <a:pt x="594" y="653"/>
                  </a:cubicBezTo>
                  <a:cubicBezTo>
                    <a:pt x="594" y="654"/>
                    <a:pt x="594" y="653"/>
                    <a:pt x="595" y="653"/>
                  </a:cubicBezTo>
                  <a:cubicBezTo>
                    <a:pt x="596" y="653"/>
                    <a:pt x="597" y="652"/>
                    <a:pt x="598" y="653"/>
                  </a:cubicBezTo>
                  <a:cubicBezTo>
                    <a:pt x="599" y="654"/>
                    <a:pt x="598" y="653"/>
                    <a:pt x="599" y="654"/>
                  </a:cubicBezTo>
                  <a:cubicBezTo>
                    <a:pt x="600" y="656"/>
                    <a:pt x="601" y="656"/>
                    <a:pt x="601" y="657"/>
                  </a:cubicBezTo>
                  <a:cubicBezTo>
                    <a:pt x="601" y="657"/>
                    <a:pt x="602" y="657"/>
                    <a:pt x="602" y="657"/>
                  </a:cubicBezTo>
                  <a:cubicBezTo>
                    <a:pt x="603" y="657"/>
                    <a:pt x="604" y="656"/>
                    <a:pt x="604" y="658"/>
                  </a:cubicBezTo>
                  <a:cubicBezTo>
                    <a:pt x="604" y="659"/>
                    <a:pt x="605" y="662"/>
                    <a:pt x="605" y="662"/>
                  </a:cubicBezTo>
                  <a:cubicBezTo>
                    <a:pt x="604" y="665"/>
                    <a:pt x="604" y="665"/>
                    <a:pt x="604" y="665"/>
                  </a:cubicBezTo>
                  <a:cubicBezTo>
                    <a:pt x="604" y="665"/>
                    <a:pt x="607" y="667"/>
                    <a:pt x="607" y="668"/>
                  </a:cubicBezTo>
                  <a:cubicBezTo>
                    <a:pt x="607" y="668"/>
                    <a:pt x="607" y="669"/>
                    <a:pt x="608" y="670"/>
                  </a:cubicBezTo>
                  <a:cubicBezTo>
                    <a:pt x="608" y="672"/>
                    <a:pt x="610" y="673"/>
                    <a:pt x="610" y="673"/>
                  </a:cubicBezTo>
                  <a:cubicBezTo>
                    <a:pt x="610" y="674"/>
                    <a:pt x="610" y="674"/>
                    <a:pt x="611" y="675"/>
                  </a:cubicBezTo>
                  <a:cubicBezTo>
                    <a:pt x="611" y="677"/>
                    <a:pt x="612" y="678"/>
                    <a:pt x="613" y="679"/>
                  </a:cubicBezTo>
                  <a:cubicBezTo>
                    <a:pt x="613" y="679"/>
                    <a:pt x="614" y="680"/>
                    <a:pt x="614" y="681"/>
                  </a:cubicBezTo>
                  <a:cubicBezTo>
                    <a:pt x="614" y="682"/>
                    <a:pt x="615" y="683"/>
                    <a:pt x="615" y="684"/>
                  </a:cubicBezTo>
                  <a:cubicBezTo>
                    <a:pt x="615" y="684"/>
                    <a:pt x="616" y="684"/>
                    <a:pt x="616" y="685"/>
                  </a:cubicBezTo>
                  <a:cubicBezTo>
                    <a:pt x="617" y="686"/>
                    <a:pt x="618" y="686"/>
                    <a:pt x="618" y="687"/>
                  </a:cubicBezTo>
                  <a:cubicBezTo>
                    <a:pt x="619" y="688"/>
                    <a:pt x="619" y="688"/>
                    <a:pt x="619" y="689"/>
                  </a:cubicBezTo>
                  <a:cubicBezTo>
                    <a:pt x="620" y="690"/>
                    <a:pt x="622" y="692"/>
                    <a:pt x="622" y="692"/>
                  </a:cubicBezTo>
                  <a:cubicBezTo>
                    <a:pt x="622" y="692"/>
                    <a:pt x="623" y="693"/>
                    <a:pt x="624" y="694"/>
                  </a:cubicBezTo>
                  <a:cubicBezTo>
                    <a:pt x="624" y="694"/>
                    <a:pt x="624" y="693"/>
                    <a:pt x="626" y="695"/>
                  </a:cubicBezTo>
                  <a:cubicBezTo>
                    <a:pt x="628" y="696"/>
                    <a:pt x="626" y="696"/>
                    <a:pt x="627" y="696"/>
                  </a:cubicBezTo>
                  <a:cubicBezTo>
                    <a:pt x="628" y="696"/>
                    <a:pt x="630" y="697"/>
                    <a:pt x="630" y="697"/>
                  </a:cubicBezTo>
                  <a:cubicBezTo>
                    <a:pt x="631" y="697"/>
                    <a:pt x="631" y="697"/>
                    <a:pt x="631" y="697"/>
                  </a:cubicBezTo>
                  <a:cubicBezTo>
                    <a:pt x="631" y="697"/>
                    <a:pt x="632" y="699"/>
                    <a:pt x="632" y="699"/>
                  </a:cubicBezTo>
                  <a:cubicBezTo>
                    <a:pt x="632" y="699"/>
                    <a:pt x="633" y="703"/>
                    <a:pt x="633" y="704"/>
                  </a:cubicBezTo>
                  <a:cubicBezTo>
                    <a:pt x="633" y="704"/>
                    <a:pt x="634" y="704"/>
                    <a:pt x="634" y="704"/>
                  </a:cubicBezTo>
                  <a:cubicBezTo>
                    <a:pt x="634" y="705"/>
                    <a:pt x="635" y="704"/>
                    <a:pt x="635" y="704"/>
                  </a:cubicBezTo>
                  <a:cubicBezTo>
                    <a:pt x="635" y="704"/>
                    <a:pt x="635" y="704"/>
                    <a:pt x="636" y="705"/>
                  </a:cubicBezTo>
                  <a:cubicBezTo>
                    <a:pt x="636" y="705"/>
                    <a:pt x="637" y="705"/>
                    <a:pt x="638" y="705"/>
                  </a:cubicBezTo>
                  <a:cubicBezTo>
                    <a:pt x="638" y="706"/>
                    <a:pt x="638" y="706"/>
                    <a:pt x="639" y="707"/>
                  </a:cubicBezTo>
                  <a:cubicBezTo>
                    <a:pt x="640" y="709"/>
                    <a:pt x="641" y="709"/>
                    <a:pt x="641" y="709"/>
                  </a:cubicBezTo>
                  <a:cubicBezTo>
                    <a:pt x="642" y="711"/>
                    <a:pt x="644" y="712"/>
                    <a:pt x="644" y="712"/>
                  </a:cubicBezTo>
                  <a:cubicBezTo>
                    <a:pt x="644" y="712"/>
                    <a:pt x="645" y="712"/>
                    <a:pt x="645" y="712"/>
                  </a:cubicBezTo>
                  <a:cubicBezTo>
                    <a:pt x="646" y="713"/>
                    <a:pt x="647" y="713"/>
                    <a:pt x="646" y="714"/>
                  </a:cubicBezTo>
                  <a:cubicBezTo>
                    <a:pt x="645" y="716"/>
                    <a:pt x="645" y="716"/>
                    <a:pt x="645" y="717"/>
                  </a:cubicBezTo>
                  <a:cubicBezTo>
                    <a:pt x="644" y="718"/>
                    <a:pt x="644" y="718"/>
                    <a:pt x="644" y="718"/>
                  </a:cubicBezTo>
                  <a:cubicBezTo>
                    <a:pt x="644" y="719"/>
                    <a:pt x="645" y="721"/>
                    <a:pt x="645" y="721"/>
                  </a:cubicBezTo>
                  <a:cubicBezTo>
                    <a:pt x="645" y="721"/>
                    <a:pt x="647" y="722"/>
                    <a:pt x="647" y="722"/>
                  </a:cubicBezTo>
                  <a:cubicBezTo>
                    <a:pt x="648" y="723"/>
                    <a:pt x="649" y="723"/>
                    <a:pt x="649" y="723"/>
                  </a:cubicBezTo>
                  <a:cubicBezTo>
                    <a:pt x="652" y="724"/>
                    <a:pt x="652" y="724"/>
                    <a:pt x="652" y="724"/>
                  </a:cubicBezTo>
                  <a:cubicBezTo>
                    <a:pt x="652" y="724"/>
                    <a:pt x="653" y="724"/>
                    <a:pt x="653" y="725"/>
                  </a:cubicBezTo>
                  <a:cubicBezTo>
                    <a:pt x="654" y="726"/>
                    <a:pt x="655" y="728"/>
                    <a:pt x="655" y="728"/>
                  </a:cubicBezTo>
                  <a:cubicBezTo>
                    <a:pt x="657" y="728"/>
                    <a:pt x="657" y="728"/>
                    <a:pt x="657" y="728"/>
                  </a:cubicBezTo>
                  <a:cubicBezTo>
                    <a:pt x="657" y="728"/>
                    <a:pt x="658" y="728"/>
                    <a:pt x="659" y="728"/>
                  </a:cubicBezTo>
                  <a:cubicBezTo>
                    <a:pt x="659" y="729"/>
                    <a:pt x="660" y="729"/>
                    <a:pt x="660" y="730"/>
                  </a:cubicBezTo>
                  <a:cubicBezTo>
                    <a:pt x="660" y="730"/>
                    <a:pt x="660" y="731"/>
                    <a:pt x="660" y="732"/>
                  </a:cubicBezTo>
                  <a:cubicBezTo>
                    <a:pt x="660" y="733"/>
                    <a:pt x="660" y="733"/>
                    <a:pt x="660" y="733"/>
                  </a:cubicBezTo>
                  <a:cubicBezTo>
                    <a:pt x="660" y="734"/>
                    <a:pt x="661" y="735"/>
                    <a:pt x="661" y="735"/>
                  </a:cubicBezTo>
                  <a:cubicBezTo>
                    <a:pt x="662" y="736"/>
                    <a:pt x="664" y="737"/>
                    <a:pt x="664" y="738"/>
                  </a:cubicBezTo>
                  <a:cubicBezTo>
                    <a:pt x="665" y="738"/>
                    <a:pt x="666" y="738"/>
                    <a:pt x="666" y="739"/>
                  </a:cubicBezTo>
                  <a:cubicBezTo>
                    <a:pt x="666" y="739"/>
                    <a:pt x="667" y="739"/>
                    <a:pt x="668" y="740"/>
                  </a:cubicBezTo>
                  <a:cubicBezTo>
                    <a:pt x="668" y="740"/>
                    <a:pt x="670" y="740"/>
                    <a:pt x="670" y="741"/>
                  </a:cubicBezTo>
                  <a:cubicBezTo>
                    <a:pt x="670" y="742"/>
                    <a:pt x="671" y="742"/>
                    <a:pt x="672" y="743"/>
                  </a:cubicBezTo>
                  <a:cubicBezTo>
                    <a:pt x="672" y="744"/>
                    <a:pt x="670" y="744"/>
                    <a:pt x="673" y="745"/>
                  </a:cubicBezTo>
                  <a:cubicBezTo>
                    <a:pt x="676" y="746"/>
                    <a:pt x="678" y="748"/>
                    <a:pt x="677" y="749"/>
                  </a:cubicBezTo>
                  <a:cubicBezTo>
                    <a:pt x="677" y="749"/>
                    <a:pt x="679" y="752"/>
                    <a:pt x="679" y="752"/>
                  </a:cubicBezTo>
                  <a:cubicBezTo>
                    <a:pt x="679" y="752"/>
                    <a:pt x="684" y="755"/>
                    <a:pt x="684" y="756"/>
                  </a:cubicBezTo>
                  <a:cubicBezTo>
                    <a:pt x="685" y="756"/>
                    <a:pt x="685" y="758"/>
                    <a:pt x="686" y="759"/>
                  </a:cubicBezTo>
                  <a:cubicBezTo>
                    <a:pt x="686" y="759"/>
                    <a:pt x="687" y="759"/>
                    <a:pt x="687" y="761"/>
                  </a:cubicBezTo>
                  <a:cubicBezTo>
                    <a:pt x="687" y="763"/>
                    <a:pt x="688" y="764"/>
                    <a:pt x="688" y="765"/>
                  </a:cubicBezTo>
                  <a:cubicBezTo>
                    <a:pt x="688" y="765"/>
                    <a:pt x="689" y="765"/>
                    <a:pt x="688" y="766"/>
                  </a:cubicBezTo>
                  <a:cubicBezTo>
                    <a:pt x="687" y="767"/>
                    <a:pt x="687" y="767"/>
                    <a:pt x="688" y="767"/>
                  </a:cubicBezTo>
                  <a:cubicBezTo>
                    <a:pt x="688" y="768"/>
                    <a:pt x="689" y="769"/>
                    <a:pt x="690" y="770"/>
                  </a:cubicBezTo>
                  <a:cubicBezTo>
                    <a:pt x="690" y="771"/>
                    <a:pt x="690" y="771"/>
                    <a:pt x="690" y="772"/>
                  </a:cubicBezTo>
                  <a:cubicBezTo>
                    <a:pt x="690" y="772"/>
                    <a:pt x="691" y="773"/>
                    <a:pt x="691" y="773"/>
                  </a:cubicBezTo>
                  <a:cubicBezTo>
                    <a:pt x="690" y="774"/>
                    <a:pt x="690" y="773"/>
                    <a:pt x="690" y="775"/>
                  </a:cubicBezTo>
                  <a:cubicBezTo>
                    <a:pt x="690" y="776"/>
                    <a:pt x="690" y="777"/>
                    <a:pt x="690" y="778"/>
                  </a:cubicBezTo>
                  <a:cubicBezTo>
                    <a:pt x="690" y="778"/>
                    <a:pt x="691" y="778"/>
                    <a:pt x="690" y="779"/>
                  </a:cubicBezTo>
                  <a:cubicBezTo>
                    <a:pt x="689" y="781"/>
                    <a:pt x="689" y="781"/>
                    <a:pt x="688" y="782"/>
                  </a:cubicBezTo>
                  <a:cubicBezTo>
                    <a:pt x="687" y="783"/>
                    <a:pt x="687" y="782"/>
                    <a:pt x="687" y="783"/>
                  </a:cubicBezTo>
                  <a:cubicBezTo>
                    <a:pt x="688" y="784"/>
                    <a:pt x="689" y="786"/>
                    <a:pt x="689" y="786"/>
                  </a:cubicBezTo>
                  <a:cubicBezTo>
                    <a:pt x="689" y="787"/>
                    <a:pt x="691" y="789"/>
                    <a:pt x="691" y="790"/>
                  </a:cubicBezTo>
                  <a:cubicBezTo>
                    <a:pt x="692" y="791"/>
                    <a:pt x="692" y="794"/>
                    <a:pt x="692" y="794"/>
                  </a:cubicBezTo>
                  <a:cubicBezTo>
                    <a:pt x="693" y="794"/>
                    <a:pt x="694" y="796"/>
                    <a:pt x="695" y="796"/>
                  </a:cubicBezTo>
                  <a:cubicBezTo>
                    <a:pt x="695" y="796"/>
                    <a:pt x="697" y="798"/>
                    <a:pt x="697" y="798"/>
                  </a:cubicBezTo>
                  <a:cubicBezTo>
                    <a:pt x="697" y="798"/>
                    <a:pt x="698" y="798"/>
                    <a:pt x="698" y="798"/>
                  </a:cubicBezTo>
                  <a:cubicBezTo>
                    <a:pt x="698" y="798"/>
                    <a:pt x="699" y="798"/>
                    <a:pt x="699" y="798"/>
                  </a:cubicBezTo>
                  <a:cubicBezTo>
                    <a:pt x="700" y="798"/>
                    <a:pt x="702" y="798"/>
                    <a:pt x="702" y="799"/>
                  </a:cubicBezTo>
                  <a:cubicBezTo>
                    <a:pt x="703" y="799"/>
                    <a:pt x="704" y="800"/>
                    <a:pt x="705" y="801"/>
                  </a:cubicBezTo>
                  <a:cubicBezTo>
                    <a:pt x="705" y="801"/>
                    <a:pt x="707" y="803"/>
                    <a:pt x="707" y="803"/>
                  </a:cubicBezTo>
                  <a:cubicBezTo>
                    <a:pt x="707" y="804"/>
                    <a:pt x="708" y="804"/>
                    <a:pt x="709" y="804"/>
                  </a:cubicBezTo>
                  <a:cubicBezTo>
                    <a:pt x="709" y="805"/>
                    <a:pt x="709" y="805"/>
                    <a:pt x="710" y="806"/>
                  </a:cubicBezTo>
                  <a:cubicBezTo>
                    <a:pt x="711" y="807"/>
                    <a:pt x="712" y="807"/>
                    <a:pt x="713" y="808"/>
                  </a:cubicBezTo>
                  <a:cubicBezTo>
                    <a:pt x="713" y="808"/>
                    <a:pt x="713" y="808"/>
                    <a:pt x="714" y="808"/>
                  </a:cubicBezTo>
                  <a:cubicBezTo>
                    <a:pt x="714" y="808"/>
                    <a:pt x="714" y="808"/>
                    <a:pt x="715" y="808"/>
                  </a:cubicBezTo>
                  <a:cubicBezTo>
                    <a:pt x="716" y="809"/>
                    <a:pt x="716" y="809"/>
                    <a:pt x="718" y="810"/>
                  </a:cubicBezTo>
                  <a:cubicBezTo>
                    <a:pt x="719" y="810"/>
                    <a:pt x="720" y="810"/>
                    <a:pt x="722" y="810"/>
                  </a:cubicBezTo>
                  <a:cubicBezTo>
                    <a:pt x="723" y="810"/>
                    <a:pt x="724" y="810"/>
                    <a:pt x="724" y="810"/>
                  </a:cubicBezTo>
                  <a:cubicBezTo>
                    <a:pt x="724" y="810"/>
                    <a:pt x="727" y="811"/>
                    <a:pt x="727" y="811"/>
                  </a:cubicBezTo>
                  <a:cubicBezTo>
                    <a:pt x="727" y="811"/>
                    <a:pt x="729" y="811"/>
                    <a:pt x="729" y="812"/>
                  </a:cubicBezTo>
                  <a:cubicBezTo>
                    <a:pt x="730" y="812"/>
                    <a:pt x="732" y="814"/>
                    <a:pt x="732" y="814"/>
                  </a:cubicBezTo>
                  <a:cubicBezTo>
                    <a:pt x="732" y="815"/>
                    <a:pt x="734" y="816"/>
                    <a:pt x="734" y="816"/>
                  </a:cubicBezTo>
                  <a:cubicBezTo>
                    <a:pt x="734" y="817"/>
                    <a:pt x="737" y="818"/>
                    <a:pt x="737" y="818"/>
                  </a:cubicBezTo>
                  <a:cubicBezTo>
                    <a:pt x="737" y="818"/>
                    <a:pt x="738" y="818"/>
                    <a:pt x="739" y="819"/>
                  </a:cubicBezTo>
                  <a:cubicBezTo>
                    <a:pt x="739" y="819"/>
                    <a:pt x="738" y="820"/>
                    <a:pt x="741" y="820"/>
                  </a:cubicBezTo>
                  <a:cubicBezTo>
                    <a:pt x="744" y="821"/>
                    <a:pt x="745" y="822"/>
                    <a:pt x="745" y="822"/>
                  </a:cubicBezTo>
                  <a:cubicBezTo>
                    <a:pt x="746" y="822"/>
                    <a:pt x="748" y="823"/>
                    <a:pt x="748" y="823"/>
                  </a:cubicBezTo>
                  <a:cubicBezTo>
                    <a:pt x="750" y="823"/>
                    <a:pt x="750" y="823"/>
                    <a:pt x="750" y="823"/>
                  </a:cubicBezTo>
                  <a:cubicBezTo>
                    <a:pt x="753" y="824"/>
                    <a:pt x="753" y="824"/>
                    <a:pt x="753" y="824"/>
                  </a:cubicBezTo>
                  <a:cubicBezTo>
                    <a:pt x="753" y="824"/>
                    <a:pt x="753" y="824"/>
                    <a:pt x="754" y="825"/>
                  </a:cubicBezTo>
                  <a:cubicBezTo>
                    <a:pt x="755" y="825"/>
                    <a:pt x="755" y="825"/>
                    <a:pt x="756" y="825"/>
                  </a:cubicBezTo>
                  <a:cubicBezTo>
                    <a:pt x="757" y="825"/>
                    <a:pt x="757" y="825"/>
                    <a:pt x="757" y="825"/>
                  </a:cubicBezTo>
                  <a:cubicBezTo>
                    <a:pt x="758" y="825"/>
                    <a:pt x="760" y="826"/>
                    <a:pt x="760" y="826"/>
                  </a:cubicBezTo>
                  <a:cubicBezTo>
                    <a:pt x="760" y="826"/>
                    <a:pt x="762" y="826"/>
                    <a:pt x="762" y="827"/>
                  </a:cubicBezTo>
                  <a:cubicBezTo>
                    <a:pt x="762" y="828"/>
                    <a:pt x="763" y="828"/>
                    <a:pt x="764" y="828"/>
                  </a:cubicBezTo>
                  <a:cubicBezTo>
                    <a:pt x="764" y="829"/>
                    <a:pt x="765" y="829"/>
                    <a:pt x="766" y="829"/>
                  </a:cubicBezTo>
                  <a:cubicBezTo>
                    <a:pt x="767" y="830"/>
                    <a:pt x="767" y="829"/>
                    <a:pt x="769" y="830"/>
                  </a:cubicBezTo>
                  <a:cubicBezTo>
                    <a:pt x="770" y="831"/>
                    <a:pt x="779" y="834"/>
                    <a:pt x="779" y="834"/>
                  </a:cubicBezTo>
                  <a:cubicBezTo>
                    <a:pt x="779" y="834"/>
                    <a:pt x="782" y="835"/>
                    <a:pt x="783" y="835"/>
                  </a:cubicBezTo>
                  <a:cubicBezTo>
                    <a:pt x="784" y="834"/>
                    <a:pt x="786" y="835"/>
                    <a:pt x="787" y="835"/>
                  </a:cubicBezTo>
                  <a:cubicBezTo>
                    <a:pt x="787" y="835"/>
                    <a:pt x="789" y="836"/>
                    <a:pt x="790" y="836"/>
                  </a:cubicBezTo>
                  <a:cubicBezTo>
                    <a:pt x="790" y="836"/>
                    <a:pt x="793" y="836"/>
                    <a:pt x="793" y="835"/>
                  </a:cubicBezTo>
                  <a:cubicBezTo>
                    <a:pt x="794" y="835"/>
                    <a:pt x="793" y="835"/>
                    <a:pt x="794" y="835"/>
                  </a:cubicBezTo>
                  <a:cubicBezTo>
                    <a:pt x="795" y="834"/>
                    <a:pt x="796" y="835"/>
                    <a:pt x="799" y="833"/>
                  </a:cubicBezTo>
                  <a:cubicBezTo>
                    <a:pt x="802" y="832"/>
                    <a:pt x="803" y="831"/>
                    <a:pt x="803" y="831"/>
                  </a:cubicBezTo>
                  <a:cubicBezTo>
                    <a:pt x="803" y="831"/>
                    <a:pt x="804" y="831"/>
                    <a:pt x="805" y="830"/>
                  </a:cubicBezTo>
                  <a:cubicBezTo>
                    <a:pt x="805" y="830"/>
                    <a:pt x="805" y="830"/>
                    <a:pt x="806" y="829"/>
                  </a:cubicBezTo>
                  <a:cubicBezTo>
                    <a:pt x="807" y="829"/>
                    <a:pt x="807" y="829"/>
                    <a:pt x="808" y="830"/>
                  </a:cubicBezTo>
                  <a:cubicBezTo>
                    <a:pt x="810" y="830"/>
                    <a:pt x="813" y="831"/>
                    <a:pt x="813" y="831"/>
                  </a:cubicBezTo>
                  <a:cubicBezTo>
                    <a:pt x="815" y="832"/>
                    <a:pt x="816" y="833"/>
                    <a:pt x="817" y="833"/>
                  </a:cubicBezTo>
                  <a:cubicBezTo>
                    <a:pt x="818" y="833"/>
                    <a:pt x="822" y="837"/>
                    <a:pt x="822" y="837"/>
                  </a:cubicBezTo>
                  <a:cubicBezTo>
                    <a:pt x="823" y="837"/>
                    <a:pt x="824" y="838"/>
                    <a:pt x="825" y="838"/>
                  </a:cubicBezTo>
                  <a:cubicBezTo>
                    <a:pt x="825" y="839"/>
                    <a:pt x="826" y="839"/>
                    <a:pt x="827" y="840"/>
                  </a:cubicBezTo>
                  <a:cubicBezTo>
                    <a:pt x="827" y="840"/>
                    <a:pt x="827" y="840"/>
                    <a:pt x="828" y="841"/>
                  </a:cubicBezTo>
                  <a:cubicBezTo>
                    <a:pt x="829" y="841"/>
                    <a:pt x="829" y="841"/>
                    <a:pt x="829" y="841"/>
                  </a:cubicBezTo>
                  <a:cubicBezTo>
                    <a:pt x="830" y="841"/>
                    <a:pt x="830" y="841"/>
                    <a:pt x="831" y="842"/>
                  </a:cubicBezTo>
                  <a:cubicBezTo>
                    <a:pt x="832" y="844"/>
                    <a:pt x="833" y="846"/>
                    <a:pt x="833" y="846"/>
                  </a:cubicBezTo>
                  <a:cubicBezTo>
                    <a:pt x="833" y="847"/>
                    <a:pt x="835" y="848"/>
                    <a:pt x="835" y="849"/>
                  </a:cubicBezTo>
                  <a:cubicBezTo>
                    <a:pt x="835" y="849"/>
                    <a:pt x="835" y="850"/>
                    <a:pt x="835" y="850"/>
                  </a:cubicBezTo>
                  <a:cubicBezTo>
                    <a:pt x="836" y="851"/>
                    <a:pt x="836" y="851"/>
                    <a:pt x="837" y="851"/>
                  </a:cubicBezTo>
                  <a:cubicBezTo>
                    <a:pt x="838" y="851"/>
                    <a:pt x="848" y="855"/>
                    <a:pt x="848" y="855"/>
                  </a:cubicBezTo>
                  <a:cubicBezTo>
                    <a:pt x="848" y="855"/>
                    <a:pt x="849" y="856"/>
                    <a:pt x="850" y="856"/>
                  </a:cubicBezTo>
                  <a:cubicBezTo>
                    <a:pt x="850" y="855"/>
                    <a:pt x="852" y="855"/>
                    <a:pt x="853" y="855"/>
                  </a:cubicBezTo>
                  <a:cubicBezTo>
                    <a:pt x="854" y="856"/>
                    <a:pt x="856" y="856"/>
                    <a:pt x="857" y="857"/>
                  </a:cubicBezTo>
                  <a:cubicBezTo>
                    <a:pt x="857" y="857"/>
                    <a:pt x="857" y="857"/>
                    <a:pt x="857" y="857"/>
                  </a:cubicBezTo>
                  <a:cubicBezTo>
                    <a:pt x="858" y="857"/>
                    <a:pt x="858" y="857"/>
                    <a:pt x="859" y="858"/>
                  </a:cubicBezTo>
                  <a:cubicBezTo>
                    <a:pt x="861" y="859"/>
                    <a:pt x="863" y="860"/>
                    <a:pt x="864" y="860"/>
                  </a:cubicBezTo>
                  <a:cubicBezTo>
                    <a:pt x="864" y="860"/>
                    <a:pt x="864" y="860"/>
                    <a:pt x="865" y="860"/>
                  </a:cubicBezTo>
                  <a:cubicBezTo>
                    <a:pt x="865" y="860"/>
                    <a:pt x="866" y="860"/>
                    <a:pt x="866" y="861"/>
                  </a:cubicBezTo>
                  <a:cubicBezTo>
                    <a:pt x="867" y="861"/>
                    <a:pt x="870" y="862"/>
                    <a:pt x="870" y="862"/>
                  </a:cubicBezTo>
                  <a:cubicBezTo>
                    <a:pt x="874" y="862"/>
                    <a:pt x="874" y="862"/>
                    <a:pt x="874" y="862"/>
                  </a:cubicBezTo>
                  <a:cubicBezTo>
                    <a:pt x="875" y="862"/>
                    <a:pt x="877" y="863"/>
                    <a:pt x="879" y="863"/>
                  </a:cubicBezTo>
                  <a:cubicBezTo>
                    <a:pt x="880" y="863"/>
                    <a:pt x="885" y="863"/>
                    <a:pt x="885" y="863"/>
                  </a:cubicBezTo>
                  <a:cubicBezTo>
                    <a:pt x="885" y="863"/>
                    <a:pt x="885" y="863"/>
                    <a:pt x="885" y="863"/>
                  </a:cubicBezTo>
                  <a:cubicBezTo>
                    <a:pt x="886" y="863"/>
                    <a:pt x="887" y="863"/>
                    <a:pt x="887" y="864"/>
                  </a:cubicBezTo>
                  <a:cubicBezTo>
                    <a:pt x="887" y="865"/>
                    <a:pt x="887" y="866"/>
                    <a:pt x="887" y="867"/>
                  </a:cubicBezTo>
                  <a:cubicBezTo>
                    <a:pt x="887" y="867"/>
                    <a:pt x="887" y="868"/>
                    <a:pt x="887" y="868"/>
                  </a:cubicBezTo>
                  <a:cubicBezTo>
                    <a:pt x="888" y="868"/>
                    <a:pt x="888" y="869"/>
                    <a:pt x="889" y="869"/>
                  </a:cubicBezTo>
                  <a:cubicBezTo>
                    <a:pt x="889" y="870"/>
                    <a:pt x="893" y="871"/>
                    <a:pt x="893" y="872"/>
                  </a:cubicBezTo>
                  <a:cubicBezTo>
                    <a:pt x="893" y="873"/>
                    <a:pt x="895" y="874"/>
                    <a:pt x="895" y="875"/>
                  </a:cubicBezTo>
                  <a:cubicBezTo>
                    <a:pt x="894" y="875"/>
                    <a:pt x="895" y="875"/>
                    <a:pt x="896" y="876"/>
                  </a:cubicBezTo>
                  <a:cubicBezTo>
                    <a:pt x="896" y="878"/>
                    <a:pt x="898" y="879"/>
                    <a:pt x="898" y="879"/>
                  </a:cubicBezTo>
                  <a:cubicBezTo>
                    <a:pt x="898" y="879"/>
                    <a:pt x="898" y="879"/>
                    <a:pt x="899" y="880"/>
                  </a:cubicBezTo>
                  <a:cubicBezTo>
                    <a:pt x="900" y="881"/>
                    <a:pt x="903" y="882"/>
                    <a:pt x="903" y="882"/>
                  </a:cubicBezTo>
                  <a:cubicBezTo>
                    <a:pt x="903" y="883"/>
                    <a:pt x="904" y="883"/>
                    <a:pt x="904" y="884"/>
                  </a:cubicBezTo>
                  <a:cubicBezTo>
                    <a:pt x="904" y="884"/>
                    <a:pt x="905" y="885"/>
                    <a:pt x="905" y="886"/>
                  </a:cubicBezTo>
                  <a:cubicBezTo>
                    <a:pt x="905" y="886"/>
                    <a:pt x="906" y="887"/>
                    <a:pt x="906" y="887"/>
                  </a:cubicBezTo>
                  <a:cubicBezTo>
                    <a:pt x="906" y="887"/>
                    <a:pt x="906" y="887"/>
                    <a:pt x="906" y="887"/>
                  </a:cubicBezTo>
                  <a:cubicBezTo>
                    <a:pt x="906" y="888"/>
                    <a:pt x="906" y="888"/>
                    <a:pt x="906" y="888"/>
                  </a:cubicBezTo>
                  <a:cubicBezTo>
                    <a:pt x="905" y="888"/>
                    <a:pt x="905" y="892"/>
                    <a:pt x="905" y="892"/>
                  </a:cubicBezTo>
                  <a:cubicBezTo>
                    <a:pt x="905" y="892"/>
                    <a:pt x="905" y="894"/>
                    <a:pt x="905" y="895"/>
                  </a:cubicBezTo>
                  <a:cubicBezTo>
                    <a:pt x="905" y="896"/>
                    <a:pt x="905" y="897"/>
                    <a:pt x="906" y="897"/>
                  </a:cubicBezTo>
                  <a:cubicBezTo>
                    <a:pt x="906" y="898"/>
                    <a:pt x="907" y="900"/>
                    <a:pt x="908" y="900"/>
                  </a:cubicBezTo>
                  <a:cubicBezTo>
                    <a:pt x="908" y="899"/>
                    <a:pt x="909" y="900"/>
                    <a:pt x="909" y="900"/>
                  </a:cubicBezTo>
                  <a:cubicBezTo>
                    <a:pt x="911" y="900"/>
                    <a:pt x="911" y="900"/>
                    <a:pt x="911" y="900"/>
                  </a:cubicBezTo>
                  <a:cubicBezTo>
                    <a:pt x="911" y="900"/>
                    <a:pt x="913" y="902"/>
                    <a:pt x="914" y="902"/>
                  </a:cubicBezTo>
                  <a:cubicBezTo>
                    <a:pt x="914" y="902"/>
                    <a:pt x="916" y="904"/>
                    <a:pt x="916" y="903"/>
                  </a:cubicBezTo>
                  <a:cubicBezTo>
                    <a:pt x="916" y="902"/>
                    <a:pt x="916" y="902"/>
                    <a:pt x="916" y="902"/>
                  </a:cubicBezTo>
                  <a:cubicBezTo>
                    <a:pt x="916" y="902"/>
                    <a:pt x="916" y="900"/>
                    <a:pt x="916" y="900"/>
                  </a:cubicBezTo>
                  <a:cubicBezTo>
                    <a:pt x="916" y="900"/>
                    <a:pt x="915" y="899"/>
                    <a:pt x="915" y="898"/>
                  </a:cubicBezTo>
                  <a:cubicBezTo>
                    <a:pt x="914" y="897"/>
                    <a:pt x="917" y="899"/>
                    <a:pt x="917" y="899"/>
                  </a:cubicBezTo>
                  <a:cubicBezTo>
                    <a:pt x="918" y="901"/>
                    <a:pt x="918" y="901"/>
                    <a:pt x="918" y="902"/>
                  </a:cubicBezTo>
                  <a:cubicBezTo>
                    <a:pt x="918" y="902"/>
                    <a:pt x="918" y="903"/>
                    <a:pt x="919" y="903"/>
                  </a:cubicBezTo>
                  <a:cubicBezTo>
                    <a:pt x="919" y="903"/>
                    <a:pt x="919" y="903"/>
                    <a:pt x="919" y="903"/>
                  </a:cubicBezTo>
                  <a:cubicBezTo>
                    <a:pt x="920" y="903"/>
                    <a:pt x="920" y="903"/>
                    <a:pt x="920" y="903"/>
                  </a:cubicBezTo>
                  <a:cubicBezTo>
                    <a:pt x="920" y="904"/>
                    <a:pt x="921" y="905"/>
                    <a:pt x="922" y="905"/>
                  </a:cubicBezTo>
                  <a:cubicBezTo>
                    <a:pt x="922" y="904"/>
                    <a:pt x="923" y="904"/>
                    <a:pt x="923" y="904"/>
                  </a:cubicBezTo>
                  <a:cubicBezTo>
                    <a:pt x="924" y="905"/>
                    <a:pt x="925" y="905"/>
                    <a:pt x="925" y="905"/>
                  </a:cubicBezTo>
                  <a:cubicBezTo>
                    <a:pt x="926" y="906"/>
                    <a:pt x="927" y="905"/>
                    <a:pt x="927" y="906"/>
                  </a:cubicBezTo>
                  <a:cubicBezTo>
                    <a:pt x="927" y="907"/>
                    <a:pt x="929" y="908"/>
                    <a:pt x="929" y="908"/>
                  </a:cubicBezTo>
                  <a:cubicBezTo>
                    <a:pt x="929" y="909"/>
                    <a:pt x="929" y="908"/>
                    <a:pt x="929" y="909"/>
                  </a:cubicBezTo>
                  <a:cubicBezTo>
                    <a:pt x="929" y="910"/>
                    <a:pt x="929" y="910"/>
                    <a:pt x="929" y="911"/>
                  </a:cubicBezTo>
                  <a:cubicBezTo>
                    <a:pt x="928" y="912"/>
                    <a:pt x="929" y="912"/>
                    <a:pt x="929" y="912"/>
                  </a:cubicBezTo>
                  <a:cubicBezTo>
                    <a:pt x="929" y="913"/>
                    <a:pt x="930" y="913"/>
                    <a:pt x="930" y="914"/>
                  </a:cubicBezTo>
                  <a:cubicBezTo>
                    <a:pt x="930" y="914"/>
                    <a:pt x="931" y="914"/>
                    <a:pt x="932" y="914"/>
                  </a:cubicBezTo>
                  <a:cubicBezTo>
                    <a:pt x="933" y="915"/>
                    <a:pt x="932" y="917"/>
                    <a:pt x="933" y="916"/>
                  </a:cubicBezTo>
                  <a:cubicBezTo>
                    <a:pt x="933" y="916"/>
                    <a:pt x="934" y="916"/>
                    <a:pt x="934" y="916"/>
                  </a:cubicBezTo>
                  <a:cubicBezTo>
                    <a:pt x="935" y="916"/>
                    <a:pt x="935" y="916"/>
                    <a:pt x="935" y="916"/>
                  </a:cubicBezTo>
                  <a:cubicBezTo>
                    <a:pt x="935" y="915"/>
                    <a:pt x="935" y="914"/>
                    <a:pt x="936" y="915"/>
                  </a:cubicBezTo>
                  <a:cubicBezTo>
                    <a:pt x="937" y="915"/>
                    <a:pt x="936" y="915"/>
                    <a:pt x="937" y="915"/>
                  </a:cubicBezTo>
                  <a:cubicBezTo>
                    <a:pt x="939" y="916"/>
                    <a:pt x="940" y="917"/>
                    <a:pt x="940" y="917"/>
                  </a:cubicBezTo>
                  <a:cubicBezTo>
                    <a:pt x="944" y="917"/>
                    <a:pt x="946" y="917"/>
                    <a:pt x="947" y="918"/>
                  </a:cubicBezTo>
                  <a:cubicBezTo>
                    <a:pt x="948" y="918"/>
                    <a:pt x="949" y="918"/>
                    <a:pt x="950" y="919"/>
                  </a:cubicBezTo>
                  <a:cubicBezTo>
                    <a:pt x="950" y="919"/>
                    <a:pt x="952" y="920"/>
                    <a:pt x="952" y="921"/>
                  </a:cubicBezTo>
                  <a:cubicBezTo>
                    <a:pt x="952" y="921"/>
                    <a:pt x="953" y="921"/>
                    <a:pt x="953" y="921"/>
                  </a:cubicBezTo>
                  <a:cubicBezTo>
                    <a:pt x="953" y="921"/>
                    <a:pt x="954" y="922"/>
                    <a:pt x="954" y="923"/>
                  </a:cubicBezTo>
                  <a:cubicBezTo>
                    <a:pt x="953" y="924"/>
                    <a:pt x="955" y="924"/>
                    <a:pt x="955" y="924"/>
                  </a:cubicBezTo>
                  <a:cubicBezTo>
                    <a:pt x="955" y="924"/>
                    <a:pt x="956" y="924"/>
                    <a:pt x="957" y="924"/>
                  </a:cubicBezTo>
                  <a:cubicBezTo>
                    <a:pt x="957" y="923"/>
                    <a:pt x="958" y="923"/>
                    <a:pt x="958" y="924"/>
                  </a:cubicBezTo>
                  <a:cubicBezTo>
                    <a:pt x="958" y="925"/>
                    <a:pt x="960" y="926"/>
                    <a:pt x="960" y="927"/>
                  </a:cubicBezTo>
                  <a:cubicBezTo>
                    <a:pt x="960" y="927"/>
                    <a:pt x="960" y="928"/>
                    <a:pt x="960" y="928"/>
                  </a:cubicBezTo>
                  <a:cubicBezTo>
                    <a:pt x="960" y="929"/>
                    <a:pt x="964" y="929"/>
                    <a:pt x="964" y="929"/>
                  </a:cubicBezTo>
                  <a:cubicBezTo>
                    <a:pt x="966" y="928"/>
                    <a:pt x="966" y="928"/>
                    <a:pt x="966" y="928"/>
                  </a:cubicBezTo>
                  <a:cubicBezTo>
                    <a:pt x="967" y="928"/>
                    <a:pt x="967" y="928"/>
                    <a:pt x="967" y="928"/>
                  </a:cubicBezTo>
                  <a:cubicBezTo>
                    <a:pt x="969" y="925"/>
                    <a:pt x="969" y="925"/>
                    <a:pt x="969" y="924"/>
                  </a:cubicBezTo>
                  <a:cubicBezTo>
                    <a:pt x="968" y="924"/>
                    <a:pt x="967" y="922"/>
                    <a:pt x="967" y="922"/>
                  </a:cubicBezTo>
                  <a:cubicBezTo>
                    <a:pt x="967" y="921"/>
                    <a:pt x="966" y="919"/>
                    <a:pt x="966" y="919"/>
                  </a:cubicBezTo>
                  <a:cubicBezTo>
                    <a:pt x="970" y="917"/>
                    <a:pt x="970" y="917"/>
                    <a:pt x="970" y="917"/>
                  </a:cubicBezTo>
                  <a:cubicBezTo>
                    <a:pt x="970" y="917"/>
                    <a:pt x="971" y="917"/>
                    <a:pt x="971" y="916"/>
                  </a:cubicBezTo>
                  <a:cubicBezTo>
                    <a:pt x="972" y="914"/>
                    <a:pt x="972" y="914"/>
                    <a:pt x="972" y="913"/>
                  </a:cubicBezTo>
                  <a:cubicBezTo>
                    <a:pt x="972" y="913"/>
                    <a:pt x="972" y="912"/>
                    <a:pt x="973" y="912"/>
                  </a:cubicBezTo>
                  <a:cubicBezTo>
                    <a:pt x="973" y="911"/>
                    <a:pt x="974" y="911"/>
                    <a:pt x="974" y="911"/>
                  </a:cubicBezTo>
                  <a:cubicBezTo>
                    <a:pt x="974" y="911"/>
                    <a:pt x="976" y="909"/>
                    <a:pt x="976" y="910"/>
                  </a:cubicBezTo>
                  <a:cubicBezTo>
                    <a:pt x="976" y="911"/>
                    <a:pt x="976" y="912"/>
                    <a:pt x="977" y="913"/>
                  </a:cubicBezTo>
                  <a:cubicBezTo>
                    <a:pt x="978" y="914"/>
                    <a:pt x="978" y="913"/>
                    <a:pt x="979" y="912"/>
                  </a:cubicBezTo>
                  <a:cubicBezTo>
                    <a:pt x="980" y="911"/>
                    <a:pt x="981" y="911"/>
                    <a:pt x="981" y="911"/>
                  </a:cubicBezTo>
                  <a:cubicBezTo>
                    <a:pt x="982" y="911"/>
                    <a:pt x="983" y="910"/>
                    <a:pt x="983" y="910"/>
                  </a:cubicBezTo>
                  <a:cubicBezTo>
                    <a:pt x="984" y="910"/>
                    <a:pt x="984" y="911"/>
                    <a:pt x="984" y="912"/>
                  </a:cubicBezTo>
                  <a:cubicBezTo>
                    <a:pt x="985" y="913"/>
                    <a:pt x="987" y="912"/>
                    <a:pt x="987" y="913"/>
                  </a:cubicBezTo>
                  <a:cubicBezTo>
                    <a:pt x="987" y="913"/>
                    <a:pt x="987" y="913"/>
                    <a:pt x="987" y="913"/>
                  </a:cubicBezTo>
                  <a:cubicBezTo>
                    <a:pt x="987" y="914"/>
                    <a:pt x="987" y="914"/>
                    <a:pt x="988" y="915"/>
                  </a:cubicBezTo>
                  <a:cubicBezTo>
                    <a:pt x="991" y="918"/>
                    <a:pt x="992" y="917"/>
                    <a:pt x="991" y="918"/>
                  </a:cubicBezTo>
                  <a:cubicBezTo>
                    <a:pt x="989" y="918"/>
                    <a:pt x="988" y="917"/>
                    <a:pt x="987" y="918"/>
                  </a:cubicBezTo>
                  <a:cubicBezTo>
                    <a:pt x="987" y="919"/>
                    <a:pt x="987" y="920"/>
                    <a:pt x="987" y="921"/>
                  </a:cubicBezTo>
                  <a:cubicBezTo>
                    <a:pt x="986" y="922"/>
                    <a:pt x="987" y="921"/>
                    <a:pt x="987" y="923"/>
                  </a:cubicBezTo>
                  <a:cubicBezTo>
                    <a:pt x="988" y="924"/>
                    <a:pt x="991" y="927"/>
                    <a:pt x="993" y="929"/>
                  </a:cubicBezTo>
                  <a:cubicBezTo>
                    <a:pt x="995" y="927"/>
                    <a:pt x="997" y="926"/>
                    <a:pt x="996" y="923"/>
                  </a:cubicBezTo>
                  <a:cubicBezTo>
                    <a:pt x="1000" y="923"/>
                    <a:pt x="1002" y="921"/>
                    <a:pt x="1002" y="918"/>
                  </a:cubicBezTo>
                  <a:cubicBezTo>
                    <a:pt x="1002" y="918"/>
                    <a:pt x="1001" y="917"/>
                    <a:pt x="1000" y="916"/>
                  </a:cubicBezTo>
                  <a:cubicBezTo>
                    <a:pt x="999" y="916"/>
                    <a:pt x="999" y="915"/>
                    <a:pt x="997" y="914"/>
                  </a:cubicBezTo>
                  <a:cubicBezTo>
                    <a:pt x="996" y="913"/>
                    <a:pt x="997" y="911"/>
                    <a:pt x="995" y="910"/>
                  </a:cubicBezTo>
                  <a:cubicBezTo>
                    <a:pt x="994" y="910"/>
                    <a:pt x="993" y="907"/>
                    <a:pt x="992" y="907"/>
                  </a:cubicBezTo>
                  <a:cubicBezTo>
                    <a:pt x="990" y="907"/>
                    <a:pt x="990" y="905"/>
                    <a:pt x="988" y="905"/>
                  </a:cubicBezTo>
                  <a:cubicBezTo>
                    <a:pt x="986" y="905"/>
                    <a:pt x="985" y="905"/>
                    <a:pt x="984" y="904"/>
                  </a:cubicBezTo>
                  <a:cubicBezTo>
                    <a:pt x="981" y="903"/>
                    <a:pt x="980" y="902"/>
                    <a:pt x="979" y="902"/>
                  </a:cubicBezTo>
                  <a:cubicBezTo>
                    <a:pt x="979" y="903"/>
                    <a:pt x="979" y="902"/>
                    <a:pt x="978" y="902"/>
                  </a:cubicBezTo>
                  <a:cubicBezTo>
                    <a:pt x="978" y="901"/>
                    <a:pt x="978" y="900"/>
                    <a:pt x="976" y="902"/>
                  </a:cubicBezTo>
                  <a:cubicBezTo>
                    <a:pt x="975" y="904"/>
                    <a:pt x="974" y="903"/>
                    <a:pt x="974" y="903"/>
                  </a:cubicBezTo>
                  <a:cubicBezTo>
                    <a:pt x="974" y="903"/>
                    <a:pt x="973" y="902"/>
                    <a:pt x="973" y="904"/>
                  </a:cubicBezTo>
                  <a:cubicBezTo>
                    <a:pt x="972" y="907"/>
                    <a:pt x="973" y="906"/>
                    <a:pt x="972" y="907"/>
                  </a:cubicBezTo>
                  <a:cubicBezTo>
                    <a:pt x="970" y="908"/>
                    <a:pt x="970" y="908"/>
                    <a:pt x="967" y="909"/>
                  </a:cubicBezTo>
                  <a:cubicBezTo>
                    <a:pt x="963" y="910"/>
                    <a:pt x="961" y="909"/>
                    <a:pt x="961" y="909"/>
                  </a:cubicBezTo>
                  <a:cubicBezTo>
                    <a:pt x="958" y="910"/>
                    <a:pt x="958" y="910"/>
                    <a:pt x="958" y="910"/>
                  </a:cubicBezTo>
                  <a:cubicBezTo>
                    <a:pt x="958" y="910"/>
                    <a:pt x="957" y="910"/>
                    <a:pt x="953" y="910"/>
                  </a:cubicBezTo>
                  <a:cubicBezTo>
                    <a:pt x="949" y="910"/>
                    <a:pt x="948" y="909"/>
                    <a:pt x="947" y="908"/>
                  </a:cubicBezTo>
                  <a:cubicBezTo>
                    <a:pt x="945" y="907"/>
                    <a:pt x="943" y="907"/>
                    <a:pt x="942" y="906"/>
                  </a:cubicBezTo>
                  <a:cubicBezTo>
                    <a:pt x="941" y="905"/>
                    <a:pt x="941" y="904"/>
                    <a:pt x="940" y="903"/>
                  </a:cubicBezTo>
                  <a:cubicBezTo>
                    <a:pt x="939" y="902"/>
                    <a:pt x="938" y="902"/>
                    <a:pt x="937" y="900"/>
                  </a:cubicBezTo>
                  <a:cubicBezTo>
                    <a:pt x="936" y="898"/>
                    <a:pt x="935" y="897"/>
                    <a:pt x="935" y="895"/>
                  </a:cubicBezTo>
                  <a:cubicBezTo>
                    <a:pt x="934" y="893"/>
                    <a:pt x="934" y="893"/>
                    <a:pt x="933" y="892"/>
                  </a:cubicBezTo>
                  <a:cubicBezTo>
                    <a:pt x="933" y="892"/>
                    <a:pt x="933" y="891"/>
                    <a:pt x="932" y="891"/>
                  </a:cubicBezTo>
                  <a:cubicBezTo>
                    <a:pt x="929" y="887"/>
                    <a:pt x="929" y="886"/>
                    <a:pt x="928" y="886"/>
                  </a:cubicBezTo>
                  <a:cubicBezTo>
                    <a:pt x="927" y="885"/>
                    <a:pt x="929" y="883"/>
                    <a:pt x="929" y="881"/>
                  </a:cubicBezTo>
                  <a:cubicBezTo>
                    <a:pt x="928" y="880"/>
                    <a:pt x="929" y="878"/>
                    <a:pt x="929" y="876"/>
                  </a:cubicBezTo>
                  <a:cubicBezTo>
                    <a:pt x="929" y="874"/>
                    <a:pt x="930" y="873"/>
                    <a:pt x="929" y="871"/>
                  </a:cubicBezTo>
                  <a:cubicBezTo>
                    <a:pt x="929" y="868"/>
                    <a:pt x="929" y="866"/>
                    <a:pt x="930" y="865"/>
                  </a:cubicBezTo>
                  <a:cubicBezTo>
                    <a:pt x="931" y="864"/>
                    <a:pt x="931" y="865"/>
                    <a:pt x="931" y="862"/>
                  </a:cubicBezTo>
                  <a:cubicBezTo>
                    <a:pt x="932" y="859"/>
                    <a:pt x="933" y="856"/>
                    <a:pt x="933" y="855"/>
                  </a:cubicBezTo>
                  <a:cubicBezTo>
                    <a:pt x="933" y="854"/>
                    <a:pt x="935" y="851"/>
                    <a:pt x="935" y="850"/>
                  </a:cubicBezTo>
                  <a:cubicBezTo>
                    <a:pt x="935" y="848"/>
                    <a:pt x="934" y="848"/>
                    <a:pt x="934" y="846"/>
                  </a:cubicBezTo>
                  <a:cubicBezTo>
                    <a:pt x="933" y="845"/>
                    <a:pt x="932" y="846"/>
                    <a:pt x="931" y="844"/>
                  </a:cubicBezTo>
                  <a:cubicBezTo>
                    <a:pt x="931" y="844"/>
                    <a:pt x="931" y="844"/>
                    <a:pt x="931" y="844"/>
                  </a:cubicBezTo>
                  <a:cubicBezTo>
                    <a:pt x="930" y="842"/>
                    <a:pt x="929" y="841"/>
                    <a:pt x="928" y="840"/>
                  </a:cubicBezTo>
                  <a:cubicBezTo>
                    <a:pt x="926" y="837"/>
                    <a:pt x="920" y="835"/>
                    <a:pt x="920" y="834"/>
                  </a:cubicBezTo>
                  <a:cubicBezTo>
                    <a:pt x="919" y="834"/>
                    <a:pt x="921" y="832"/>
                    <a:pt x="918" y="832"/>
                  </a:cubicBezTo>
                  <a:cubicBezTo>
                    <a:pt x="916" y="832"/>
                    <a:pt x="914" y="830"/>
                    <a:pt x="913" y="831"/>
                  </a:cubicBezTo>
                  <a:cubicBezTo>
                    <a:pt x="911" y="831"/>
                    <a:pt x="907" y="832"/>
                    <a:pt x="905" y="832"/>
                  </a:cubicBezTo>
                  <a:cubicBezTo>
                    <a:pt x="902" y="833"/>
                    <a:pt x="903" y="833"/>
                    <a:pt x="900" y="834"/>
                  </a:cubicBezTo>
                  <a:cubicBezTo>
                    <a:pt x="898" y="834"/>
                    <a:pt x="898" y="834"/>
                    <a:pt x="897" y="833"/>
                  </a:cubicBezTo>
                  <a:cubicBezTo>
                    <a:pt x="896" y="833"/>
                    <a:pt x="895" y="832"/>
                    <a:pt x="893" y="832"/>
                  </a:cubicBezTo>
                  <a:cubicBezTo>
                    <a:pt x="892" y="833"/>
                    <a:pt x="892" y="832"/>
                    <a:pt x="891" y="832"/>
                  </a:cubicBezTo>
                  <a:cubicBezTo>
                    <a:pt x="891" y="832"/>
                    <a:pt x="890" y="831"/>
                    <a:pt x="889" y="832"/>
                  </a:cubicBezTo>
                  <a:cubicBezTo>
                    <a:pt x="887" y="832"/>
                    <a:pt x="887" y="832"/>
                    <a:pt x="886" y="832"/>
                  </a:cubicBezTo>
                  <a:cubicBezTo>
                    <a:pt x="886" y="832"/>
                    <a:pt x="886" y="832"/>
                    <a:pt x="884" y="832"/>
                  </a:cubicBezTo>
                  <a:cubicBezTo>
                    <a:pt x="884" y="833"/>
                    <a:pt x="883" y="833"/>
                    <a:pt x="883" y="833"/>
                  </a:cubicBezTo>
                  <a:cubicBezTo>
                    <a:pt x="882" y="833"/>
                    <a:pt x="882" y="833"/>
                    <a:pt x="882" y="833"/>
                  </a:cubicBezTo>
                  <a:cubicBezTo>
                    <a:pt x="881" y="833"/>
                    <a:pt x="880" y="833"/>
                    <a:pt x="879" y="834"/>
                  </a:cubicBezTo>
                  <a:cubicBezTo>
                    <a:pt x="877" y="835"/>
                    <a:pt x="873" y="839"/>
                    <a:pt x="874" y="834"/>
                  </a:cubicBezTo>
                  <a:cubicBezTo>
                    <a:pt x="874" y="834"/>
                    <a:pt x="874" y="834"/>
                    <a:pt x="874" y="834"/>
                  </a:cubicBezTo>
                  <a:cubicBezTo>
                    <a:pt x="874" y="830"/>
                    <a:pt x="877" y="828"/>
                    <a:pt x="877" y="827"/>
                  </a:cubicBezTo>
                  <a:cubicBezTo>
                    <a:pt x="878" y="827"/>
                    <a:pt x="880" y="826"/>
                    <a:pt x="880" y="824"/>
                  </a:cubicBezTo>
                  <a:cubicBezTo>
                    <a:pt x="880" y="823"/>
                    <a:pt x="880" y="822"/>
                    <a:pt x="880" y="821"/>
                  </a:cubicBezTo>
                  <a:cubicBezTo>
                    <a:pt x="880" y="820"/>
                    <a:pt x="880" y="817"/>
                    <a:pt x="880" y="814"/>
                  </a:cubicBezTo>
                  <a:cubicBezTo>
                    <a:pt x="880" y="812"/>
                    <a:pt x="875" y="811"/>
                    <a:pt x="880" y="810"/>
                  </a:cubicBezTo>
                  <a:cubicBezTo>
                    <a:pt x="882" y="810"/>
                    <a:pt x="882" y="809"/>
                    <a:pt x="882" y="808"/>
                  </a:cubicBezTo>
                  <a:cubicBezTo>
                    <a:pt x="882" y="807"/>
                    <a:pt x="881" y="806"/>
                    <a:pt x="881" y="805"/>
                  </a:cubicBezTo>
                  <a:cubicBezTo>
                    <a:pt x="880" y="804"/>
                    <a:pt x="879" y="802"/>
                    <a:pt x="880" y="801"/>
                  </a:cubicBezTo>
                  <a:cubicBezTo>
                    <a:pt x="881" y="800"/>
                    <a:pt x="882" y="798"/>
                    <a:pt x="882" y="800"/>
                  </a:cubicBezTo>
                  <a:cubicBezTo>
                    <a:pt x="882" y="802"/>
                    <a:pt x="883" y="805"/>
                    <a:pt x="883" y="806"/>
                  </a:cubicBezTo>
                  <a:cubicBezTo>
                    <a:pt x="883" y="806"/>
                    <a:pt x="885" y="803"/>
                    <a:pt x="885" y="803"/>
                  </a:cubicBezTo>
                  <a:cubicBezTo>
                    <a:pt x="885" y="802"/>
                    <a:pt x="885" y="800"/>
                    <a:pt x="885" y="799"/>
                  </a:cubicBezTo>
                  <a:cubicBezTo>
                    <a:pt x="886" y="797"/>
                    <a:pt x="886" y="797"/>
                    <a:pt x="887" y="796"/>
                  </a:cubicBezTo>
                  <a:cubicBezTo>
                    <a:pt x="887" y="794"/>
                    <a:pt x="887" y="795"/>
                    <a:pt x="887" y="792"/>
                  </a:cubicBezTo>
                  <a:cubicBezTo>
                    <a:pt x="886" y="789"/>
                    <a:pt x="886" y="788"/>
                    <a:pt x="887" y="786"/>
                  </a:cubicBezTo>
                  <a:cubicBezTo>
                    <a:pt x="888" y="784"/>
                    <a:pt x="886" y="786"/>
                    <a:pt x="890" y="782"/>
                  </a:cubicBezTo>
                  <a:cubicBezTo>
                    <a:pt x="894" y="778"/>
                    <a:pt x="893" y="779"/>
                    <a:pt x="895" y="777"/>
                  </a:cubicBezTo>
                  <a:cubicBezTo>
                    <a:pt x="896" y="774"/>
                    <a:pt x="898" y="775"/>
                    <a:pt x="896" y="773"/>
                  </a:cubicBezTo>
                  <a:cubicBezTo>
                    <a:pt x="893" y="770"/>
                    <a:pt x="894" y="769"/>
                    <a:pt x="892" y="769"/>
                  </a:cubicBezTo>
                  <a:cubicBezTo>
                    <a:pt x="890" y="768"/>
                    <a:pt x="890" y="767"/>
                    <a:pt x="887" y="769"/>
                  </a:cubicBezTo>
                  <a:cubicBezTo>
                    <a:pt x="884" y="770"/>
                    <a:pt x="884" y="770"/>
                    <a:pt x="883" y="771"/>
                  </a:cubicBezTo>
                  <a:cubicBezTo>
                    <a:pt x="882" y="771"/>
                    <a:pt x="877" y="770"/>
                    <a:pt x="875" y="769"/>
                  </a:cubicBezTo>
                  <a:cubicBezTo>
                    <a:pt x="874" y="769"/>
                    <a:pt x="872" y="768"/>
                    <a:pt x="872" y="769"/>
                  </a:cubicBezTo>
                  <a:cubicBezTo>
                    <a:pt x="868" y="773"/>
                    <a:pt x="863" y="773"/>
                    <a:pt x="863" y="773"/>
                  </a:cubicBezTo>
                  <a:cubicBezTo>
                    <a:pt x="860" y="772"/>
                    <a:pt x="859" y="771"/>
                    <a:pt x="858" y="773"/>
                  </a:cubicBezTo>
                  <a:cubicBezTo>
                    <a:pt x="857" y="774"/>
                    <a:pt x="858" y="774"/>
                    <a:pt x="858" y="774"/>
                  </a:cubicBezTo>
                  <a:cubicBezTo>
                    <a:pt x="858" y="773"/>
                    <a:pt x="858" y="773"/>
                    <a:pt x="856" y="775"/>
                  </a:cubicBezTo>
                  <a:cubicBezTo>
                    <a:pt x="855" y="777"/>
                    <a:pt x="854" y="777"/>
                    <a:pt x="854" y="777"/>
                  </a:cubicBezTo>
                  <a:cubicBezTo>
                    <a:pt x="853" y="776"/>
                    <a:pt x="854" y="776"/>
                    <a:pt x="853" y="781"/>
                  </a:cubicBezTo>
                  <a:cubicBezTo>
                    <a:pt x="853" y="790"/>
                    <a:pt x="853" y="789"/>
                    <a:pt x="852" y="791"/>
                  </a:cubicBezTo>
                  <a:cubicBezTo>
                    <a:pt x="851" y="792"/>
                    <a:pt x="851" y="791"/>
                    <a:pt x="850" y="793"/>
                  </a:cubicBezTo>
                  <a:cubicBezTo>
                    <a:pt x="850" y="795"/>
                    <a:pt x="851" y="795"/>
                    <a:pt x="849" y="797"/>
                  </a:cubicBezTo>
                  <a:cubicBezTo>
                    <a:pt x="848" y="798"/>
                    <a:pt x="847" y="799"/>
                    <a:pt x="846" y="800"/>
                  </a:cubicBezTo>
                  <a:cubicBezTo>
                    <a:pt x="844" y="800"/>
                    <a:pt x="846" y="801"/>
                    <a:pt x="844" y="802"/>
                  </a:cubicBezTo>
                  <a:cubicBezTo>
                    <a:pt x="842" y="803"/>
                    <a:pt x="841" y="802"/>
                    <a:pt x="840" y="802"/>
                  </a:cubicBezTo>
                  <a:cubicBezTo>
                    <a:pt x="840" y="802"/>
                    <a:pt x="840" y="801"/>
                    <a:pt x="839" y="801"/>
                  </a:cubicBezTo>
                  <a:cubicBezTo>
                    <a:pt x="838" y="802"/>
                    <a:pt x="838" y="801"/>
                    <a:pt x="838" y="801"/>
                  </a:cubicBezTo>
                  <a:cubicBezTo>
                    <a:pt x="838" y="801"/>
                    <a:pt x="838" y="800"/>
                    <a:pt x="836" y="801"/>
                  </a:cubicBezTo>
                  <a:cubicBezTo>
                    <a:pt x="833" y="802"/>
                    <a:pt x="830" y="804"/>
                    <a:pt x="830" y="804"/>
                  </a:cubicBezTo>
                  <a:cubicBezTo>
                    <a:pt x="830" y="804"/>
                    <a:pt x="831" y="803"/>
                    <a:pt x="828" y="804"/>
                  </a:cubicBezTo>
                  <a:cubicBezTo>
                    <a:pt x="826" y="805"/>
                    <a:pt x="825" y="805"/>
                    <a:pt x="823" y="805"/>
                  </a:cubicBezTo>
                  <a:cubicBezTo>
                    <a:pt x="823" y="805"/>
                    <a:pt x="822" y="805"/>
                    <a:pt x="822" y="805"/>
                  </a:cubicBezTo>
                  <a:cubicBezTo>
                    <a:pt x="821" y="805"/>
                    <a:pt x="821" y="805"/>
                    <a:pt x="821" y="805"/>
                  </a:cubicBezTo>
                  <a:cubicBezTo>
                    <a:pt x="821" y="804"/>
                    <a:pt x="820" y="804"/>
                    <a:pt x="818" y="805"/>
                  </a:cubicBezTo>
                  <a:cubicBezTo>
                    <a:pt x="817" y="805"/>
                    <a:pt x="816" y="805"/>
                    <a:pt x="816" y="805"/>
                  </a:cubicBezTo>
                  <a:cubicBezTo>
                    <a:pt x="816" y="805"/>
                    <a:pt x="816" y="805"/>
                    <a:pt x="815" y="806"/>
                  </a:cubicBezTo>
                  <a:cubicBezTo>
                    <a:pt x="813" y="808"/>
                    <a:pt x="812" y="808"/>
                    <a:pt x="810" y="808"/>
                  </a:cubicBezTo>
                  <a:cubicBezTo>
                    <a:pt x="809" y="808"/>
                    <a:pt x="810" y="806"/>
                    <a:pt x="808" y="805"/>
                  </a:cubicBezTo>
                  <a:cubicBezTo>
                    <a:pt x="806" y="804"/>
                    <a:pt x="807" y="802"/>
                    <a:pt x="804" y="802"/>
                  </a:cubicBezTo>
                  <a:cubicBezTo>
                    <a:pt x="802" y="802"/>
                    <a:pt x="805" y="803"/>
                    <a:pt x="802" y="802"/>
                  </a:cubicBezTo>
                  <a:cubicBezTo>
                    <a:pt x="799" y="802"/>
                    <a:pt x="798" y="801"/>
                    <a:pt x="797" y="801"/>
                  </a:cubicBezTo>
                  <a:cubicBezTo>
                    <a:pt x="794" y="800"/>
                    <a:pt x="794" y="799"/>
                    <a:pt x="794" y="799"/>
                  </a:cubicBezTo>
                  <a:cubicBezTo>
                    <a:pt x="794" y="798"/>
                    <a:pt x="793" y="793"/>
                    <a:pt x="792" y="793"/>
                  </a:cubicBezTo>
                  <a:cubicBezTo>
                    <a:pt x="791" y="792"/>
                    <a:pt x="791" y="787"/>
                    <a:pt x="790" y="788"/>
                  </a:cubicBezTo>
                  <a:cubicBezTo>
                    <a:pt x="788" y="788"/>
                    <a:pt x="788" y="786"/>
                    <a:pt x="786" y="784"/>
                  </a:cubicBezTo>
                  <a:cubicBezTo>
                    <a:pt x="785" y="782"/>
                    <a:pt x="784" y="783"/>
                    <a:pt x="782" y="779"/>
                  </a:cubicBezTo>
                  <a:cubicBezTo>
                    <a:pt x="781" y="777"/>
                    <a:pt x="782" y="778"/>
                    <a:pt x="782" y="778"/>
                  </a:cubicBezTo>
                  <a:cubicBezTo>
                    <a:pt x="782" y="779"/>
                    <a:pt x="783" y="780"/>
                    <a:pt x="781" y="775"/>
                  </a:cubicBezTo>
                  <a:cubicBezTo>
                    <a:pt x="777" y="767"/>
                    <a:pt x="776" y="770"/>
                    <a:pt x="776" y="768"/>
                  </a:cubicBezTo>
                  <a:cubicBezTo>
                    <a:pt x="775" y="767"/>
                    <a:pt x="774" y="766"/>
                    <a:pt x="773" y="763"/>
                  </a:cubicBezTo>
                  <a:cubicBezTo>
                    <a:pt x="773" y="760"/>
                    <a:pt x="773" y="756"/>
                    <a:pt x="774" y="755"/>
                  </a:cubicBezTo>
                  <a:cubicBezTo>
                    <a:pt x="774" y="753"/>
                    <a:pt x="775" y="753"/>
                    <a:pt x="775" y="751"/>
                  </a:cubicBezTo>
                  <a:cubicBezTo>
                    <a:pt x="775" y="750"/>
                    <a:pt x="775" y="748"/>
                    <a:pt x="775" y="747"/>
                  </a:cubicBezTo>
                  <a:cubicBezTo>
                    <a:pt x="774" y="746"/>
                    <a:pt x="773" y="744"/>
                    <a:pt x="774" y="743"/>
                  </a:cubicBezTo>
                  <a:cubicBezTo>
                    <a:pt x="774" y="743"/>
                    <a:pt x="778" y="741"/>
                    <a:pt x="777" y="740"/>
                  </a:cubicBezTo>
                  <a:cubicBezTo>
                    <a:pt x="777" y="739"/>
                    <a:pt x="774" y="732"/>
                    <a:pt x="775" y="732"/>
                  </a:cubicBezTo>
                  <a:cubicBezTo>
                    <a:pt x="776" y="731"/>
                    <a:pt x="780" y="727"/>
                    <a:pt x="780" y="726"/>
                  </a:cubicBezTo>
                  <a:cubicBezTo>
                    <a:pt x="780" y="726"/>
                    <a:pt x="780" y="725"/>
                    <a:pt x="780" y="724"/>
                  </a:cubicBezTo>
                  <a:cubicBezTo>
                    <a:pt x="780" y="724"/>
                    <a:pt x="780" y="724"/>
                    <a:pt x="780" y="724"/>
                  </a:cubicBezTo>
                  <a:cubicBezTo>
                    <a:pt x="780" y="724"/>
                    <a:pt x="780" y="724"/>
                    <a:pt x="780" y="724"/>
                  </a:cubicBezTo>
                  <a:cubicBezTo>
                    <a:pt x="780" y="724"/>
                    <a:pt x="780" y="724"/>
                    <a:pt x="780" y="723"/>
                  </a:cubicBezTo>
                  <a:cubicBezTo>
                    <a:pt x="780" y="723"/>
                    <a:pt x="780" y="723"/>
                    <a:pt x="780" y="723"/>
                  </a:cubicBezTo>
                  <a:cubicBezTo>
                    <a:pt x="780" y="723"/>
                    <a:pt x="780" y="723"/>
                    <a:pt x="780" y="723"/>
                  </a:cubicBezTo>
                  <a:cubicBezTo>
                    <a:pt x="780" y="723"/>
                    <a:pt x="780" y="723"/>
                    <a:pt x="780" y="723"/>
                  </a:cubicBezTo>
                  <a:cubicBezTo>
                    <a:pt x="780" y="722"/>
                    <a:pt x="780" y="722"/>
                    <a:pt x="780" y="722"/>
                  </a:cubicBezTo>
                  <a:cubicBezTo>
                    <a:pt x="781" y="722"/>
                    <a:pt x="781" y="722"/>
                    <a:pt x="781" y="722"/>
                  </a:cubicBezTo>
                  <a:cubicBezTo>
                    <a:pt x="780" y="721"/>
                    <a:pt x="780" y="721"/>
                    <a:pt x="780" y="721"/>
                  </a:cubicBezTo>
                  <a:cubicBezTo>
                    <a:pt x="781" y="721"/>
                    <a:pt x="781" y="721"/>
                    <a:pt x="781" y="720"/>
                  </a:cubicBezTo>
                  <a:cubicBezTo>
                    <a:pt x="781" y="717"/>
                    <a:pt x="781" y="718"/>
                    <a:pt x="780" y="715"/>
                  </a:cubicBezTo>
                  <a:cubicBezTo>
                    <a:pt x="780" y="712"/>
                    <a:pt x="781" y="711"/>
                    <a:pt x="779" y="708"/>
                  </a:cubicBezTo>
                  <a:cubicBezTo>
                    <a:pt x="777" y="706"/>
                    <a:pt x="775" y="706"/>
                    <a:pt x="776" y="704"/>
                  </a:cubicBezTo>
                  <a:cubicBezTo>
                    <a:pt x="776" y="702"/>
                    <a:pt x="777" y="700"/>
                    <a:pt x="778" y="699"/>
                  </a:cubicBezTo>
                  <a:cubicBezTo>
                    <a:pt x="779" y="698"/>
                    <a:pt x="781" y="697"/>
                    <a:pt x="781" y="697"/>
                  </a:cubicBezTo>
                  <a:cubicBezTo>
                    <a:pt x="783" y="694"/>
                    <a:pt x="782" y="692"/>
                    <a:pt x="783" y="691"/>
                  </a:cubicBezTo>
                  <a:cubicBezTo>
                    <a:pt x="785" y="691"/>
                    <a:pt x="786" y="691"/>
                    <a:pt x="786" y="691"/>
                  </a:cubicBezTo>
                  <a:cubicBezTo>
                    <a:pt x="787" y="690"/>
                    <a:pt x="788" y="688"/>
                    <a:pt x="789" y="688"/>
                  </a:cubicBezTo>
                  <a:cubicBezTo>
                    <a:pt x="790" y="688"/>
                    <a:pt x="790" y="688"/>
                    <a:pt x="791" y="688"/>
                  </a:cubicBezTo>
                  <a:cubicBezTo>
                    <a:pt x="791" y="688"/>
                    <a:pt x="791" y="688"/>
                    <a:pt x="793" y="688"/>
                  </a:cubicBezTo>
                  <a:cubicBezTo>
                    <a:pt x="795" y="687"/>
                    <a:pt x="800" y="686"/>
                    <a:pt x="800" y="685"/>
                  </a:cubicBezTo>
                  <a:cubicBezTo>
                    <a:pt x="800" y="685"/>
                    <a:pt x="800" y="685"/>
                    <a:pt x="802" y="683"/>
                  </a:cubicBezTo>
                  <a:cubicBezTo>
                    <a:pt x="803" y="682"/>
                    <a:pt x="805" y="683"/>
                    <a:pt x="805" y="680"/>
                  </a:cubicBezTo>
                  <a:cubicBezTo>
                    <a:pt x="806" y="678"/>
                    <a:pt x="806" y="680"/>
                    <a:pt x="806" y="678"/>
                  </a:cubicBezTo>
                  <a:cubicBezTo>
                    <a:pt x="805" y="676"/>
                    <a:pt x="806" y="676"/>
                    <a:pt x="809" y="677"/>
                  </a:cubicBezTo>
                  <a:cubicBezTo>
                    <a:pt x="811" y="677"/>
                    <a:pt x="814" y="677"/>
                    <a:pt x="814" y="677"/>
                  </a:cubicBezTo>
                  <a:cubicBezTo>
                    <a:pt x="817" y="674"/>
                    <a:pt x="821" y="672"/>
                    <a:pt x="822" y="673"/>
                  </a:cubicBezTo>
                  <a:cubicBezTo>
                    <a:pt x="824" y="673"/>
                    <a:pt x="824" y="673"/>
                    <a:pt x="825" y="674"/>
                  </a:cubicBezTo>
                  <a:cubicBezTo>
                    <a:pt x="827" y="675"/>
                    <a:pt x="825" y="675"/>
                    <a:pt x="829" y="676"/>
                  </a:cubicBezTo>
                  <a:cubicBezTo>
                    <a:pt x="834" y="677"/>
                    <a:pt x="834" y="676"/>
                    <a:pt x="835" y="676"/>
                  </a:cubicBezTo>
                  <a:cubicBezTo>
                    <a:pt x="835" y="676"/>
                    <a:pt x="837" y="676"/>
                    <a:pt x="838" y="676"/>
                  </a:cubicBezTo>
                  <a:cubicBezTo>
                    <a:pt x="842" y="675"/>
                    <a:pt x="843" y="676"/>
                    <a:pt x="844" y="677"/>
                  </a:cubicBezTo>
                  <a:cubicBezTo>
                    <a:pt x="847" y="678"/>
                    <a:pt x="847" y="677"/>
                    <a:pt x="848" y="678"/>
                  </a:cubicBezTo>
                  <a:cubicBezTo>
                    <a:pt x="849" y="679"/>
                    <a:pt x="848" y="680"/>
                    <a:pt x="850" y="681"/>
                  </a:cubicBezTo>
                  <a:cubicBezTo>
                    <a:pt x="851" y="682"/>
                    <a:pt x="851" y="682"/>
                    <a:pt x="853" y="681"/>
                  </a:cubicBezTo>
                  <a:cubicBezTo>
                    <a:pt x="855" y="680"/>
                    <a:pt x="854" y="680"/>
                    <a:pt x="855" y="680"/>
                  </a:cubicBezTo>
                  <a:cubicBezTo>
                    <a:pt x="857" y="680"/>
                    <a:pt x="857" y="680"/>
                    <a:pt x="857" y="680"/>
                  </a:cubicBezTo>
                  <a:cubicBezTo>
                    <a:pt x="857" y="680"/>
                    <a:pt x="854" y="682"/>
                    <a:pt x="857" y="682"/>
                  </a:cubicBezTo>
                  <a:cubicBezTo>
                    <a:pt x="861" y="682"/>
                    <a:pt x="863" y="679"/>
                    <a:pt x="862" y="679"/>
                  </a:cubicBezTo>
                  <a:cubicBezTo>
                    <a:pt x="862" y="679"/>
                    <a:pt x="864" y="678"/>
                    <a:pt x="865" y="680"/>
                  </a:cubicBezTo>
                  <a:cubicBezTo>
                    <a:pt x="865" y="682"/>
                    <a:pt x="866" y="683"/>
                    <a:pt x="867" y="682"/>
                  </a:cubicBezTo>
                  <a:cubicBezTo>
                    <a:pt x="869" y="681"/>
                    <a:pt x="871" y="680"/>
                    <a:pt x="869" y="679"/>
                  </a:cubicBezTo>
                  <a:cubicBezTo>
                    <a:pt x="868" y="678"/>
                    <a:pt x="867" y="677"/>
                    <a:pt x="867" y="675"/>
                  </a:cubicBezTo>
                  <a:cubicBezTo>
                    <a:pt x="867" y="674"/>
                    <a:pt x="867" y="673"/>
                    <a:pt x="867" y="673"/>
                  </a:cubicBezTo>
                  <a:cubicBezTo>
                    <a:pt x="864" y="671"/>
                    <a:pt x="864" y="671"/>
                    <a:pt x="864" y="671"/>
                  </a:cubicBezTo>
                  <a:cubicBezTo>
                    <a:pt x="864" y="671"/>
                    <a:pt x="865" y="670"/>
                    <a:pt x="863" y="670"/>
                  </a:cubicBezTo>
                  <a:cubicBezTo>
                    <a:pt x="861" y="669"/>
                    <a:pt x="856" y="670"/>
                    <a:pt x="857" y="669"/>
                  </a:cubicBezTo>
                  <a:cubicBezTo>
                    <a:pt x="861" y="666"/>
                    <a:pt x="860" y="667"/>
                    <a:pt x="862" y="668"/>
                  </a:cubicBezTo>
                  <a:cubicBezTo>
                    <a:pt x="862" y="668"/>
                    <a:pt x="863" y="668"/>
                    <a:pt x="864" y="668"/>
                  </a:cubicBezTo>
                  <a:cubicBezTo>
                    <a:pt x="865" y="668"/>
                    <a:pt x="866" y="667"/>
                    <a:pt x="866" y="668"/>
                  </a:cubicBezTo>
                  <a:cubicBezTo>
                    <a:pt x="868" y="668"/>
                    <a:pt x="867" y="668"/>
                    <a:pt x="869" y="667"/>
                  </a:cubicBezTo>
                  <a:cubicBezTo>
                    <a:pt x="872" y="667"/>
                    <a:pt x="871" y="665"/>
                    <a:pt x="873" y="667"/>
                  </a:cubicBezTo>
                  <a:cubicBezTo>
                    <a:pt x="875" y="668"/>
                    <a:pt x="880" y="669"/>
                    <a:pt x="880" y="669"/>
                  </a:cubicBezTo>
                  <a:cubicBezTo>
                    <a:pt x="880" y="669"/>
                    <a:pt x="880" y="668"/>
                    <a:pt x="881" y="667"/>
                  </a:cubicBezTo>
                  <a:cubicBezTo>
                    <a:pt x="881" y="666"/>
                    <a:pt x="882" y="664"/>
                    <a:pt x="883" y="666"/>
                  </a:cubicBezTo>
                  <a:cubicBezTo>
                    <a:pt x="885" y="669"/>
                    <a:pt x="887" y="669"/>
                    <a:pt x="888" y="668"/>
                  </a:cubicBezTo>
                  <a:cubicBezTo>
                    <a:pt x="889" y="667"/>
                    <a:pt x="890" y="666"/>
                    <a:pt x="891" y="666"/>
                  </a:cubicBezTo>
                  <a:cubicBezTo>
                    <a:pt x="893" y="666"/>
                    <a:pt x="895" y="666"/>
                    <a:pt x="896" y="666"/>
                  </a:cubicBezTo>
                  <a:cubicBezTo>
                    <a:pt x="896" y="666"/>
                    <a:pt x="902" y="667"/>
                    <a:pt x="902" y="667"/>
                  </a:cubicBezTo>
                  <a:cubicBezTo>
                    <a:pt x="907" y="668"/>
                    <a:pt x="907" y="668"/>
                    <a:pt x="907" y="668"/>
                  </a:cubicBezTo>
                  <a:cubicBezTo>
                    <a:pt x="908" y="670"/>
                    <a:pt x="908" y="670"/>
                    <a:pt x="908" y="670"/>
                  </a:cubicBezTo>
                  <a:cubicBezTo>
                    <a:pt x="908" y="670"/>
                    <a:pt x="910" y="672"/>
                    <a:pt x="910" y="673"/>
                  </a:cubicBezTo>
                  <a:cubicBezTo>
                    <a:pt x="910" y="674"/>
                    <a:pt x="913" y="675"/>
                    <a:pt x="913" y="675"/>
                  </a:cubicBezTo>
                  <a:cubicBezTo>
                    <a:pt x="916" y="675"/>
                    <a:pt x="919" y="674"/>
                    <a:pt x="920" y="674"/>
                  </a:cubicBezTo>
                  <a:cubicBezTo>
                    <a:pt x="920" y="674"/>
                    <a:pt x="923" y="672"/>
                    <a:pt x="923" y="672"/>
                  </a:cubicBezTo>
                  <a:cubicBezTo>
                    <a:pt x="927" y="671"/>
                    <a:pt x="926" y="671"/>
                    <a:pt x="927" y="672"/>
                  </a:cubicBezTo>
                  <a:cubicBezTo>
                    <a:pt x="928" y="673"/>
                    <a:pt x="928" y="673"/>
                    <a:pt x="929" y="674"/>
                  </a:cubicBezTo>
                  <a:cubicBezTo>
                    <a:pt x="931" y="675"/>
                    <a:pt x="933" y="675"/>
                    <a:pt x="933" y="677"/>
                  </a:cubicBezTo>
                  <a:cubicBezTo>
                    <a:pt x="934" y="678"/>
                    <a:pt x="936" y="678"/>
                    <a:pt x="936" y="679"/>
                  </a:cubicBezTo>
                  <a:cubicBezTo>
                    <a:pt x="937" y="680"/>
                    <a:pt x="939" y="682"/>
                    <a:pt x="939" y="683"/>
                  </a:cubicBezTo>
                  <a:cubicBezTo>
                    <a:pt x="939" y="684"/>
                    <a:pt x="941" y="686"/>
                    <a:pt x="941" y="686"/>
                  </a:cubicBezTo>
                  <a:cubicBezTo>
                    <a:pt x="941" y="689"/>
                    <a:pt x="941" y="689"/>
                    <a:pt x="941" y="689"/>
                  </a:cubicBezTo>
                  <a:cubicBezTo>
                    <a:pt x="939" y="692"/>
                    <a:pt x="939" y="694"/>
                    <a:pt x="939" y="695"/>
                  </a:cubicBezTo>
                  <a:cubicBezTo>
                    <a:pt x="939" y="697"/>
                    <a:pt x="939" y="699"/>
                    <a:pt x="939" y="699"/>
                  </a:cubicBezTo>
                  <a:cubicBezTo>
                    <a:pt x="942" y="702"/>
                    <a:pt x="941" y="703"/>
                    <a:pt x="943" y="704"/>
                  </a:cubicBezTo>
                  <a:cubicBezTo>
                    <a:pt x="945" y="705"/>
                    <a:pt x="946" y="708"/>
                    <a:pt x="946" y="708"/>
                  </a:cubicBezTo>
                  <a:cubicBezTo>
                    <a:pt x="946" y="708"/>
                    <a:pt x="947" y="709"/>
                    <a:pt x="947" y="710"/>
                  </a:cubicBezTo>
                  <a:cubicBezTo>
                    <a:pt x="948" y="711"/>
                    <a:pt x="949" y="712"/>
                    <a:pt x="949" y="714"/>
                  </a:cubicBezTo>
                  <a:cubicBezTo>
                    <a:pt x="949" y="715"/>
                    <a:pt x="947" y="718"/>
                    <a:pt x="948" y="717"/>
                  </a:cubicBezTo>
                  <a:cubicBezTo>
                    <a:pt x="952" y="721"/>
                    <a:pt x="952" y="721"/>
                    <a:pt x="952" y="721"/>
                  </a:cubicBezTo>
                  <a:cubicBezTo>
                    <a:pt x="952" y="721"/>
                    <a:pt x="953" y="721"/>
                    <a:pt x="954" y="721"/>
                  </a:cubicBezTo>
                  <a:cubicBezTo>
                    <a:pt x="955" y="721"/>
                    <a:pt x="956" y="720"/>
                    <a:pt x="957" y="722"/>
                  </a:cubicBezTo>
                  <a:cubicBezTo>
                    <a:pt x="957" y="724"/>
                    <a:pt x="958" y="726"/>
                    <a:pt x="958" y="727"/>
                  </a:cubicBezTo>
                  <a:cubicBezTo>
                    <a:pt x="958" y="728"/>
                    <a:pt x="960" y="728"/>
                    <a:pt x="960" y="729"/>
                  </a:cubicBezTo>
                  <a:cubicBezTo>
                    <a:pt x="961" y="729"/>
                    <a:pt x="963" y="729"/>
                    <a:pt x="963" y="730"/>
                  </a:cubicBezTo>
                  <a:cubicBezTo>
                    <a:pt x="966" y="727"/>
                    <a:pt x="966" y="727"/>
                    <a:pt x="966" y="727"/>
                  </a:cubicBezTo>
                  <a:cubicBezTo>
                    <a:pt x="966" y="727"/>
                    <a:pt x="966" y="725"/>
                    <a:pt x="967" y="724"/>
                  </a:cubicBezTo>
                  <a:cubicBezTo>
                    <a:pt x="968" y="722"/>
                    <a:pt x="969" y="720"/>
                    <a:pt x="969" y="720"/>
                  </a:cubicBezTo>
                  <a:cubicBezTo>
                    <a:pt x="969" y="720"/>
                    <a:pt x="971" y="717"/>
                    <a:pt x="970" y="717"/>
                  </a:cubicBezTo>
                  <a:cubicBezTo>
                    <a:pt x="969" y="717"/>
                    <a:pt x="969" y="716"/>
                    <a:pt x="969" y="713"/>
                  </a:cubicBezTo>
                  <a:cubicBezTo>
                    <a:pt x="968" y="709"/>
                    <a:pt x="968" y="709"/>
                    <a:pt x="969" y="708"/>
                  </a:cubicBezTo>
                  <a:cubicBezTo>
                    <a:pt x="969" y="707"/>
                    <a:pt x="969" y="707"/>
                    <a:pt x="969" y="706"/>
                  </a:cubicBezTo>
                  <a:cubicBezTo>
                    <a:pt x="968" y="704"/>
                    <a:pt x="969" y="705"/>
                    <a:pt x="968" y="703"/>
                  </a:cubicBezTo>
                  <a:cubicBezTo>
                    <a:pt x="966" y="702"/>
                    <a:pt x="967" y="701"/>
                    <a:pt x="966" y="700"/>
                  </a:cubicBezTo>
                  <a:cubicBezTo>
                    <a:pt x="964" y="699"/>
                    <a:pt x="965" y="698"/>
                    <a:pt x="964" y="696"/>
                  </a:cubicBezTo>
                  <a:cubicBezTo>
                    <a:pt x="963" y="695"/>
                    <a:pt x="964" y="695"/>
                    <a:pt x="964" y="696"/>
                  </a:cubicBezTo>
                  <a:cubicBezTo>
                    <a:pt x="964" y="696"/>
                    <a:pt x="964" y="697"/>
                    <a:pt x="963" y="693"/>
                  </a:cubicBezTo>
                  <a:cubicBezTo>
                    <a:pt x="962" y="688"/>
                    <a:pt x="961" y="688"/>
                    <a:pt x="962" y="686"/>
                  </a:cubicBezTo>
                  <a:cubicBezTo>
                    <a:pt x="963" y="684"/>
                    <a:pt x="964" y="684"/>
                    <a:pt x="963" y="682"/>
                  </a:cubicBezTo>
                  <a:cubicBezTo>
                    <a:pt x="963" y="681"/>
                    <a:pt x="961" y="679"/>
                    <a:pt x="960" y="678"/>
                  </a:cubicBezTo>
                  <a:cubicBezTo>
                    <a:pt x="960" y="677"/>
                    <a:pt x="957" y="677"/>
                    <a:pt x="956" y="674"/>
                  </a:cubicBezTo>
                  <a:cubicBezTo>
                    <a:pt x="956" y="671"/>
                    <a:pt x="956" y="671"/>
                    <a:pt x="955" y="669"/>
                  </a:cubicBezTo>
                  <a:cubicBezTo>
                    <a:pt x="955" y="667"/>
                    <a:pt x="953" y="667"/>
                    <a:pt x="955" y="665"/>
                  </a:cubicBezTo>
                  <a:cubicBezTo>
                    <a:pt x="957" y="662"/>
                    <a:pt x="956" y="664"/>
                    <a:pt x="955" y="660"/>
                  </a:cubicBezTo>
                  <a:cubicBezTo>
                    <a:pt x="955" y="656"/>
                    <a:pt x="954" y="657"/>
                    <a:pt x="956" y="655"/>
                  </a:cubicBezTo>
                  <a:cubicBezTo>
                    <a:pt x="957" y="653"/>
                    <a:pt x="959" y="651"/>
                    <a:pt x="960" y="649"/>
                  </a:cubicBezTo>
                  <a:cubicBezTo>
                    <a:pt x="960" y="647"/>
                    <a:pt x="959" y="648"/>
                    <a:pt x="962" y="645"/>
                  </a:cubicBezTo>
                  <a:cubicBezTo>
                    <a:pt x="966" y="642"/>
                    <a:pt x="970" y="639"/>
                    <a:pt x="971" y="638"/>
                  </a:cubicBezTo>
                  <a:cubicBezTo>
                    <a:pt x="975" y="635"/>
                    <a:pt x="975" y="635"/>
                    <a:pt x="976" y="634"/>
                  </a:cubicBezTo>
                  <a:cubicBezTo>
                    <a:pt x="977" y="633"/>
                    <a:pt x="978" y="632"/>
                    <a:pt x="979" y="631"/>
                  </a:cubicBezTo>
                  <a:cubicBezTo>
                    <a:pt x="980" y="630"/>
                    <a:pt x="980" y="628"/>
                    <a:pt x="982" y="627"/>
                  </a:cubicBezTo>
                  <a:cubicBezTo>
                    <a:pt x="984" y="625"/>
                    <a:pt x="983" y="624"/>
                    <a:pt x="986" y="625"/>
                  </a:cubicBezTo>
                  <a:cubicBezTo>
                    <a:pt x="989" y="626"/>
                    <a:pt x="991" y="625"/>
                    <a:pt x="992" y="625"/>
                  </a:cubicBezTo>
                  <a:cubicBezTo>
                    <a:pt x="992" y="625"/>
                    <a:pt x="992" y="625"/>
                    <a:pt x="992" y="625"/>
                  </a:cubicBezTo>
                  <a:cubicBezTo>
                    <a:pt x="992" y="626"/>
                    <a:pt x="992" y="626"/>
                    <a:pt x="994" y="623"/>
                  </a:cubicBezTo>
                  <a:cubicBezTo>
                    <a:pt x="998" y="618"/>
                    <a:pt x="999" y="618"/>
                    <a:pt x="1000" y="617"/>
                  </a:cubicBezTo>
                  <a:cubicBezTo>
                    <a:pt x="1000" y="616"/>
                    <a:pt x="1004" y="614"/>
                    <a:pt x="1005" y="614"/>
                  </a:cubicBezTo>
                  <a:cubicBezTo>
                    <a:pt x="1005" y="615"/>
                    <a:pt x="1005" y="616"/>
                    <a:pt x="1007" y="615"/>
                  </a:cubicBezTo>
                  <a:cubicBezTo>
                    <a:pt x="1009" y="614"/>
                    <a:pt x="1011" y="612"/>
                    <a:pt x="1010" y="612"/>
                  </a:cubicBezTo>
                  <a:cubicBezTo>
                    <a:pt x="1006" y="610"/>
                    <a:pt x="1004" y="609"/>
                    <a:pt x="1005" y="608"/>
                  </a:cubicBezTo>
                  <a:cubicBezTo>
                    <a:pt x="1006" y="607"/>
                    <a:pt x="1004" y="607"/>
                    <a:pt x="1007" y="606"/>
                  </a:cubicBezTo>
                  <a:cubicBezTo>
                    <a:pt x="1008" y="606"/>
                    <a:pt x="1009" y="606"/>
                    <a:pt x="1010" y="606"/>
                  </a:cubicBezTo>
                  <a:cubicBezTo>
                    <a:pt x="1010" y="607"/>
                    <a:pt x="1011" y="607"/>
                    <a:pt x="1011" y="606"/>
                  </a:cubicBezTo>
                  <a:cubicBezTo>
                    <a:pt x="1014" y="605"/>
                    <a:pt x="1016" y="603"/>
                    <a:pt x="1017" y="602"/>
                  </a:cubicBezTo>
                  <a:cubicBezTo>
                    <a:pt x="1017" y="601"/>
                    <a:pt x="1017" y="600"/>
                    <a:pt x="1017" y="600"/>
                  </a:cubicBezTo>
                  <a:cubicBezTo>
                    <a:pt x="1014" y="598"/>
                    <a:pt x="1013" y="599"/>
                    <a:pt x="1013" y="598"/>
                  </a:cubicBezTo>
                  <a:cubicBezTo>
                    <a:pt x="1012" y="596"/>
                    <a:pt x="1013" y="594"/>
                    <a:pt x="1013" y="594"/>
                  </a:cubicBezTo>
                  <a:cubicBezTo>
                    <a:pt x="1013" y="594"/>
                    <a:pt x="1015" y="595"/>
                    <a:pt x="1015" y="592"/>
                  </a:cubicBezTo>
                  <a:cubicBezTo>
                    <a:pt x="1014" y="590"/>
                    <a:pt x="1015" y="589"/>
                    <a:pt x="1015" y="588"/>
                  </a:cubicBezTo>
                  <a:cubicBezTo>
                    <a:pt x="1015" y="586"/>
                    <a:pt x="1015" y="585"/>
                    <a:pt x="1012" y="585"/>
                  </a:cubicBezTo>
                  <a:cubicBezTo>
                    <a:pt x="1010" y="586"/>
                    <a:pt x="1011" y="585"/>
                    <a:pt x="1009" y="584"/>
                  </a:cubicBezTo>
                  <a:cubicBezTo>
                    <a:pt x="1007" y="582"/>
                    <a:pt x="1004" y="581"/>
                    <a:pt x="1006" y="581"/>
                  </a:cubicBezTo>
                  <a:cubicBezTo>
                    <a:pt x="1007" y="581"/>
                    <a:pt x="1007" y="581"/>
                    <a:pt x="1008" y="581"/>
                  </a:cubicBezTo>
                  <a:cubicBezTo>
                    <a:pt x="1009" y="581"/>
                    <a:pt x="1010" y="582"/>
                    <a:pt x="1010" y="580"/>
                  </a:cubicBezTo>
                  <a:cubicBezTo>
                    <a:pt x="1010" y="578"/>
                    <a:pt x="1008" y="577"/>
                    <a:pt x="1008" y="577"/>
                  </a:cubicBezTo>
                  <a:cubicBezTo>
                    <a:pt x="1008" y="577"/>
                    <a:pt x="1007" y="576"/>
                    <a:pt x="1006" y="574"/>
                  </a:cubicBezTo>
                  <a:cubicBezTo>
                    <a:pt x="1006" y="569"/>
                    <a:pt x="1003" y="568"/>
                    <a:pt x="1006" y="567"/>
                  </a:cubicBezTo>
                  <a:cubicBezTo>
                    <a:pt x="1007" y="567"/>
                    <a:pt x="1007" y="568"/>
                    <a:pt x="1007" y="569"/>
                  </a:cubicBezTo>
                  <a:cubicBezTo>
                    <a:pt x="1007" y="570"/>
                    <a:pt x="1007" y="571"/>
                    <a:pt x="1009" y="567"/>
                  </a:cubicBezTo>
                  <a:cubicBezTo>
                    <a:pt x="1013" y="559"/>
                    <a:pt x="1011" y="557"/>
                    <a:pt x="1013" y="556"/>
                  </a:cubicBezTo>
                  <a:cubicBezTo>
                    <a:pt x="1015" y="556"/>
                    <a:pt x="1012" y="561"/>
                    <a:pt x="1013" y="565"/>
                  </a:cubicBezTo>
                  <a:cubicBezTo>
                    <a:pt x="1013" y="569"/>
                    <a:pt x="1012" y="566"/>
                    <a:pt x="1013" y="569"/>
                  </a:cubicBezTo>
                  <a:cubicBezTo>
                    <a:pt x="1014" y="571"/>
                    <a:pt x="1016" y="571"/>
                    <a:pt x="1016" y="573"/>
                  </a:cubicBezTo>
                  <a:cubicBezTo>
                    <a:pt x="1016" y="575"/>
                    <a:pt x="1012" y="576"/>
                    <a:pt x="1015" y="577"/>
                  </a:cubicBezTo>
                  <a:cubicBezTo>
                    <a:pt x="1017" y="579"/>
                    <a:pt x="1019" y="578"/>
                    <a:pt x="1020" y="576"/>
                  </a:cubicBezTo>
                  <a:cubicBezTo>
                    <a:pt x="1020" y="574"/>
                    <a:pt x="1019" y="573"/>
                    <a:pt x="1021" y="572"/>
                  </a:cubicBezTo>
                  <a:cubicBezTo>
                    <a:pt x="1023" y="571"/>
                    <a:pt x="1023" y="570"/>
                    <a:pt x="1023" y="570"/>
                  </a:cubicBezTo>
                  <a:cubicBezTo>
                    <a:pt x="1023" y="569"/>
                    <a:pt x="1025" y="568"/>
                    <a:pt x="1024" y="566"/>
                  </a:cubicBezTo>
                  <a:cubicBezTo>
                    <a:pt x="1024" y="564"/>
                    <a:pt x="1022" y="563"/>
                    <a:pt x="1022" y="562"/>
                  </a:cubicBezTo>
                  <a:cubicBezTo>
                    <a:pt x="1022" y="560"/>
                    <a:pt x="1021" y="562"/>
                    <a:pt x="1021" y="559"/>
                  </a:cubicBezTo>
                  <a:cubicBezTo>
                    <a:pt x="1021" y="558"/>
                    <a:pt x="1021" y="557"/>
                    <a:pt x="1021" y="556"/>
                  </a:cubicBezTo>
                  <a:cubicBezTo>
                    <a:pt x="1021" y="558"/>
                    <a:pt x="1023" y="559"/>
                    <a:pt x="1024" y="559"/>
                  </a:cubicBezTo>
                  <a:cubicBezTo>
                    <a:pt x="1025" y="559"/>
                    <a:pt x="1026" y="559"/>
                    <a:pt x="1027" y="559"/>
                  </a:cubicBezTo>
                  <a:cubicBezTo>
                    <a:pt x="1027" y="559"/>
                    <a:pt x="1027" y="559"/>
                    <a:pt x="1029" y="558"/>
                  </a:cubicBezTo>
                  <a:cubicBezTo>
                    <a:pt x="1030" y="557"/>
                    <a:pt x="1036" y="553"/>
                    <a:pt x="1035" y="551"/>
                  </a:cubicBezTo>
                  <a:cubicBezTo>
                    <a:pt x="1034" y="550"/>
                    <a:pt x="1036" y="549"/>
                    <a:pt x="1036" y="547"/>
                  </a:cubicBezTo>
                  <a:cubicBezTo>
                    <a:pt x="1036" y="545"/>
                    <a:pt x="1038" y="544"/>
                    <a:pt x="1037" y="543"/>
                  </a:cubicBezTo>
                  <a:cubicBezTo>
                    <a:pt x="1036" y="541"/>
                    <a:pt x="1033" y="542"/>
                    <a:pt x="1033" y="540"/>
                  </a:cubicBezTo>
                  <a:cubicBezTo>
                    <a:pt x="1033" y="538"/>
                    <a:pt x="1034" y="536"/>
                    <a:pt x="1035" y="536"/>
                  </a:cubicBezTo>
                  <a:cubicBezTo>
                    <a:pt x="1035" y="535"/>
                    <a:pt x="1038" y="534"/>
                    <a:pt x="1038" y="534"/>
                  </a:cubicBezTo>
                  <a:cubicBezTo>
                    <a:pt x="1037" y="539"/>
                    <a:pt x="1037" y="539"/>
                    <a:pt x="1037" y="539"/>
                  </a:cubicBezTo>
                  <a:cubicBezTo>
                    <a:pt x="1041" y="536"/>
                    <a:pt x="1041" y="536"/>
                    <a:pt x="1041" y="536"/>
                  </a:cubicBezTo>
                  <a:cubicBezTo>
                    <a:pt x="1041" y="536"/>
                    <a:pt x="1041" y="536"/>
                    <a:pt x="1043" y="535"/>
                  </a:cubicBezTo>
                  <a:cubicBezTo>
                    <a:pt x="1044" y="535"/>
                    <a:pt x="1045" y="533"/>
                    <a:pt x="1046" y="533"/>
                  </a:cubicBezTo>
                  <a:cubicBezTo>
                    <a:pt x="1047" y="533"/>
                    <a:pt x="1048" y="533"/>
                    <a:pt x="1049" y="533"/>
                  </a:cubicBezTo>
                  <a:cubicBezTo>
                    <a:pt x="1050" y="533"/>
                    <a:pt x="1051" y="533"/>
                    <a:pt x="1051" y="533"/>
                  </a:cubicBezTo>
                  <a:cubicBezTo>
                    <a:pt x="1053" y="533"/>
                    <a:pt x="1050" y="536"/>
                    <a:pt x="1054" y="533"/>
                  </a:cubicBezTo>
                  <a:cubicBezTo>
                    <a:pt x="1057" y="530"/>
                    <a:pt x="1060" y="531"/>
                    <a:pt x="1061" y="531"/>
                  </a:cubicBezTo>
                  <a:cubicBezTo>
                    <a:pt x="1061" y="531"/>
                    <a:pt x="1062" y="531"/>
                    <a:pt x="1062" y="531"/>
                  </a:cubicBezTo>
                  <a:cubicBezTo>
                    <a:pt x="1063" y="531"/>
                    <a:pt x="1064" y="531"/>
                    <a:pt x="1064" y="531"/>
                  </a:cubicBezTo>
                  <a:cubicBezTo>
                    <a:pt x="1064" y="531"/>
                    <a:pt x="1064" y="531"/>
                    <a:pt x="1065" y="531"/>
                  </a:cubicBezTo>
                  <a:cubicBezTo>
                    <a:pt x="1066" y="530"/>
                    <a:pt x="1067" y="527"/>
                    <a:pt x="1067" y="527"/>
                  </a:cubicBezTo>
                  <a:cubicBezTo>
                    <a:pt x="1067" y="527"/>
                    <a:pt x="1069" y="527"/>
                    <a:pt x="1070" y="526"/>
                  </a:cubicBezTo>
                  <a:cubicBezTo>
                    <a:pt x="1071" y="525"/>
                    <a:pt x="1075" y="524"/>
                    <a:pt x="1074" y="523"/>
                  </a:cubicBezTo>
                  <a:cubicBezTo>
                    <a:pt x="1074" y="522"/>
                    <a:pt x="1073" y="522"/>
                    <a:pt x="1072" y="520"/>
                  </a:cubicBezTo>
                  <a:cubicBezTo>
                    <a:pt x="1071" y="518"/>
                    <a:pt x="1073" y="519"/>
                    <a:pt x="1071" y="516"/>
                  </a:cubicBezTo>
                  <a:cubicBezTo>
                    <a:pt x="1071" y="515"/>
                    <a:pt x="1070" y="515"/>
                    <a:pt x="1070" y="515"/>
                  </a:cubicBezTo>
                  <a:cubicBezTo>
                    <a:pt x="1069" y="515"/>
                    <a:pt x="1069" y="515"/>
                    <a:pt x="1070" y="514"/>
                  </a:cubicBezTo>
                  <a:cubicBezTo>
                    <a:pt x="1072" y="511"/>
                    <a:pt x="1072" y="512"/>
                    <a:pt x="1072" y="509"/>
                  </a:cubicBezTo>
                  <a:cubicBezTo>
                    <a:pt x="1072" y="506"/>
                    <a:pt x="1072" y="505"/>
                    <a:pt x="1074" y="504"/>
                  </a:cubicBezTo>
                  <a:cubicBezTo>
                    <a:pt x="1077" y="502"/>
                    <a:pt x="1076" y="501"/>
                    <a:pt x="1079" y="499"/>
                  </a:cubicBezTo>
                  <a:cubicBezTo>
                    <a:pt x="1081" y="497"/>
                    <a:pt x="1077" y="498"/>
                    <a:pt x="1082" y="496"/>
                  </a:cubicBezTo>
                  <a:cubicBezTo>
                    <a:pt x="1085" y="496"/>
                    <a:pt x="1085" y="496"/>
                    <a:pt x="1085" y="496"/>
                  </a:cubicBezTo>
                  <a:cubicBezTo>
                    <a:pt x="1085" y="497"/>
                    <a:pt x="1085" y="497"/>
                    <a:pt x="1086" y="497"/>
                  </a:cubicBezTo>
                  <a:cubicBezTo>
                    <a:pt x="1088" y="496"/>
                    <a:pt x="1091" y="496"/>
                    <a:pt x="1091" y="495"/>
                  </a:cubicBezTo>
                  <a:cubicBezTo>
                    <a:pt x="1091" y="494"/>
                    <a:pt x="1092" y="492"/>
                    <a:pt x="1092" y="492"/>
                  </a:cubicBezTo>
                  <a:cubicBezTo>
                    <a:pt x="1094" y="489"/>
                    <a:pt x="1096" y="490"/>
                    <a:pt x="1097" y="490"/>
                  </a:cubicBezTo>
                  <a:cubicBezTo>
                    <a:pt x="1097" y="490"/>
                    <a:pt x="1101" y="489"/>
                    <a:pt x="1101" y="489"/>
                  </a:cubicBezTo>
                  <a:cubicBezTo>
                    <a:pt x="1108" y="488"/>
                    <a:pt x="1108" y="488"/>
                    <a:pt x="1108" y="488"/>
                  </a:cubicBezTo>
                  <a:cubicBezTo>
                    <a:pt x="1108" y="488"/>
                    <a:pt x="1109" y="487"/>
                    <a:pt x="1109" y="487"/>
                  </a:cubicBezTo>
                  <a:cubicBezTo>
                    <a:pt x="1109" y="486"/>
                    <a:pt x="1110" y="484"/>
                    <a:pt x="1111" y="484"/>
                  </a:cubicBezTo>
                  <a:cubicBezTo>
                    <a:pt x="1112" y="485"/>
                    <a:pt x="1115" y="487"/>
                    <a:pt x="1115" y="484"/>
                  </a:cubicBezTo>
                  <a:cubicBezTo>
                    <a:pt x="1115" y="484"/>
                    <a:pt x="1115" y="484"/>
                    <a:pt x="1115" y="484"/>
                  </a:cubicBezTo>
                  <a:cubicBezTo>
                    <a:pt x="1115" y="480"/>
                    <a:pt x="1115" y="480"/>
                    <a:pt x="1114" y="480"/>
                  </a:cubicBezTo>
                  <a:cubicBezTo>
                    <a:pt x="1114" y="480"/>
                    <a:pt x="1114" y="480"/>
                    <a:pt x="1114" y="480"/>
                  </a:cubicBezTo>
                  <a:cubicBezTo>
                    <a:pt x="1114" y="480"/>
                    <a:pt x="1114" y="480"/>
                    <a:pt x="1114" y="480"/>
                  </a:cubicBezTo>
                  <a:cubicBezTo>
                    <a:pt x="1117" y="480"/>
                    <a:pt x="1120" y="481"/>
                    <a:pt x="1121" y="479"/>
                  </a:cubicBezTo>
                  <a:cubicBezTo>
                    <a:pt x="1123" y="476"/>
                    <a:pt x="1123" y="476"/>
                    <a:pt x="1123" y="476"/>
                  </a:cubicBezTo>
                  <a:cubicBezTo>
                    <a:pt x="1123" y="476"/>
                    <a:pt x="1126" y="479"/>
                    <a:pt x="1126" y="479"/>
                  </a:cubicBezTo>
                  <a:cubicBezTo>
                    <a:pt x="1127" y="478"/>
                    <a:pt x="1131" y="477"/>
                    <a:pt x="1132" y="477"/>
                  </a:cubicBezTo>
                  <a:cubicBezTo>
                    <a:pt x="1133" y="477"/>
                    <a:pt x="1135" y="476"/>
                    <a:pt x="1136" y="475"/>
                  </a:cubicBezTo>
                  <a:cubicBezTo>
                    <a:pt x="1137" y="475"/>
                    <a:pt x="1137" y="473"/>
                    <a:pt x="1138" y="473"/>
                  </a:cubicBezTo>
                  <a:cubicBezTo>
                    <a:pt x="1139" y="473"/>
                    <a:pt x="1138" y="473"/>
                    <a:pt x="1139" y="473"/>
                  </a:cubicBezTo>
                  <a:cubicBezTo>
                    <a:pt x="1141" y="472"/>
                    <a:pt x="1140" y="475"/>
                    <a:pt x="1140" y="475"/>
                  </a:cubicBezTo>
                  <a:cubicBezTo>
                    <a:pt x="1139" y="477"/>
                    <a:pt x="1140" y="478"/>
                    <a:pt x="1141" y="477"/>
                  </a:cubicBezTo>
                  <a:cubicBezTo>
                    <a:pt x="1143" y="477"/>
                    <a:pt x="1146" y="476"/>
                    <a:pt x="1147" y="476"/>
                  </a:cubicBezTo>
                  <a:cubicBezTo>
                    <a:pt x="1148" y="476"/>
                    <a:pt x="1149" y="477"/>
                    <a:pt x="1149" y="478"/>
                  </a:cubicBezTo>
                  <a:cubicBezTo>
                    <a:pt x="1149" y="480"/>
                    <a:pt x="1150" y="481"/>
                    <a:pt x="1147" y="481"/>
                  </a:cubicBezTo>
                  <a:cubicBezTo>
                    <a:pt x="1144" y="481"/>
                    <a:pt x="1148" y="478"/>
                    <a:pt x="1142" y="480"/>
                  </a:cubicBezTo>
                  <a:cubicBezTo>
                    <a:pt x="1138" y="482"/>
                    <a:pt x="1137" y="482"/>
                    <a:pt x="1137" y="482"/>
                  </a:cubicBezTo>
                  <a:cubicBezTo>
                    <a:pt x="1136" y="482"/>
                    <a:pt x="1136" y="482"/>
                    <a:pt x="1136" y="482"/>
                  </a:cubicBezTo>
                  <a:cubicBezTo>
                    <a:pt x="1135" y="482"/>
                    <a:pt x="1135" y="482"/>
                    <a:pt x="1135" y="482"/>
                  </a:cubicBezTo>
                  <a:cubicBezTo>
                    <a:pt x="1135" y="481"/>
                    <a:pt x="1135" y="481"/>
                    <a:pt x="1133" y="482"/>
                  </a:cubicBezTo>
                  <a:cubicBezTo>
                    <a:pt x="1129" y="485"/>
                    <a:pt x="1128" y="486"/>
                    <a:pt x="1126" y="488"/>
                  </a:cubicBezTo>
                  <a:cubicBezTo>
                    <a:pt x="1124" y="490"/>
                    <a:pt x="1124" y="492"/>
                    <a:pt x="1122" y="493"/>
                  </a:cubicBezTo>
                  <a:cubicBezTo>
                    <a:pt x="1120" y="494"/>
                    <a:pt x="1122" y="494"/>
                    <a:pt x="1122" y="496"/>
                  </a:cubicBezTo>
                  <a:cubicBezTo>
                    <a:pt x="1121" y="498"/>
                    <a:pt x="1121" y="500"/>
                    <a:pt x="1123" y="500"/>
                  </a:cubicBezTo>
                  <a:cubicBezTo>
                    <a:pt x="1125" y="500"/>
                    <a:pt x="1126" y="501"/>
                    <a:pt x="1128" y="501"/>
                  </a:cubicBezTo>
                  <a:cubicBezTo>
                    <a:pt x="1130" y="500"/>
                    <a:pt x="1134" y="500"/>
                    <a:pt x="1135" y="499"/>
                  </a:cubicBezTo>
                  <a:cubicBezTo>
                    <a:pt x="1136" y="497"/>
                    <a:pt x="1141" y="495"/>
                    <a:pt x="1141" y="493"/>
                  </a:cubicBezTo>
                  <a:cubicBezTo>
                    <a:pt x="1142" y="491"/>
                    <a:pt x="1143" y="489"/>
                    <a:pt x="1144" y="489"/>
                  </a:cubicBezTo>
                  <a:cubicBezTo>
                    <a:pt x="1145" y="489"/>
                    <a:pt x="1147" y="487"/>
                    <a:pt x="1149" y="487"/>
                  </a:cubicBezTo>
                  <a:cubicBezTo>
                    <a:pt x="1152" y="487"/>
                    <a:pt x="1156" y="486"/>
                    <a:pt x="1158" y="485"/>
                  </a:cubicBezTo>
                  <a:cubicBezTo>
                    <a:pt x="1160" y="485"/>
                    <a:pt x="1163" y="484"/>
                    <a:pt x="1166" y="483"/>
                  </a:cubicBezTo>
                  <a:cubicBezTo>
                    <a:pt x="1168" y="483"/>
                    <a:pt x="1173" y="481"/>
                    <a:pt x="1174" y="480"/>
                  </a:cubicBezTo>
                  <a:cubicBezTo>
                    <a:pt x="1175" y="479"/>
                    <a:pt x="1177" y="477"/>
                    <a:pt x="1177" y="477"/>
                  </a:cubicBezTo>
                  <a:cubicBezTo>
                    <a:pt x="1181" y="477"/>
                    <a:pt x="1181" y="477"/>
                    <a:pt x="1181" y="477"/>
                  </a:cubicBezTo>
                  <a:cubicBezTo>
                    <a:pt x="1181" y="477"/>
                    <a:pt x="1179" y="475"/>
                    <a:pt x="1178" y="474"/>
                  </a:cubicBezTo>
                  <a:cubicBezTo>
                    <a:pt x="1177" y="473"/>
                    <a:pt x="1179" y="470"/>
                    <a:pt x="1178" y="470"/>
                  </a:cubicBezTo>
                  <a:cubicBezTo>
                    <a:pt x="1177" y="471"/>
                    <a:pt x="1177" y="470"/>
                    <a:pt x="1176" y="470"/>
                  </a:cubicBezTo>
                  <a:cubicBezTo>
                    <a:pt x="1175" y="470"/>
                    <a:pt x="1174" y="470"/>
                    <a:pt x="1172" y="470"/>
                  </a:cubicBezTo>
                  <a:cubicBezTo>
                    <a:pt x="1170" y="472"/>
                    <a:pt x="1169" y="472"/>
                    <a:pt x="1168" y="473"/>
                  </a:cubicBezTo>
                  <a:cubicBezTo>
                    <a:pt x="1167" y="474"/>
                    <a:pt x="1167" y="471"/>
                    <a:pt x="1165" y="471"/>
                  </a:cubicBezTo>
                  <a:cubicBezTo>
                    <a:pt x="1163" y="471"/>
                    <a:pt x="1159" y="473"/>
                    <a:pt x="1158" y="473"/>
                  </a:cubicBezTo>
                  <a:cubicBezTo>
                    <a:pt x="1156" y="473"/>
                    <a:pt x="1155" y="469"/>
                    <a:pt x="1155" y="469"/>
                  </a:cubicBezTo>
                  <a:cubicBezTo>
                    <a:pt x="1150" y="470"/>
                    <a:pt x="1150" y="470"/>
                    <a:pt x="1150" y="470"/>
                  </a:cubicBezTo>
                  <a:cubicBezTo>
                    <a:pt x="1148" y="469"/>
                    <a:pt x="1146" y="467"/>
                    <a:pt x="1146" y="467"/>
                  </a:cubicBezTo>
                  <a:cubicBezTo>
                    <a:pt x="1144" y="465"/>
                    <a:pt x="1143" y="465"/>
                    <a:pt x="1143" y="465"/>
                  </a:cubicBezTo>
                  <a:cubicBezTo>
                    <a:pt x="1143" y="465"/>
                    <a:pt x="1141" y="464"/>
                    <a:pt x="1140" y="463"/>
                  </a:cubicBezTo>
                  <a:cubicBezTo>
                    <a:pt x="1140" y="462"/>
                    <a:pt x="1140" y="460"/>
                    <a:pt x="1140" y="460"/>
                  </a:cubicBezTo>
                  <a:cubicBezTo>
                    <a:pt x="1140" y="460"/>
                    <a:pt x="1140" y="458"/>
                    <a:pt x="1139" y="458"/>
                  </a:cubicBezTo>
                  <a:cubicBezTo>
                    <a:pt x="1138" y="458"/>
                    <a:pt x="1137" y="456"/>
                    <a:pt x="1136" y="455"/>
                  </a:cubicBezTo>
                  <a:cubicBezTo>
                    <a:pt x="1135" y="453"/>
                    <a:pt x="1134" y="451"/>
                    <a:pt x="1134" y="451"/>
                  </a:cubicBezTo>
                  <a:cubicBezTo>
                    <a:pt x="1134" y="451"/>
                    <a:pt x="1139" y="447"/>
                    <a:pt x="1139" y="446"/>
                  </a:cubicBezTo>
                  <a:cubicBezTo>
                    <a:pt x="1138" y="444"/>
                    <a:pt x="1138" y="443"/>
                    <a:pt x="1137" y="443"/>
                  </a:cubicBezTo>
                  <a:cubicBezTo>
                    <a:pt x="1136" y="442"/>
                    <a:pt x="1134" y="443"/>
                    <a:pt x="1133" y="444"/>
                  </a:cubicBezTo>
                  <a:cubicBezTo>
                    <a:pt x="1131" y="444"/>
                    <a:pt x="1130" y="445"/>
                    <a:pt x="1130" y="444"/>
                  </a:cubicBezTo>
                  <a:cubicBezTo>
                    <a:pt x="1130" y="443"/>
                    <a:pt x="1129" y="443"/>
                    <a:pt x="1128" y="442"/>
                  </a:cubicBezTo>
                  <a:cubicBezTo>
                    <a:pt x="1128" y="442"/>
                    <a:pt x="1126" y="440"/>
                    <a:pt x="1126" y="440"/>
                  </a:cubicBezTo>
                  <a:cubicBezTo>
                    <a:pt x="1126" y="440"/>
                    <a:pt x="1135" y="440"/>
                    <a:pt x="1136" y="439"/>
                  </a:cubicBezTo>
                  <a:cubicBezTo>
                    <a:pt x="1138" y="438"/>
                    <a:pt x="1140" y="437"/>
                    <a:pt x="1141" y="436"/>
                  </a:cubicBezTo>
                  <a:cubicBezTo>
                    <a:pt x="1143" y="435"/>
                    <a:pt x="1145" y="433"/>
                    <a:pt x="1145" y="432"/>
                  </a:cubicBezTo>
                  <a:cubicBezTo>
                    <a:pt x="1146" y="430"/>
                    <a:pt x="1142" y="429"/>
                    <a:pt x="1141" y="428"/>
                  </a:cubicBezTo>
                  <a:cubicBezTo>
                    <a:pt x="1140" y="427"/>
                    <a:pt x="1139" y="425"/>
                    <a:pt x="1137" y="424"/>
                  </a:cubicBezTo>
                  <a:cubicBezTo>
                    <a:pt x="1136" y="423"/>
                    <a:pt x="1130" y="423"/>
                    <a:pt x="1130" y="423"/>
                  </a:cubicBezTo>
                  <a:cubicBezTo>
                    <a:pt x="1130" y="423"/>
                    <a:pt x="1128" y="422"/>
                    <a:pt x="1127" y="422"/>
                  </a:cubicBezTo>
                  <a:cubicBezTo>
                    <a:pt x="1126" y="423"/>
                    <a:pt x="1120" y="424"/>
                    <a:pt x="1119" y="424"/>
                  </a:cubicBezTo>
                  <a:cubicBezTo>
                    <a:pt x="1118" y="425"/>
                    <a:pt x="1119" y="425"/>
                    <a:pt x="1117" y="425"/>
                  </a:cubicBezTo>
                  <a:cubicBezTo>
                    <a:pt x="1114" y="426"/>
                    <a:pt x="1114" y="427"/>
                    <a:pt x="1113" y="427"/>
                  </a:cubicBezTo>
                  <a:cubicBezTo>
                    <a:pt x="1111" y="428"/>
                    <a:pt x="1111" y="428"/>
                    <a:pt x="1108" y="429"/>
                  </a:cubicBezTo>
                  <a:cubicBezTo>
                    <a:pt x="1104" y="430"/>
                    <a:pt x="1104" y="429"/>
                    <a:pt x="1102" y="430"/>
                  </a:cubicBezTo>
                  <a:cubicBezTo>
                    <a:pt x="1101" y="431"/>
                    <a:pt x="1098" y="433"/>
                    <a:pt x="1095" y="434"/>
                  </a:cubicBezTo>
                  <a:cubicBezTo>
                    <a:pt x="1093" y="435"/>
                    <a:pt x="1095" y="435"/>
                    <a:pt x="1091" y="437"/>
                  </a:cubicBezTo>
                  <a:cubicBezTo>
                    <a:pt x="1087" y="440"/>
                    <a:pt x="1085" y="443"/>
                    <a:pt x="1083" y="444"/>
                  </a:cubicBezTo>
                  <a:cubicBezTo>
                    <a:pt x="1082" y="445"/>
                    <a:pt x="1082" y="445"/>
                    <a:pt x="1082" y="444"/>
                  </a:cubicBezTo>
                  <a:cubicBezTo>
                    <a:pt x="1082" y="444"/>
                    <a:pt x="1082" y="444"/>
                    <a:pt x="1079" y="447"/>
                  </a:cubicBezTo>
                  <a:cubicBezTo>
                    <a:pt x="1073" y="451"/>
                    <a:pt x="1071" y="454"/>
                    <a:pt x="1071" y="454"/>
                  </a:cubicBezTo>
                  <a:cubicBezTo>
                    <a:pt x="1070" y="456"/>
                    <a:pt x="1073" y="448"/>
                    <a:pt x="1073" y="448"/>
                  </a:cubicBezTo>
                  <a:cubicBezTo>
                    <a:pt x="1073" y="448"/>
                    <a:pt x="1078" y="445"/>
                    <a:pt x="1079" y="444"/>
                  </a:cubicBezTo>
                  <a:cubicBezTo>
                    <a:pt x="1080" y="444"/>
                    <a:pt x="1082" y="441"/>
                    <a:pt x="1083" y="440"/>
                  </a:cubicBezTo>
                  <a:cubicBezTo>
                    <a:pt x="1084" y="439"/>
                    <a:pt x="1085" y="438"/>
                    <a:pt x="1085" y="437"/>
                  </a:cubicBezTo>
                  <a:cubicBezTo>
                    <a:pt x="1086" y="435"/>
                    <a:pt x="1086" y="435"/>
                    <a:pt x="1087" y="434"/>
                  </a:cubicBezTo>
                  <a:cubicBezTo>
                    <a:pt x="1089" y="434"/>
                    <a:pt x="1092" y="433"/>
                    <a:pt x="1092" y="432"/>
                  </a:cubicBezTo>
                  <a:cubicBezTo>
                    <a:pt x="1093" y="430"/>
                    <a:pt x="1095" y="428"/>
                    <a:pt x="1096" y="427"/>
                  </a:cubicBezTo>
                  <a:cubicBezTo>
                    <a:pt x="1096" y="427"/>
                    <a:pt x="1099" y="425"/>
                    <a:pt x="1099" y="425"/>
                  </a:cubicBezTo>
                  <a:cubicBezTo>
                    <a:pt x="1099" y="425"/>
                    <a:pt x="1100" y="425"/>
                    <a:pt x="1101" y="425"/>
                  </a:cubicBezTo>
                  <a:cubicBezTo>
                    <a:pt x="1102" y="425"/>
                    <a:pt x="1104" y="425"/>
                    <a:pt x="1105" y="425"/>
                  </a:cubicBezTo>
                  <a:cubicBezTo>
                    <a:pt x="1105" y="424"/>
                    <a:pt x="1110" y="422"/>
                    <a:pt x="1110" y="422"/>
                  </a:cubicBezTo>
                  <a:cubicBezTo>
                    <a:pt x="1113" y="418"/>
                    <a:pt x="1113" y="418"/>
                    <a:pt x="1113" y="418"/>
                  </a:cubicBezTo>
                  <a:cubicBezTo>
                    <a:pt x="1113" y="418"/>
                    <a:pt x="1116" y="414"/>
                    <a:pt x="1117" y="414"/>
                  </a:cubicBezTo>
                  <a:cubicBezTo>
                    <a:pt x="1118" y="413"/>
                    <a:pt x="1123" y="411"/>
                    <a:pt x="1123" y="411"/>
                  </a:cubicBezTo>
                  <a:cubicBezTo>
                    <a:pt x="1126" y="410"/>
                    <a:pt x="1126" y="410"/>
                    <a:pt x="1126" y="410"/>
                  </a:cubicBezTo>
                  <a:cubicBezTo>
                    <a:pt x="1126" y="410"/>
                    <a:pt x="1139" y="409"/>
                    <a:pt x="1140" y="409"/>
                  </a:cubicBezTo>
                  <a:cubicBezTo>
                    <a:pt x="1141" y="409"/>
                    <a:pt x="1142" y="409"/>
                    <a:pt x="1144" y="409"/>
                  </a:cubicBezTo>
                  <a:cubicBezTo>
                    <a:pt x="1146" y="408"/>
                    <a:pt x="1149" y="407"/>
                    <a:pt x="1150" y="407"/>
                  </a:cubicBezTo>
                  <a:cubicBezTo>
                    <a:pt x="1151" y="408"/>
                    <a:pt x="1151" y="408"/>
                    <a:pt x="1152" y="409"/>
                  </a:cubicBezTo>
                  <a:cubicBezTo>
                    <a:pt x="1153" y="409"/>
                    <a:pt x="1153" y="410"/>
                    <a:pt x="1154" y="410"/>
                  </a:cubicBezTo>
                  <a:cubicBezTo>
                    <a:pt x="1154" y="410"/>
                    <a:pt x="1155" y="410"/>
                    <a:pt x="1156" y="410"/>
                  </a:cubicBezTo>
                  <a:cubicBezTo>
                    <a:pt x="1157" y="410"/>
                    <a:pt x="1157" y="410"/>
                    <a:pt x="1158" y="410"/>
                  </a:cubicBezTo>
                  <a:cubicBezTo>
                    <a:pt x="1159" y="410"/>
                    <a:pt x="1165" y="409"/>
                    <a:pt x="1165" y="409"/>
                  </a:cubicBezTo>
                  <a:cubicBezTo>
                    <a:pt x="1168" y="411"/>
                    <a:pt x="1168" y="411"/>
                    <a:pt x="1168" y="411"/>
                  </a:cubicBezTo>
                  <a:cubicBezTo>
                    <a:pt x="1177" y="411"/>
                    <a:pt x="1177" y="411"/>
                    <a:pt x="1177" y="411"/>
                  </a:cubicBezTo>
                  <a:cubicBezTo>
                    <a:pt x="1177" y="411"/>
                    <a:pt x="1180" y="410"/>
                    <a:pt x="1182" y="410"/>
                  </a:cubicBezTo>
                  <a:cubicBezTo>
                    <a:pt x="1183" y="410"/>
                    <a:pt x="1190" y="407"/>
                    <a:pt x="1190" y="406"/>
                  </a:cubicBezTo>
                  <a:cubicBezTo>
                    <a:pt x="1191" y="406"/>
                    <a:pt x="1191" y="406"/>
                    <a:pt x="1191" y="406"/>
                  </a:cubicBezTo>
                  <a:cubicBezTo>
                    <a:pt x="1192" y="406"/>
                    <a:pt x="1194" y="406"/>
                    <a:pt x="1195" y="405"/>
                  </a:cubicBezTo>
                  <a:cubicBezTo>
                    <a:pt x="1196" y="403"/>
                    <a:pt x="1204" y="401"/>
                    <a:pt x="1204" y="399"/>
                  </a:cubicBezTo>
                  <a:cubicBezTo>
                    <a:pt x="1204" y="397"/>
                    <a:pt x="1207" y="395"/>
                    <a:pt x="1207" y="394"/>
                  </a:cubicBezTo>
                  <a:cubicBezTo>
                    <a:pt x="1208" y="394"/>
                    <a:pt x="1211" y="394"/>
                    <a:pt x="1212" y="393"/>
                  </a:cubicBezTo>
                  <a:cubicBezTo>
                    <a:pt x="1213" y="393"/>
                    <a:pt x="1217" y="393"/>
                    <a:pt x="1219" y="392"/>
                  </a:cubicBezTo>
                  <a:cubicBezTo>
                    <a:pt x="1221" y="392"/>
                    <a:pt x="1224" y="390"/>
                    <a:pt x="1225" y="391"/>
                  </a:cubicBezTo>
                  <a:cubicBezTo>
                    <a:pt x="1225" y="391"/>
                    <a:pt x="1231" y="389"/>
                    <a:pt x="1231" y="389"/>
                  </a:cubicBezTo>
                  <a:cubicBezTo>
                    <a:pt x="1235" y="385"/>
                    <a:pt x="1235" y="385"/>
                    <a:pt x="1235" y="385"/>
                  </a:cubicBezTo>
                  <a:cubicBezTo>
                    <a:pt x="1237" y="382"/>
                    <a:pt x="1237" y="382"/>
                    <a:pt x="1237" y="382"/>
                  </a:cubicBezTo>
                  <a:cubicBezTo>
                    <a:pt x="1234" y="378"/>
                    <a:pt x="1234" y="378"/>
                    <a:pt x="1234" y="378"/>
                  </a:cubicBezTo>
                  <a:moveTo>
                    <a:pt x="867" y="850"/>
                  </a:moveTo>
                  <a:cubicBezTo>
                    <a:pt x="868" y="850"/>
                    <a:pt x="868" y="849"/>
                    <a:pt x="868" y="848"/>
                  </a:cubicBezTo>
                  <a:cubicBezTo>
                    <a:pt x="868" y="848"/>
                    <a:pt x="868" y="848"/>
                    <a:pt x="868" y="847"/>
                  </a:cubicBezTo>
                  <a:cubicBezTo>
                    <a:pt x="868" y="848"/>
                    <a:pt x="868" y="849"/>
                    <a:pt x="867" y="850"/>
                  </a:cubicBezTo>
                  <a:moveTo>
                    <a:pt x="1106" y="464"/>
                  </a:moveTo>
                  <a:cubicBezTo>
                    <a:pt x="1106" y="463"/>
                    <a:pt x="1106" y="462"/>
                    <a:pt x="1106" y="462"/>
                  </a:cubicBezTo>
                  <a:cubicBezTo>
                    <a:pt x="1106" y="462"/>
                    <a:pt x="1106" y="463"/>
                    <a:pt x="1106" y="464"/>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2" name="íṣļïḓé">
              <a:extLst>
                <a:ext uri="{FF2B5EF4-FFF2-40B4-BE49-F238E27FC236}">
                  <a16:creationId xmlns:a16="http://schemas.microsoft.com/office/drawing/2014/main" xmlns="" id="{E7C2B549-EC60-4F85-98AC-1A526FEB302C}"/>
                </a:ext>
              </a:extLst>
            </p:cNvPr>
            <p:cNvSpPr/>
            <p:nvPr/>
          </p:nvSpPr>
          <p:spPr bwMode="auto">
            <a:xfrm>
              <a:off x="4656933" y="2868612"/>
              <a:ext cx="830263" cy="1309688"/>
            </a:xfrm>
            <a:custGeom>
              <a:avLst/>
              <a:gdLst>
                <a:gd name="T0" fmla="*/ 480 w 511"/>
                <a:gd name="T1" fmla="*/ 181 h 807"/>
                <a:gd name="T2" fmla="*/ 433 w 511"/>
                <a:gd name="T3" fmla="*/ 167 h 807"/>
                <a:gd name="T4" fmla="*/ 394 w 511"/>
                <a:gd name="T5" fmla="*/ 152 h 807"/>
                <a:gd name="T6" fmla="*/ 371 w 511"/>
                <a:gd name="T7" fmla="*/ 144 h 807"/>
                <a:gd name="T8" fmla="*/ 348 w 511"/>
                <a:gd name="T9" fmla="*/ 157 h 807"/>
                <a:gd name="T10" fmla="*/ 353 w 511"/>
                <a:gd name="T11" fmla="*/ 140 h 807"/>
                <a:gd name="T12" fmla="*/ 343 w 511"/>
                <a:gd name="T13" fmla="*/ 129 h 807"/>
                <a:gd name="T14" fmla="*/ 327 w 511"/>
                <a:gd name="T15" fmla="*/ 91 h 807"/>
                <a:gd name="T16" fmla="*/ 290 w 511"/>
                <a:gd name="T17" fmla="*/ 72 h 807"/>
                <a:gd name="T18" fmla="*/ 255 w 511"/>
                <a:gd name="T19" fmla="*/ 62 h 807"/>
                <a:gd name="T20" fmla="*/ 221 w 511"/>
                <a:gd name="T21" fmla="*/ 39 h 807"/>
                <a:gd name="T22" fmla="*/ 207 w 511"/>
                <a:gd name="T23" fmla="*/ 20 h 807"/>
                <a:gd name="T24" fmla="*/ 148 w 511"/>
                <a:gd name="T25" fmla="*/ 22 h 807"/>
                <a:gd name="T26" fmla="*/ 111 w 511"/>
                <a:gd name="T27" fmla="*/ 15 h 807"/>
                <a:gd name="T28" fmla="*/ 109 w 511"/>
                <a:gd name="T29" fmla="*/ 8 h 807"/>
                <a:gd name="T30" fmla="*/ 81 w 511"/>
                <a:gd name="T31" fmla="*/ 12 h 807"/>
                <a:gd name="T32" fmla="*/ 48 w 511"/>
                <a:gd name="T33" fmla="*/ 47 h 807"/>
                <a:gd name="T34" fmla="*/ 44 w 511"/>
                <a:gd name="T35" fmla="*/ 84 h 807"/>
                <a:gd name="T36" fmla="*/ 34 w 511"/>
                <a:gd name="T37" fmla="*/ 109 h 807"/>
                <a:gd name="T38" fmla="*/ 18 w 511"/>
                <a:gd name="T39" fmla="*/ 126 h 807"/>
                <a:gd name="T40" fmla="*/ 9 w 511"/>
                <a:gd name="T41" fmla="*/ 144 h 807"/>
                <a:gd name="T42" fmla="*/ 15 w 511"/>
                <a:gd name="T43" fmla="*/ 164 h 807"/>
                <a:gd name="T44" fmla="*/ 0 w 511"/>
                <a:gd name="T45" fmla="*/ 189 h 807"/>
                <a:gd name="T46" fmla="*/ 15 w 511"/>
                <a:gd name="T47" fmla="*/ 212 h 807"/>
                <a:gd name="T48" fmla="*/ 35 w 511"/>
                <a:gd name="T49" fmla="*/ 246 h 807"/>
                <a:gd name="T50" fmla="*/ 55 w 511"/>
                <a:gd name="T51" fmla="*/ 291 h 807"/>
                <a:gd name="T52" fmla="*/ 97 w 511"/>
                <a:gd name="T53" fmla="*/ 321 h 807"/>
                <a:gd name="T54" fmla="*/ 122 w 511"/>
                <a:gd name="T55" fmla="*/ 359 h 807"/>
                <a:gd name="T56" fmla="*/ 116 w 511"/>
                <a:gd name="T57" fmla="*/ 432 h 807"/>
                <a:gd name="T58" fmla="*/ 109 w 511"/>
                <a:gd name="T59" fmla="*/ 477 h 807"/>
                <a:gd name="T60" fmla="*/ 95 w 511"/>
                <a:gd name="T61" fmla="*/ 544 h 807"/>
                <a:gd name="T62" fmla="*/ 85 w 511"/>
                <a:gd name="T63" fmla="*/ 598 h 807"/>
                <a:gd name="T64" fmla="*/ 95 w 511"/>
                <a:gd name="T65" fmla="*/ 631 h 807"/>
                <a:gd name="T66" fmla="*/ 92 w 511"/>
                <a:gd name="T67" fmla="*/ 670 h 807"/>
                <a:gd name="T68" fmla="*/ 61 w 511"/>
                <a:gd name="T69" fmla="*/ 687 h 807"/>
                <a:gd name="T70" fmla="*/ 80 w 511"/>
                <a:gd name="T71" fmla="*/ 703 h 807"/>
                <a:gd name="T72" fmla="*/ 79 w 511"/>
                <a:gd name="T73" fmla="*/ 740 h 807"/>
                <a:gd name="T74" fmla="*/ 93 w 511"/>
                <a:gd name="T75" fmla="*/ 756 h 807"/>
                <a:gd name="T76" fmla="*/ 111 w 511"/>
                <a:gd name="T77" fmla="*/ 779 h 807"/>
                <a:gd name="T78" fmla="*/ 128 w 511"/>
                <a:gd name="T79" fmla="*/ 771 h 807"/>
                <a:gd name="T80" fmla="*/ 117 w 511"/>
                <a:gd name="T81" fmla="*/ 795 h 807"/>
                <a:gd name="T82" fmla="*/ 143 w 511"/>
                <a:gd name="T83" fmla="*/ 805 h 807"/>
                <a:gd name="T84" fmla="*/ 166 w 511"/>
                <a:gd name="T85" fmla="*/ 799 h 807"/>
                <a:gd name="T86" fmla="*/ 129 w 511"/>
                <a:gd name="T87" fmla="*/ 767 h 807"/>
                <a:gd name="T88" fmla="*/ 148 w 511"/>
                <a:gd name="T89" fmla="*/ 728 h 807"/>
                <a:gd name="T90" fmla="*/ 153 w 511"/>
                <a:gd name="T91" fmla="*/ 682 h 807"/>
                <a:gd name="T92" fmla="*/ 182 w 511"/>
                <a:gd name="T93" fmla="*/ 632 h 807"/>
                <a:gd name="T94" fmla="*/ 181 w 511"/>
                <a:gd name="T95" fmla="*/ 614 h 807"/>
                <a:gd name="T96" fmla="*/ 209 w 511"/>
                <a:gd name="T97" fmla="*/ 586 h 807"/>
                <a:gd name="T98" fmla="*/ 266 w 511"/>
                <a:gd name="T99" fmla="*/ 567 h 807"/>
                <a:gd name="T100" fmla="*/ 251 w 511"/>
                <a:gd name="T101" fmla="*/ 528 h 807"/>
                <a:gd name="T102" fmla="*/ 257 w 511"/>
                <a:gd name="T103" fmla="*/ 529 h 807"/>
                <a:gd name="T104" fmla="*/ 303 w 511"/>
                <a:gd name="T105" fmla="*/ 528 h 807"/>
                <a:gd name="T106" fmla="*/ 339 w 511"/>
                <a:gd name="T107" fmla="*/ 487 h 807"/>
                <a:gd name="T108" fmla="*/ 359 w 511"/>
                <a:gd name="T109" fmla="*/ 424 h 807"/>
                <a:gd name="T110" fmla="*/ 394 w 511"/>
                <a:gd name="T111" fmla="*/ 402 h 807"/>
                <a:gd name="T112" fmla="*/ 419 w 511"/>
                <a:gd name="T113" fmla="*/ 391 h 807"/>
                <a:gd name="T114" fmla="*/ 453 w 511"/>
                <a:gd name="T115" fmla="*/ 359 h 807"/>
                <a:gd name="T116" fmla="*/ 466 w 511"/>
                <a:gd name="T117" fmla="*/ 298 h 807"/>
                <a:gd name="T118" fmla="*/ 481 w 511"/>
                <a:gd name="T119" fmla="*/ 265 h 807"/>
                <a:gd name="T120" fmla="*/ 510 w 511"/>
                <a:gd name="T121" fmla="*/ 210 h 8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511" h="807">
                  <a:moveTo>
                    <a:pt x="510" y="210"/>
                  </a:moveTo>
                  <a:cubicBezTo>
                    <a:pt x="510" y="209"/>
                    <a:pt x="510" y="208"/>
                    <a:pt x="510" y="207"/>
                  </a:cubicBezTo>
                  <a:cubicBezTo>
                    <a:pt x="510" y="207"/>
                    <a:pt x="510" y="207"/>
                    <a:pt x="510" y="206"/>
                  </a:cubicBezTo>
                  <a:cubicBezTo>
                    <a:pt x="510" y="206"/>
                    <a:pt x="510" y="206"/>
                    <a:pt x="509" y="205"/>
                  </a:cubicBezTo>
                  <a:cubicBezTo>
                    <a:pt x="509" y="205"/>
                    <a:pt x="509" y="205"/>
                    <a:pt x="509" y="205"/>
                  </a:cubicBezTo>
                  <a:cubicBezTo>
                    <a:pt x="509" y="205"/>
                    <a:pt x="509" y="204"/>
                    <a:pt x="508" y="203"/>
                  </a:cubicBezTo>
                  <a:cubicBezTo>
                    <a:pt x="504" y="194"/>
                    <a:pt x="504" y="192"/>
                    <a:pt x="502" y="193"/>
                  </a:cubicBezTo>
                  <a:cubicBezTo>
                    <a:pt x="500" y="193"/>
                    <a:pt x="499" y="193"/>
                    <a:pt x="497" y="193"/>
                  </a:cubicBezTo>
                  <a:cubicBezTo>
                    <a:pt x="495" y="193"/>
                    <a:pt x="496" y="192"/>
                    <a:pt x="494" y="192"/>
                  </a:cubicBezTo>
                  <a:cubicBezTo>
                    <a:pt x="492" y="192"/>
                    <a:pt x="489" y="192"/>
                    <a:pt x="489" y="192"/>
                  </a:cubicBezTo>
                  <a:cubicBezTo>
                    <a:pt x="489" y="192"/>
                    <a:pt x="488" y="193"/>
                    <a:pt x="486" y="191"/>
                  </a:cubicBezTo>
                  <a:cubicBezTo>
                    <a:pt x="484" y="189"/>
                    <a:pt x="483" y="189"/>
                    <a:pt x="483" y="187"/>
                  </a:cubicBezTo>
                  <a:cubicBezTo>
                    <a:pt x="482" y="185"/>
                    <a:pt x="482" y="182"/>
                    <a:pt x="480" y="181"/>
                  </a:cubicBezTo>
                  <a:cubicBezTo>
                    <a:pt x="478" y="180"/>
                    <a:pt x="476" y="180"/>
                    <a:pt x="476" y="180"/>
                  </a:cubicBezTo>
                  <a:cubicBezTo>
                    <a:pt x="475" y="179"/>
                    <a:pt x="474" y="178"/>
                    <a:pt x="472" y="177"/>
                  </a:cubicBezTo>
                  <a:cubicBezTo>
                    <a:pt x="471" y="176"/>
                    <a:pt x="469" y="174"/>
                    <a:pt x="468" y="173"/>
                  </a:cubicBezTo>
                  <a:cubicBezTo>
                    <a:pt x="467" y="173"/>
                    <a:pt x="465" y="172"/>
                    <a:pt x="464" y="171"/>
                  </a:cubicBezTo>
                  <a:cubicBezTo>
                    <a:pt x="463" y="170"/>
                    <a:pt x="460" y="169"/>
                    <a:pt x="460" y="168"/>
                  </a:cubicBezTo>
                  <a:cubicBezTo>
                    <a:pt x="459" y="168"/>
                    <a:pt x="458" y="168"/>
                    <a:pt x="457" y="168"/>
                  </a:cubicBezTo>
                  <a:cubicBezTo>
                    <a:pt x="456" y="168"/>
                    <a:pt x="455" y="168"/>
                    <a:pt x="454" y="168"/>
                  </a:cubicBezTo>
                  <a:cubicBezTo>
                    <a:pt x="454" y="167"/>
                    <a:pt x="453" y="167"/>
                    <a:pt x="452" y="166"/>
                  </a:cubicBezTo>
                  <a:cubicBezTo>
                    <a:pt x="450" y="166"/>
                    <a:pt x="449" y="165"/>
                    <a:pt x="446" y="166"/>
                  </a:cubicBezTo>
                  <a:cubicBezTo>
                    <a:pt x="444" y="166"/>
                    <a:pt x="444" y="165"/>
                    <a:pt x="442" y="167"/>
                  </a:cubicBezTo>
                  <a:cubicBezTo>
                    <a:pt x="440" y="168"/>
                    <a:pt x="440" y="168"/>
                    <a:pt x="439" y="168"/>
                  </a:cubicBezTo>
                  <a:cubicBezTo>
                    <a:pt x="439" y="167"/>
                    <a:pt x="438" y="167"/>
                    <a:pt x="437" y="168"/>
                  </a:cubicBezTo>
                  <a:cubicBezTo>
                    <a:pt x="435" y="168"/>
                    <a:pt x="436" y="167"/>
                    <a:pt x="433" y="167"/>
                  </a:cubicBezTo>
                  <a:cubicBezTo>
                    <a:pt x="431" y="167"/>
                    <a:pt x="430" y="164"/>
                    <a:pt x="428" y="165"/>
                  </a:cubicBezTo>
                  <a:cubicBezTo>
                    <a:pt x="425" y="165"/>
                    <a:pt x="425" y="164"/>
                    <a:pt x="424" y="164"/>
                  </a:cubicBezTo>
                  <a:cubicBezTo>
                    <a:pt x="423" y="164"/>
                    <a:pt x="424" y="162"/>
                    <a:pt x="421" y="161"/>
                  </a:cubicBezTo>
                  <a:cubicBezTo>
                    <a:pt x="418" y="161"/>
                    <a:pt x="419" y="159"/>
                    <a:pt x="417" y="161"/>
                  </a:cubicBezTo>
                  <a:cubicBezTo>
                    <a:pt x="415" y="162"/>
                    <a:pt x="417" y="161"/>
                    <a:pt x="415" y="162"/>
                  </a:cubicBezTo>
                  <a:cubicBezTo>
                    <a:pt x="412" y="164"/>
                    <a:pt x="409" y="164"/>
                    <a:pt x="409" y="164"/>
                  </a:cubicBezTo>
                  <a:cubicBezTo>
                    <a:pt x="407" y="164"/>
                    <a:pt x="408" y="162"/>
                    <a:pt x="407" y="164"/>
                  </a:cubicBezTo>
                  <a:cubicBezTo>
                    <a:pt x="405" y="166"/>
                    <a:pt x="407" y="167"/>
                    <a:pt x="405" y="167"/>
                  </a:cubicBezTo>
                  <a:cubicBezTo>
                    <a:pt x="402" y="167"/>
                    <a:pt x="402" y="166"/>
                    <a:pt x="403" y="164"/>
                  </a:cubicBezTo>
                  <a:cubicBezTo>
                    <a:pt x="405" y="161"/>
                    <a:pt x="405" y="161"/>
                    <a:pt x="405" y="160"/>
                  </a:cubicBezTo>
                  <a:cubicBezTo>
                    <a:pt x="404" y="156"/>
                    <a:pt x="404" y="156"/>
                    <a:pt x="402" y="155"/>
                  </a:cubicBezTo>
                  <a:cubicBezTo>
                    <a:pt x="400" y="153"/>
                    <a:pt x="400" y="154"/>
                    <a:pt x="399" y="153"/>
                  </a:cubicBezTo>
                  <a:cubicBezTo>
                    <a:pt x="397" y="153"/>
                    <a:pt x="395" y="153"/>
                    <a:pt x="394" y="152"/>
                  </a:cubicBezTo>
                  <a:cubicBezTo>
                    <a:pt x="394" y="151"/>
                    <a:pt x="393" y="151"/>
                    <a:pt x="392" y="150"/>
                  </a:cubicBezTo>
                  <a:cubicBezTo>
                    <a:pt x="391" y="149"/>
                    <a:pt x="389" y="149"/>
                    <a:pt x="388" y="149"/>
                  </a:cubicBezTo>
                  <a:cubicBezTo>
                    <a:pt x="387" y="150"/>
                    <a:pt x="386" y="149"/>
                    <a:pt x="386" y="149"/>
                  </a:cubicBezTo>
                  <a:cubicBezTo>
                    <a:pt x="385" y="148"/>
                    <a:pt x="384" y="148"/>
                    <a:pt x="384" y="148"/>
                  </a:cubicBezTo>
                  <a:cubicBezTo>
                    <a:pt x="383" y="148"/>
                    <a:pt x="383" y="148"/>
                    <a:pt x="382" y="147"/>
                  </a:cubicBezTo>
                  <a:cubicBezTo>
                    <a:pt x="382" y="147"/>
                    <a:pt x="381" y="146"/>
                    <a:pt x="380" y="146"/>
                  </a:cubicBezTo>
                  <a:cubicBezTo>
                    <a:pt x="380" y="147"/>
                    <a:pt x="380" y="146"/>
                    <a:pt x="379" y="146"/>
                  </a:cubicBezTo>
                  <a:cubicBezTo>
                    <a:pt x="379" y="145"/>
                    <a:pt x="379" y="145"/>
                    <a:pt x="378" y="145"/>
                  </a:cubicBezTo>
                  <a:cubicBezTo>
                    <a:pt x="377" y="145"/>
                    <a:pt x="377" y="144"/>
                    <a:pt x="377" y="144"/>
                  </a:cubicBezTo>
                  <a:cubicBezTo>
                    <a:pt x="376" y="143"/>
                    <a:pt x="376" y="143"/>
                    <a:pt x="375" y="143"/>
                  </a:cubicBezTo>
                  <a:cubicBezTo>
                    <a:pt x="375" y="143"/>
                    <a:pt x="374" y="143"/>
                    <a:pt x="374" y="143"/>
                  </a:cubicBezTo>
                  <a:cubicBezTo>
                    <a:pt x="374" y="143"/>
                    <a:pt x="373" y="143"/>
                    <a:pt x="372" y="144"/>
                  </a:cubicBezTo>
                  <a:cubicBezTo>
                    <a:pt x="372" y="144"/>
                    <a:pt x="371" y="144"/>
                    <a:pt x="371" y="144"/>
                  </a:cubicBezTo>
                  <a:cubicBezTo>
                    <a:pt x="371" y="143"/>
                    <a:pt x="371" y="143"/>
                    <a:pt x="370" y="143"/>
                  </a:cubicBezTo>
                  <a:cubicBezTo>
                    <a:pt x="370" y="143"/>
                    <a:pt x="369" y="143"/>
                    <a:pt x="369" y="143"/>
                  </a:cubicBezTo>
                  <a:cubicBezTo>
                    <a:pt x="368" y="143"/>
                    <a:pt x="367" y="143"/>
                    <a:pt x="366" y="144"/>
                  </a:cubicBezTo>
                  <a:cubicBezTo>
                    <a:pt x="366" y="144"/>
                    <a:pt x="366" y="144"/>
                    <a:pt x="365" y="144"/>
                  </a:cubicBezTo>
                  <a:cubicBezTo>
                    <a:pt x="365" y="144"/>
                    <a:pt x="365" y="144"/>
                    <a:pt x="364" y="145"/>
                  </a:cubicBezTo>
                  <a:cubicBezTo>
                    <a:pt x="363" y="148"/>
                    <a:pt x="363" y="148"/>
                    <a:pt x="361" y="150"/>
                  </a:cubicBezTo>
                  <a:cubicBezTo>
                    <a:pt x="359" y="153"/>
                    <a:pt x="359" y="152"/>
                    <a:pt x="356" y="154"/>
                  </a:cubicBezTo>
                  <a:cubicBezTo>
                    <a:pt x="354" y="156"/>
                    <a:pt x="355" y="155"/>
                    <a:pt x="354" y="156"/>
                  </a:cubicBezTo>
                  <a:cubicBezTo>
                    <a:pt x="353" y="158"/>
                    <a:pt x="353" y="157"/>
                    <a:pt x="352" y="159"/>
                  </a:cubicBezTo>
                  <a:cubicBezTo>
                    <a:pt x="351" y="159"/>
                    <a:pt x="351" y="159"/>
                    <a:pt x="350" y="159"/>
                  </a:cubicBezTo>
                  <a:cubicBezTo>
                    <a:pt x="350" y="159"/>
                    <a:pt x="350" y="159"/>
                    <a:pt x="350" y="160"/>
                  </a:cubicBezTo>
                  <a:cubicBezTo>
                    <a:pt x="350" y="162"/>
                    <a:pt x="350" y="162"/>
                    <a:pt x="350" y="162"/>
                  </a:cubicBezTo>
                  <a:cubicBezTo>
                    <a:pt x="350" y="162"/>
                    <a:pt x="350" y="157"/>
                    <a:pt x="348" y="157"/>
                  </a:cubicBezTo>
                  <a:cubicBezTo>
                    <a:pt x="346" y="158"/>
                    <a:pt x="343" y="159"/>
                    <a:pt x="343" y="159"/>
                  </a:cubicBezTo>
                  <a:cubicBezTo>
                    <a:pt x="343" y="159"/>
                    <a:pt x="341" y="156"/>
                    <a:pt x="340" y="156"/>
                  </a:cubicBezTo>
                  <a:cubicBezTo>
                    <a:pt x="339" y="156"/>
                    <a:pt x="339" y="156"/>
                    <a:pt x="337" y="155"/>
                  </a:cubicBezTo>
                  <a:cubicBezTo>
                    <a:pt x="336" y="153"/>
                    <a:pt x="338" y="154"/>
                    <a:pt x="340" y="154"/>
                  </a:cubicBezTo>
                  <a:cubicBezTo>
                    <a:pt x="341" y="155"/>
                    <a:pt x="342" y="155"/>
                    <a:pt x="342" y="155"/>
                  </a:cubicBezTo>
                  <a:cubicBezTo>
                    <a:pt x="344" y="155"/>
                    <a:pt x="342" y="155"/>
                    <a:pt x="346" y="155"/>
                  </a:cubicBezTo>
                  <a:cubicBezTo>
                    <a:pt x="349" y="154"/>
                    <a:pt x="350" y="155"/>
                    <a:pt x="352" y="154"/>
                  </a:cubicBezTo>
                  <a:cubicBezTo>
                    <a:pt x="353" y="154"/>
                    <a:pt x="357" y="152"/>
                    <a:pt x="357" y="152"/>
                  </a:cubicBezTo>
                  <a:cubicBezTo>
                    <a:pt x="357" y="152"/>
                    <a:pt x="358" y="151"/>
                    <a:pt x="358" y="150"/>
                  </a:cubicBezTo>
                  <a:cubicBezTo>
                    <a:pt x="359" y="148"/>
                    <a:pt x="359" y="148"/>
                    <a:pt x="359" y="146"/>
                  </a:cubicBezTo>
                  <a:cubicBezTo>
                    <a:pt x="360" y="145"/>
                    <a:pt x="360" y="144"/>
                    <a:pt x="360" y="142"/>
                  </a:cubicBezTo>
                  <a:cubicBezTo>
                    <a:pt x="360" y="141"/>
                    <a:pt x="361" y="139"/>
                    <a:pt x="359" y="139"/>
                  </a:cubicBezTo>
                  <a:cubicBezTo>
                    <a:pt x="357" y="139"/>
                    <a:pt x="354" y="140"/>
                    <a:pt x="353" y="140"/>
                  </a:cubicBezTo>
                  <a:cubicBezTo>
                    <a:pt x="351" y="139"/>
                    <a:pt x="351" y="139"/>
                    <a:pt x="349" y="139"/>
                  </a:cubicBezTo>
                  <a:cubicBezTo>
                    <a:pt x="347" y="140"/>
                    <a:pt x="347" y="139"/>
                    <a:pt x="344" y="139"/>
                  </a:cubicBezTo>
                  <a:cubicBezTo>
                    <a:pt x="340" y="138"/>
                    <a:pt x="342" y="136"/>
                    <a:pt x="340" y="138"/>
                  </a:cubicBezTo>
                  <a:cubicBezTo>
                    <a:pt x="337" y="141"/>
                    <a:pt x="335" y="141"/>
                    <a:pt x="335" y="142"/>
                  </a:cubicBezTo>
                  <a:cubicBezTo>
                    <a:pt x="335" y="143"/>
                    <a:pt x="336" y="142"/>
                    <a:pt x="336" y="145"/>
                  </a:cubicBezTo>
                  <a:cubicBezTo>
                    <a:pt x="337" y="147"/>
                    <a:pt x="337" y="150"/>
                    <a:pt x="336" y="150"/>
                  </a:cubicBezTo>
                  <a:cubicBezTo>
                    <a:pt x="335" y="149"/>
                    <a:pt x="333" y="148"/>
                    <a:pt x="334" y="147"/>
                  </a:cubicBezTo>
                  <a:cubicBezTo>
                    <a:pt x="334" y="147"/>
                    <a:pt x="332" y="146"/>
                    <a:pt x="332" y="145"/>
                  </a:cubicBezTo>
                  <a:cubicBezTo>
                    <a:pt x="330" y="141"/>
                    <a:pt x="329" y="141"/>
                    <a:pt x="330" y="140"/>
                  </a:cubicBezTo>
                  <a:cubicBezTo>
                    <a:pt x="331" y="138"/>
                    <a:pt x="331" y="139"/>
                    <a:pt x="332" y="137"/>
                  </a:cubicBezTo>
                  <a:cubicBezTo>
                    <a:pt x="333" y="135"/>
                    <a:pt x="331" y="136"/>
                    <a:pt x="334" y="134"/>
                  </a:cubicBezTo>
                  <a:cubicBezTo>
                    <a:pt x="338" y="133"/>
                    <a:pt x="338" y="133"/>
                    <a:pt x="340" y="132"/>
                  </a:cubicBezTo>
                  <a:cubicBezTo>
                    <a:pt x="341" y="131"/>
                    <a:pt x="342" y="131"/>
                    <a:pt x="343" y="129"/>
                  </a:cubicBezTo>
                  <a:cubicBezTo>
                    <a:pt x="343" y="128"/>
                    <a:pt x="342" y="127"/>
                    <a:pt x="343" y="126"/>
                  </a:cubicBezTo>
                  <a:cubicBezTo>
                    <a:pt x="344" y="125"/>
                    <a:pt x="344" y="125"/>
                    <a:pt x="345" y="126"/>
                  </a:cubicBezTo>
                  <a:cubicBezTo>
                    <a:pt x="345" y="126"/>
                    <a:pt x="345" y="127"/>
                    <a:pt x="344" y="123"/>
                  </a:cubicBezTo>
                  <a:cubicBezTo>
                    <a:pt x="344" y="123"/>
                    <a:pt x="344" y="120"/>
                    <a:pt x="344" y="119"/>
                  </a:cubicBezTo>
                  <a:cubicBezTo>
                    <a:pt x="344" y="119"/>
                    <a:pt x="344" y="117"/>
                    <a:pt x="343" y="117"/>
                  </a:cubicBezTo>
                  <a:cubicBezTo>
                    <a:pt x="342" y="117"/>
                    <a:pt x="340" y="115"/>
                    <a:pt x="339" y="115"/>
                  </a:cubicBezTo>
                  <a:cubicBezTo>
                    <a:pt x="339" y="115"/>
                    <a:pt x="337" y="113"/>
                    <a:pt x="336" y="113"/>
                  </a:cubicBezTo>
                  <a:cubicBezTo>
                    <a:pt x="335" y="113"/>
                    <a:pt x="335" y="111"/>
                    <a:pt x="335" y="110"/>
                  </a:cubicBezTo>
                  <a:cubicBezTo>
                    <a:pt x="335" y="109"/>
                    <a:pt x="335" y="108"/>
                    <a:pt x="335" y="106"/>
                  </a:cubicBezTo>
                  <a:cubicBezTo>
                    <a:pt x="335" y="105"/>
                    <a:pt x="336" y="104"/>
                    <a:pt x="334" y="102"/>
                  </a:cubicBezTo>
                  <a:cubicBezTo>
                    <a:pt x="333" y="100"/>
                    <a:pt x="334" y="99"/>
                    <a:pt x="333" y="98"/>
                  </a:cubicBezTo>
                  <a:cubicBezTo>
                    <a:pt x="332" y="96"/>
                    <a:pt x="334" y="97"/>
                    <a:pt x="332" y="93"/>
                  </a:cubicBezTo>
                  <a:cubicBezTo>
                    <a:pt x="330" y="90"/>
                    <a:pt x="327" y="91"/>
                    <a:pt x="327" y="91"/>
                  </a:cubicBezTo>
                  <a:cubicBezTo>
                    <a:pt x="327" y="91"/>
                    <a:pt x="327" y="90"/>
                    <a:pt x="326" y="89"/>
                  </a:cubicBezTo>
                  <a:cubicBezTo>
                    <a:pt x="325" y="88"/>
                    <a:pt x="324" y="86"/>
                    <a:pt x="323" y="86"/>
                  </a:cubicBezTo>
                  <a:cubicBezTo>
                    <a:pt x="322" y="85"/>
                    <a:pt x="318" y="81"/>
                    <a:pt x="317" y="81"/>
                  </a:cubicBezTo>
                  <a:cubicBezTo>
                    <a:pt x="315" y="80"/>
                    <a:pt x="314" y="80"/>
                    <a:pt x="312" y="79"/>
                  </a:cubicBezTo>
                  <a:cubicBezTo>
                    <a:pt x="310" y="78"/>
                    <a:pt x="310" y="76"/>
                    <a:pt x="308" y="77"/>
                  </a:cubicBezTo>
                  <a:cubicBezTo>
                    <a:pt x="306" y="77"/>
                    <a:pt x="307" y="75"/>
                    <a:pt x="305" y="75"/>
                  </a:cubicBezTo>
                  <a:cubicBezTo>
                    <a:pt x="303" y="75"/>
                    <a:pt x="304" y="73"/>
                    <a:pt x="303" y="74"/>
                  </a:cubicBezTo>
                  <a:cubicBezTo>
                    <a:pt x="302" y="74"/>
                    <a:pt x="302" y="73"/>
                    <a:pt x="301" y="73"/>
                  </a:cubicBezTo>
                  <a:cubicBezTo>
                    <a:pt x="301" y="72"/>
                    <a:pt x="301" y="72"/>
                    <a:pt x="300" y="72"/>
                  </a:cubicBezTo>
                  <a:cubicBezTo>
                    <a:pt x="300" y="72"/>
                    <a:pt x="300" y="72"/>
                    <a:pt x="300" y="72"/>
                  </a:cubicBezTo>
                  <a:cubicBezTo>
                    <a:pt x="298" y="72"/>
                    <a:pt x="296" y="71"/>
                    <a:pt x="295" y="72"/>
                  </a:cubicBezTo>
                  <a:cubicBezTo>
                    <a:pt x="294" y="73"/>
                    <a:pt x="294" y="72"/>
                    <a:pt x="292" y="73"/>
                  </a:cubicBezTo>
                  <a:cubicBezTo>
                    <a:pt x="291" y="73"/>
                    <a:pt x="291" y="72"/>
                    <a:pt x="290" y="72"/>
                  </a:cubicBezTo>
                  <a:cubicBezTo>
                    <a:pt x="289" y="72"/>
                    <a:pt x="289" y="71"/>
                    <a:pt x="288" y="72"/>
                  </a:cubicBezTo>
                  <a:cubicBezTo>
                    <a:pt x="286" y="73"/>
                    <a:pt x="288" y="71"/>
                    <a:pt x="285" y="71"/>
                  </a:cubicBezTo>
                  <a:cubicBezTo>
                    <a:pt x="282" y="71"/>
                    <a:pt x="281" y="70"/>
                    <a:pt x="280" y="71"/>
                  </a:cubicBezTo>
                  <a:cubicBezTo>
                    <a:pt x="278" y="72"/>
                    <a:pt x="279" y="73"/>
                    <a:pt x="278" y="73"/>
                  </a:cubicBezTo>
                  <a:cubicBezTo>
                    <a:pt x="277" y="73"/>
                    <a:pt x="277" y="73"/>
                    <a:pt x="277" y="73"/>
                  </a:cubicBezTo>
                  <a:cubicBezTo>
                    <a:pt x="277" y="72"/>
                    <a:pt x="276" y="71"/>
                    <a:pt x="274" y="72"/>
                  </a:cubicBezTo>
                  <a:cubicBezTo>
                    <a:pt x="271" y="74"/>
                    <a:pt x="272" y="73"/>
                    <a:pt x="270" y="74"/>
                  </a:cubicBezTo>
                  <a:cubicBezTo>
                    <a:pt x="270" y="74"/>
                    <a:pt x="269" y="74"/>
                    <a:pt x="269" y="73"/>
                  </a:cubicBezTo>
                  <a:cubicBezTo>
                    <a:pt x="269" y="73"/>
                    <a:pt x="268" y="72"/>
                    <a:pt x="268" y="72"/>
                  </a:cubicBezTo>
                  <a:cubicBezTo>
                    <a:pt x="265" y="70"/>
                    <a:pt x="265" y="69"/>
                    <a:pt x="263" y="68"/>
                  </a:cubicBezTo>
                  <a:cubicBezTo>
                    <a:pt x="262" y="66"/>
                    <a:pt x="257" y="63"/>
                    <a:pt x="257" y="63"/>
                  </a:cubicBezTo>
                  <a:cubicBezTo>
                    <a:pt x="256" y="63"/>
                    <a:pt x="256" y="63"/>
                    <a:pt x="256" y="62"/>
                  </a:cubicBezTo>
                  <a:cubicBezTo>
                    <a:pt x="256" y="62"/>
                    <a:pt x="255" y="62"/>
                    <a:pt x="255" y="62"/>
                  </a:cubicBezTo>
                  <a:cubicBezTo>
                    <a:pt x="253" y="62"/>
                    <a:pt x="250" y="63"/>
                    <a:pt x="250" y="62"/>
                  </a:cubicBezTo>
                  <a:cubicBezTo>
                    <a:pt x="250" y="59"/>
                    <a:pt x="250" y="60"/>
                    <a:pt x="250" y="58"/>
                  </a:cubicBezTo>
                  <a:cubicBezTo>
                    <a:pt x="249" y="56"/>
                    <a:pt x="248" y="55"/>
                    <a:pt x="247" y="54"/>
                  </a:cubicBezTo>
                  <a:cubicBezTo>
                    <a:pt x="247" y="53"/>
                    <a:pt x="247" y="52"/>
                    <a:pt x="245" y="51"/>
                  </a:cubicBezTo>
                  <a:cubicBezTo>
                    <a:pt x="243" y="51"/>
                    <a:pt x="243" y="51"/>
                    <a:pt x="242" y="49"/>
                  </a:cubicBezTo>
                  <a:cubicBezTo>
                    <a:pt x="241" y="48"/>
                    <a:pt x="240" y="48"/>
                    <a:pt x="239" y="47"/>
                  </a:cubicBezTo>
                  <a:cubicBezTo>
                    <a:pt x="238" y="47"/>
                    <a:pt x="237" y="46"/>
                    <a:pt x="236" y="46"/>
                  </a:cubicBezTo>
                  <a:cubicBezTo>
                    <a:pt x="235" y="45"/>
                    <a:pt x="235" y="45"/>
                    <a:pt x="235" y="45"/>
                  </a:cubicBezTo>
                  <a:cubicBezTo>
                    <a:pt x="234" y="45"/>
                    <a:pt x="234" y="44"/>
                    <a:pt x="233" y="43"/>
                  </a:cubicBezTo>
                  <a:cubicBezTo>
                    <a:pt x="231" y="42"/>
                    <a:pt x="231" y="41"/>
                    <a:pt x="229" y="41"/>
                  </a:cubicBezTo>
                  <a:cubicBezTo>
                    <a:pt x="226" y="41"/>
                    <a:pt x="225" y="40"/>
                    <a:pt x="224" y="41"/>
                  </a:cubicBezTo>
                  <a:cubicBezTo>
                    <a:pt x="220" y="43"/>
                    <a:pt x="218" y="43"/>
                    <a:pt x="219" y="42"/>
                  </a:cubicBezTo>
                  <a:cubicBezTo>
                    <a:pt x="220" y="41"/>
                    <a:pt x="219" y="41"/>
                    <a:pt x="221" y="39"/>
                  </a:cubicBezTo>
                  <a:cubicBezTo>
                    <a:pt x="222" y="37"/>
                    <a:pt x="223" y="35"/>
                    <a:pt x="223" y="35"/>
                  </a:cubicBezTo>
                  <a:cubicBezTo>
                    <a:pt x="221" y="32"/>
                    <a:pt x="221" y="31"/>
                    <a:pt x="220" y="31"/>
                  </a:cubicBezTo>
                  <a:cubicBezTo>
                    <a:pt x="218" y="31"/>
                    <a:pt x="218" y="30"/>
                    <a:pt x="216" y="31"/>
                  </a:cubicBezTo>
                  <a:cubicBezTo>
                    <a:pt x="214" y="31"/>
                    <a:pt x="214" y="31"/>
                    <a:pt x="214" y="30"/>
                  </a:cubicBezTo>
                  <a:cubicBezTo>
                    <a:pt x="213" y="29"/>
                    <a:pt x="214" y="27"/>
                    <a:pt x="213" y="27"/>
                  </a:cubicBezTo>
                  <a:cubicBezTo>
                    <a:pt x="213" y="27"/>
                    <a:pt x="211" y="28"/>
                    <a:pt x="210" y="29"/>
                  </a:cubicBezTo>
                  <a:cubicBezTo>
                    <a:pt x="208" y="30"/>
                    <a:pt x="206" y="30"/>
                    <a:pt x="206" y="29"/>
                  </a:cubicBezTo>
                  <a:cubicBezTo>
                    <a:pt x="206" y="29"/>
                    <a:pt x="206" y="26"/>
                    <a:pt x="206" y="26"/>
                  </a:cubicBezTo>
                  <a:cubicBezTo>
                    <a:pt x="206" y="26"/>
                    <a:pt x="202" y="28"/>
                    <a:pt x="202" y="27"/>
                  </a:cubicBezTo>
                  <a:cubicBezTo>
                    <a:pt x="201" y="25"/>
                    <a:pt x="201" y="24"/>
                    <a:pt x="202" y="23"/>
                  </a:cubicBezTo>
                  <a:cubicBezTo>
                    <a:pt x="202" y="23"/>
                    <a:pt x="202" y="23"/>
                    <a:pt x="201" y="23"/>
                  </a:cubicBezTo>
                  <a:cubicBezTo>
                    <a:pt x="200" y="23"/>
                    <a:pt x="200" y="24"/>
                    <a:pt x="203" y="22"/>
                  </a:cubicBezTo>
                  <a:cubicBezTo>
                    <a:pt x="205" y="21"/>
                    <a:pt x="206" y="20"/>
                    <a:pt x="207" y="20"/>
                  </a:cubicBezTo>
                  <a:cubicBezTo>
                    <a:pt x="204" y="19"/>
                    <a:pt x="201" y="19"/>
                    <a:pt x="201" y="19"/>
                  </a:cubicBezTo>
                  <a:cubicBezTo>
                    <a:pt x="200" y="20"/>
                    <a:pt x="197" y="21"/>
                    <a:pt x="196" y="20"/>
                  </a:cubicBezTo>
                  <a:cubicBezTo>
                    <a:pt x="194" y="20"/>
                    <a:pt x="195" y="19"/>
                    <a:pt x="192" y="20"/>
                  </a:cubicBezTo>
                  <a:cubicBezTo>
                    <a:pt x="191" y="20"/>
                    <a:pt x="190" y="20"/>
                    <a:pt x="190" y="20"/>
                  </a:cubicBezTo>
                  <a:cubicBezTo>
                    <a:pt x="189" y="20"/>
                    <a:pt x="188" y="19"/>
                    <a:pt x="186" y="22"/>
                  </a:cubicBezTo>
                  <a:cubicBezTo>
                    <a:pt x="182" y="25"/>
                    <a:pt x="182" y="25"/>
                    <a:pt x="182" y="25"/>
                  </a:cubicBezTo>
                  <a:cubicBezTo>
                    <a:pt x="182" y="25"/>
                    <a:pt x="178" y="24"/>
                    <a:pt x="176" y="25"/>
                  </a:cubicBezTo>
                  <a:cubicBezTo>
                    <a:pt x="175" y="25"/>
                    <a:pt x="174" y="24"/>
                    <a:pt x="171" y="24"/>
                  </a:cubicBezTo>
                  <a:cubicBezTo>
                    <a:pt x="169" y="23"/>
                    <a:pt x="170" y="22"/>
                    <a:pt x="168" y="21"/>
                  </a:cubicBezTo>
                  <a:cubicBezTo>
                    <a:pt x="166" y="21"/>
                    <a:pt x="167" y="19"/>
                    <a:pt x="165" y="19"/>
                  </a:cubicBezTo>
                  <a:cubicBezTo>
                    <a:pt x="163" y="20"/>
                    <a:pt x="163" y="20"/>
                    <a:pt x="160" y="20"/>
                  </a:cubicBezTo>
                  <a:cubicBezTo>
                    <a:pt x="158" y="20"/>
                    <a:pt x="162" y="19"/>
                    <a:pt x="156" y="20"/>
                  </a:cubicBezTo>
                  <a:cubicBezTo>
                    <a:pt x="150" y="22"/>
                    <a:pt x="152" y="24"/>
                    <a:pt x="148" y="22"/>
                  </a:cubicBezTo>
                  <a:cubicBezTo>
                    <a:pt x="145" y="20"/>
                    <a:pt x="147" y="21"/>
                    <a:pt x="145" y="20"/>
                  </a:cubicBezTo>
                  <a:cubicBezTo>
                    <a:pt x="145" y="20"/>
                    <a:pt x="144" y="21"/>
                    <a:pt x="144" y="21"/>
                  </a:cubicBezTo>
                  <a:cubicBezTo>
                    <a:pt x="144" y="20"/>
                    <a:pt x="144" y="20"/>
                    <a:pt x="144" y="20"/>
                  </a:cubicBezTo>
                  <a:cubicBezTo>
                    <a:pt x="143" y="19"/>
                    <a:pt x="141" y="16"/>
                    <a:pt x="141" y="16"/>
                  </a:cubicBezTo>
                  <a:cubicBezTo>
                    <a:pt x="141" y="16"/>
                    <a:pt x="142" y="13"/>
                    <a:pt x="140" y="13"/>
                  </a:cubicBezTo>
                  <a:cubicBezTo>
                    <a:pt x="138" y="13"/>
                    <a:pt x="135" y="12"/>
                    <a:pt x="133" y="12"/>
                  </a:cubicBezTo>
                  <a:cubicBezTo>
                    <a:pt x="131" y="12"/>
                    <a:pt x="130" y="11"/>
                    <a:pt x="129" y="11"/>
                  </a:cubicBezTo>
                  <a:cubicBezTo>
                    <a:pt x="128" y="10"/>
                    <a:pt x="129" y="9"/>
                    <a:pt x="128" y="8"/>
                  </a:cubicBezTo>
                  <a:cubicBezTo>
                    <a:pt x="127" y="6"/>
                    <a:pt x="129" y="4"/>
                    <a:pt x="126" y="4"/>
                  </a:cubicBezTo>
                  <a:cubicBezTo>
                    <a:pt x="124" y="3"/>
                    <a:pt x="124" y="1"/>
                    <a:pt x="122" y="3"/>
                  </a:cubicBezTo>
                  <a:cubicBezTo>
                    <a:pt x="120" y="6"/>
                    <a:pt x="119" y="8"/>
                    <a:pt x="119" y="9"/>
                  </a:cubicBezTo>
                  <a:cubicBezTo>
                    <a:pt x="118" y="11"/>
                    <a:pt x="121" y="10"/>
                    <a:pt x="118" y="12"/>
                  </a:cubicBezTo>
                  <a:cubicBezTo>
                    <a:pt x="115" y="14"/>
                    <a:pt x="114" y="13"/>
                    <a:pt x="111" y="15"/>
                  </a:cubicBezTo>
                  <a:cubicBezTo>
                    <a:pt x="108" y="16"/>
                    <a:pt x="108" y="16"/>
                    <a:pt x="107" y="18"/>
                  </a:cubicBezTo>
                  <a:cubicBezTo>
                    <a:pt x="107" y="19"/>
                    <a:pt x="107" y="19"/>
                    <a:pt x="107" y="21"/>
                  </a:cubicBezTo>
                  <a:cubicBezTo>
                    <a:pt x="107" y="23"/>
                    <a:pt x="111" y="23"/>
                    <a:pt x="111" y="26"/>
                  </a:cubicBezTo>
                  <a:cubicBezTo>
                    <a:pt x="111" y="29"/>
                    <a:pt x="112" y="27"/>
                    <a:pt x="112" y="31"/>
                  </a:cubicBezTo>
                  <a:cubicBezTo>
                    <a:pt x="112" y="35"/>
                    <a:pt x="115" y="35"/>
                    <a:pt x="112" y="37"/>
                  </a:cubicBezTo>
                  <a:cubicBezTo>
                    <a:pt x="109" y="39"/>
                    <a:pt x="108" y="38"/>
                    <a:pt x="107" y="37"/>
                  </a:cubicBezTo>
                  <a:cubicBezTo>
                    <a:pt x="105" y="37"/>
                    <a:pt x="103" y="32"/>
                    <a:pt x="102" y="31"/>
                  </a:cubicBezTo>
                  <a:cubicBezTo>
                    <a:pt x="102" y="29"/>
                    <a:pt x="100" y="30"/>
                    <a:pt x="103" y="26"/>
                  </a:cubicBezTo>
                  <a:cubicBezTo>
                    <a:pt x="107" y="21"/>
                    <a:pt x="104" y="14"/>
                    <a:pt x="104" y="13"/>
                  </a:cubicBezTo>
                  <a:cubicBezTo>
                    <a:pt x="104" y="12"/>
                    <a:pt x="102" y="13"/>
                    <a:pt x="102" y="11"/>
                  </a:cubicBezTo>
                  <a:cubicBezTo>
                    <a:pt x="102" y="11"/>
                    <a:pt x="102" y="11"/>
                    <a:pt x="102" y="11"/>
                  </a:cubicBezTo>
                  <a:cubicBezTo>
                    <a:pt x="103" y="9"/>
                    <a:pt x="102" y="8"/>
                    <a:pt x="104" y="8"/>
                  </a:cubicBezTo>
                  <a:cubicBezTo>
                    <a:pt x="106" y="8"/>
                    <a:pt x="108" y="9"/>
                    <a:pt x="109" y="8"/>
                  </a:cubicBezTo>
                  <a:cubicBezTo>
                    <a:pt x="110" y="7"/>
                    <a:pt x="113" y="5"/>
                    <a:pt x="112" y="4"/>
                  </a:cubicBezTo>
                  <a:cubicBezTo>
                    <a:pt x="111" y="3"/>
                    <a:pt x="113" y="5"/>
                    <a:pt x="113" y="5"/>
                  </a:cubicBezTo>
                  <a:cubicBezTo>
                    <a:pt x="113" y="5"/>
                    <a:pt x="114" y="6"/>
                    <a:pt x="114" y="5"/>
                  </a:cubicBezTo>
                  <a:cubicBezTo>
                    <a:pt x="115" y="5"/>
                    <a:pt x="115" y="5"/>
                    <a:pt x="114" y="3"/>
                  </a:cubicBezTo>
                  <a:cubicBezTo>
                    <a:pt x="114" y="2"/>
                    <a:pt x="115" y="0"/>
                    <a:pt x="112" y="0"/>
                  </a:cubicBezTo>
                  <a:cubicBezTo>
                    <a:pt x="110" y="0"/>
                    <a:pt x="110" y="0"/>
                    <a:pt x="107" y="0"/>
                  </a:cubicBezTo>
                  <a:cubicBezTo>
                    <a:pt x="105" y="0"/>
                    <a:pt x="104" y="0"/>
                    <a:pt x="102" y="2"/>
                  </a:cubicBezTo>
                  <a:cubicBezTo>
                    <a:pt x="100" y="3"/>
                    <a:pt x="98" y="4"/>
                    <a:pt x="98" y="6"/>
                  </a:cubicBezTo>
                  <a:cubicBezTo>
                    <a:pt x="97" y="7"/>
                    <a:pt x="98" y="7"/>
                    <a:pt x="95" y="9"/>
                  </a:cubicBezTo>
                  <a:cubicBezTo>
                    <a:pt x="92" y="10"/>
                    <a:pt x="93" y="10"/>
                    <a:pt x="91" y="11"/>
                  </a:cubicBezTo>
                  <a:cubicBezTo>
                    <a:pt x="88" y="13"/>
                    <a:pt x="91" y="13"/>
                    <a:pt x="88" y="13"/>
                  </a:cubicBezTo>
                  <a:cubicBezTo>
                    <a:pt x="86" y="13"/>
                    <a:pt x="89" y="14"/>
                    <a:pt x="86" y="13"/>
                  </a:cubicBezTo>
                  <a:cubicBezTo>
                    <a:pt x="83" y="13"/>
                    <a:pt x="83" y="11"/>
                    <a:pt x="81" y="12"/>
                  </a:cubicBezTo>
                  <a:cubicBezTo>
                    <a:pt x="80" y="13"/>
                    <a:pt x="80" y="12"/>
                    <a:pt x="80" y="12"/>
                  </a:cubicBezTo>
                  <a:cubicBezTo>
                    <a:pt x="81" y="11"/>
                    <a:pt x="82" y="10"/>
                    <a:pt x="79" y="13"/>
                  </a:cubicBezTo>
                  <a:cubicBezTo>
                    <a:pt x="75" y="17"/>
                    <a:pt x="77" y="16"/>
                    <a:pt x="76" y="16"/>
                  </a:cubicBezTo>
                  <a:cubicBezTo>
                    <a:pt x="75" y="16"/>
                    <a:pt x="75" y="16"/>
                    <a:pt x="74" y="16"/>
                  </a:cubicBezTo>
                  <a:cubicBezTo>
                    <a:pt x="70" y="16"/>
                    <a:pt x="69" y="16"/>
                    <a:pt x="67" y="17"/>
                  </a:cubicBezTo>
                  <a:cubicBezTo>
                    <a:pt x="66" y="18"/>
                    <a:pt x="65" y="20"/>
                    <a:pt x="64" y="21"/>
                  </a:cubicBezTo>
                  <a:cubicBezTo>
                    <a:pt x="62" y="23"/>
                    <a:pt x="63" y="20"/>
                    <a:pt x="63" y="24"/>
                  </a:cubicBezTo>
                  <a:cubicBezTo>
                    <a:pt x="62" y="28"/>
                    <a:pt x="63" y="31"/>
                    <a:pt x="62" y="33"/>
                  </a:cubicBezTo>
                  <a:cubicBezTo>
                    <a:pt x="60" y="34"/>
                    <a:pt x="61" y="34"/>
                    <a:pt x="59" y="34"/>
                  </a:cubicBezTo>
                  <a:cubicBezTo>
                    <a:pt x="58" y="34"/>
                    <a:pt x="57" y="33"/>
                    <a:pt x="56" y="35"/>
                  </a:cubicBezTo>
                  <a:cubicBezTo>
                    <a:pt x="54" y="38"/>
                    <a:pt x="53" y="41"/>
                    <a:pt x="51" y="42"/>
                  </a:cubicBezTo>
                  <a:cubicBezTo>
                    <a:pt x="50" y="43"/>
                    <a:pt x="50" y="42"/>
                    <a:pt x="49" y="44"/>
                  </a:cubicBezTo>
                  <a:cubicBezTo>
                    <a:pt x="48" y="46"/>
                    <a:pt x="48" y="46"/>
                    <a:pt x="48" y="47"/>
                  </a:cubicBezTo>
                  <a:cubicBezTo>
                    <a:pt x="47" y="48"/>
                    <a:pt x="47" y="48"/>
                    <a:pt x="47" y="48"/>
                  </a:cubicBezTo>
                  <a:cubicBezTo>
                    <a:pt x="46" y="50"/>
                    <a:pt x="44" y="53"/>
                    <a:pt x="41" y="52"/>
                  </a:cubicBezTo>
                  <a:cubicBezTo>
                    <a:pt x="42" y="55"/>
                    <a:pt x="40" y="56"/>
                    <a:pt x="38" y="58"/>
                  </a:cubicBezTo>
                  <a:cubicBezTo>
                    <a:pt x="39" y="59"/>
                    <a:pt x="40" y="59"/>
                    <a:pt x="40" y="59"/>
                  </a:cubicBezTo>
                  <a:cubicBezTo>
                    <a:pt x="40" y="59"/>
                    <a:pt x="39" y="60"/>
                    <a:pt x="39" y="61"/>
                  </a:cubicBezTo>
                  <a:cubicBezTo>
                    <a:pt x="39" y="61"/>
                    <a:pt x="40" y="61"/>
                    <a:pt x="40" y="62"/>
                  </a:cubicBezTo>
                  <a:cubicBezTo>
                    <a:pt x="41" y="64"/>
                    <a:pt x="42" y="64"/>
                    <a:pt x="42" y="65"/>
                  </a:cubicBezTo>
                  <a:cubicBezTo>
                    <a:pt x="42" y="66"/>
                    <a:pt x="43" y="66"/>
                    <a:pt x="43" y="67"/>
                  </a:cubicBezTo>
                  <a:cubicBezTo>
                    <a:pt x="42" y="69"/>
                    <a:pt x="42" y="70"/>
                    <a:pt x="42" y="70"/>
                  </a:cubicBezTo>
                  <a:cubicBezTo>
                    <a:pt x="42" y="71"/>
                    <a:pt x="43" y="74"/>
                    <a:pt x="43" y="75"/>
                  </a:cubicBezTo>
                  <a:cubicBezTo>
                    <a:pt x="43" y="76"/>
                    <a:pt x="41" y="77"/>
                    <a:pt x="42" y="78"/>
                  </a:cubicBezTo>
                  <a:cubicBezTo>
                    <a:pt x="42" y="80"/>
                    <a:pt x="42" y="79"/>
                    <a:pt x="43" y="80"/>
                  </a:cubicBezTo>
                  <a:cubicBezTo>
                    <a:pt x="43" y="82"/>
                    <a:pt x="44" y="83"/>
                    <a:pt x="44" y="84"/>
                  </a:cubicBezTo>
                  <a:cubicBezTo>
                    <a:pt x="44" y="85"/>
                    <a:pt x="44" y="86"/>
                    <a:pt x="44" y="87"/>
                  </a:cubicBezTo>
                  <a:cubicBezTo>
                    <a:pt x="44" y="89"/>
                    <a:pt x="44" y="90"/>
                    <a:pt x="44" y="91"/>
                  </a:cubicBezTo>
                  <a:cubicBezTo>
                    <a:pt x="43" y="92"/>
                    <a:pt x="44" y="95"/>
                    <a:pt x="44" y="96"/>
                  </a:cubicBezTo>
                  <a:cubicBezTo>
                    <a:pt x="45" y="96"/>
                    <a:pt x="45" y="96"/>
                    <a:pt x="45" y="96"/>
                  </a:cubicBezTo>
                  <a:cubicBezTo>
                    <a:pt x="45" y="96"/>
                    <a:pt x="45" y="96"/>
                    <a:pt x="45" y="97"/>
                  </a:cubicBezTo>
                  <a:cubicBezTo>
                    <a:pt x="44" y="99"/>
                    <a:pt x="43" y="99"/>
                    <a:pt x="42" y="100"/>
                  </a:cubicBezTo>
                  <a:cubicBezTo>
                    <a:pt x="41" y="101"/>
                    <a:pt x="42" y="102"/>
                    <a:pt x="41" y="103"/>
                  </a:cubicBezTo>
                  <a:cubicBezTo>
                    <a:pt x="40" y="104"/>
                    <a:pt x="40" y="104"/>
                    <a:pt x="40" y="105"/>
                  </a:cubicBezTo>
                  <a:cubicBezTo>
                    <a:pt x="39" y="106"/>
                    <a:pt x="39" y="106"/>
                    <a:pt x="38" y="107"/>
                  </a:cubicBezTo>
                  <a:cubicBezTo>
                    <a:pt x="38" y="107"/>
                    <a:pt x="38" y="107"/>
                    <a:pt x="38" y="107"/>
                  </a:cubicBezTo>
                  <a:cubicBezTo>
                    <a:pt x="37" y="107"/>
                    <a:pt x="38" y="107"/>
                    <a:pt x="37" y="107"/>
                  </a:cubicBezTo>
                  <a:cubicBezTo>
                    <a:pt x="36" y="109"/>
                    <a:pt x="38" y="107"/>
                    <a:pt x="36" y="109"/>
                  </a:cubicBezTo>
                  <a:cubicBezTo>
                    <a:pt x="35" y="109"/>
                    <a:pt x="34" y="109"/>
                    <a:pt x="34" y="109"/>
                  </a:cubicBezTo>
                  <a:cubicBezTo>
                    <a:pt x="33" y="109"/>
                    <a:pt x="33" y="109"/>
                    <a:pt x="32" y="110"/>
                  </a:cubicBezTo>
                  <a:cubicBezTo>
                    <a:pt x="32" y="110"/>
                    <a:pt x="32" y="110"/>
                    <a:pt x="31" y="110"/>
                  </a:cubicBezTo>
                  <a:cubicBezTo>
                    <a:pt x="30" y="110"/>
                    <a:pt x="28" y="111"/>
                    <a:pt x="28" y="113"/>
                  </a:cubicBezTo>
                  <a:cubicBezTo>
                    <a:pt x="28" y="114"/>
                    <a:pt x="28" y="115"/>
                    <a:pt x="27" y="116"/>
                  </a:cubicBezTo>
                  <a:cubicBezTo>
                    <a:pt x="27" y="117"/>
                    <a:pt x="27" y="117"/>
                    <a:pt x="27" y="117"/>
                  </a:cubicBezTo>
                  <a:cubicBezTo>
                    <a:pt x="27" y="117"/>
                    <a:pt x="27" y="117"/>
                    <a:pt x="27" y="117"/>
                  </a:cubicBezTo>
                  <a:cubicBezTo>
                    <a:pt x="26" y="117"/>
                    <a:pt x="26" y="119"/>
                    <a:pt x="26" y="119"/>
                  </a:cubicBezTo>
                  <a:cubicBezTo>
                    <a:pt x="26" y="119"/>
                    <a:pt x="25" y="120"/>
                    <a:pt x="25" y="121"/>
                  </a:cubicBezTo>
                  <a:cubicBezTo>
                    <a:pt x="25" y="121"/>
                    <a:pt x="25" y="121"/>
                    <a:pt x="25" y="121"/>
                  </a:cubicBezTo>
                  <a:cubicBezTo>
                    <a:pt x="25" y="122"/>
                    <a:pt x="26" y="123"/>
                    <a:pt x="26" y="124"/>
                  </a:cubicBezTo>
                  <a:cubicBezTo>
                    <a:pt x="26" y="125"/>
                    <a:pt x="25" y="125"/>
                    <a:pt x="24" y="125"/>
                  </a:cubicBezTo>
                  <a:cubicBezTo>
                    <a:pt x="23" y="125"/>
                    <a:pt x="22" y="124"/>
                    <a:pt x="21" y="125"/>
                  </a:cubicBezTo>
                  <a:cubicBezTo>
                    <a:pt x="21" y="125"/>
                    <a:pt x="18" y="126"/>
                    <a:pt x="18" y="126"/>
                  </a:cubicBezTo>
                  <a:cubicBezTo>
                    <a:pt x="18" y="127"/>
                    <a:pt x="18" y="127"/>
                    <a:pt x="17" y="127"/>
                  </a:cubicBezTo>
                  <a:cubicBezTo>
                    <a:pt x="16" y="128"/>
                    <a:pt x="15" y="127"/>
                    <a:pt x="14" y="128"/>
                  </a:cubicBezTo>
                  <a:cubicBezTo>
                    <a:pt x="14" y="128"/>
                    <a:pt x="14" y="128"/>
                    <a:pt x="14" y="128"/>
                  </a:cubicBezTo>
                  <a:cubicBezTo>
                    <a:pt x="13" y="128"/>
                    <a:pt x="13" y="127"/>
                    <a:pt x="13" y="128"/>
                  </a:cubicBezTo>
                  <a:cubicBezTo>
                    <a:pt x="12" y="129"/>
                    <a:pt x="11" y="128"/>
                    <a:pt x="11" y="129"/>
                  </a:cubicBezTo>
                  <a:cubicBezTo>
                    <a:pt x="11" y="131"/>
                    <a:pt x="11" y="131"/>
                    <a:pt x="12" y="132"/>
                  </a:cubicBezTo>
                  <a:cubicBezTo>
                    <a:pt x="12" y="133"/>
                    <a:pt x="12" y="134"/>
                    <a:pt x="12" y="134"/>
                  </a:cubicBezTo>
                  <a:cubicBezTo>
                    <a:pt x="13" y="135"/>
                    <a:pt x="13" y="134"/>
                    <a:pt x="13" y="136"/>
                  </a:cubicBezTo>
                  <a:cubicBezTo>
                    <a:pt x="13" y="136"/>
                    <a:pt x="13" y="136"/>
                    <a:pt x="13" y="136"/>
                  </a:cubicBezTo>
                  <a:cubicBezTo>
                    <a:pt x="13" y="136"/>
                    <a:pt x="13" y="136"/>
                    <a:pt x="12" y="137"/>
                  </a:cubicBezTo>
                  <a:cubicBezTo>
                    <a:pt x="10" y="139"/>
                    <a:pt x="9" y="139"/>
                    <a:pt x="9" y="140"/>
                  </a:cubicBezTo>
                  <a:cubicBezTo>
                    <a:pt x="9" y="141"/>
                    <a:pt x="9" y="140"/>
                    <a:pt x="9" y="142"/>
                  </a:cubicBezTo>
                  <a:cubicBezTo>
                    <a:pt x="9" y="143"/>
                    <a:pt x="9" y="143"/>
                    <a:pt x="9" y="144"/>
                  </a:cubicBezTo>
                  <a:cubicBezTo>
                    <a:pt x="9" y="145"/>
                    <a:pt x="9" y="148"/>
                    <a:pt x="9" y="149"/>
                  </a:cubicBezTo>
                  <a:cubicBezTo>
                    <a:pt x="8" y="149"/>
                    <a:pt x="7" y="150"/>
                    <a:pt x="6" y="152"/>
                  </a:cubicBezTo>
                  <a:cubicBezTo>
                    <a:pt x="5" y="153"/>
                    <a:pt x="5" y="152"/>
                    <a:pt x="5" y="154"/>
                  </a:cubicBezTo>
                  <a:cubicBezTo>
                    <a:pt x="5" y="155"/>
                    <a:pt x="7" y="155"/>
                    <a:pt x="6" y="156"/>
                  </a:cubicBezTo>
                  <a:cubicBezTo>
                    <a:pt x="5" y="157"/>
                    <a:pt x="5" y="157"/>
                    <a:pt x="5" y="157"/>
                  </a:cubicBezTo>
                  <a:cubicBezTo>
                    <a:pt x="5" y="157"/>
                    <a:pt x="5" y="157"/>
                    <a:pt x="5" y="157"/>
                  </a:cubicBezTo>
                  <a:cubicBezTo>
                    <a:pt x="6" y="159"/>
                    <a:pt x="8" y="159"/>
                    <a:pt x="7" y="159"/>
                  </a:cubicBezTo>
                  <a:cubicBezTo>
                    <a:pt x="7" y="160"/>
                    <a:pt x="7" y="160"/>
                    <a:pt x="6" y="161"/>
                  </a:cubicBezTo>
                  <a:cubicBezTo>
                    <a:pt x="6" y="161"/>
                    <a:pt x="6" y="162"/>
                    <a:pt x="7" y="163"/>
                  </a:cubicBezTo>
                  <a:cubicBezTo>
                    <a:pt x="8" y="163"/>
                    <a:pt x="10" y="163"/>
                    <a:pt x="10" y="165"/>
                  </a:cubicBezTo>
                  <a:cubicBezTo>
                    <a:pt x="10" y="166"/>
                    <a:pt x="11" y="167"/>
                    <a:pt x="11" y="167"/>
                  </a:cubicBezTo>
                  <a:cubicBezTo>
                    <a:pt x="11" y="167"/>
                    <a:pt x="13" y="168"/>
                    <a:pt x="13" y="167"/>
                  </a:cubicBezTo>
                  <a:cubicBezTo>
                    <a:pt x="14" y="166"/>
                    <a:pt x="14" y="165"/>
                    <a:pt x="15" y="164"/>
                  </a:cubicBezTo>
                  <a:cubicBezTo>
                    <a:pt x="15" y="163"/>
                    <a:pt x="16" y="160"/>
                    <a:pt x="17" y="160"/>
                  </a:cubicBezTo>
                  <a:cubicBezTo>
                    <a:pt x="17" y="162"/>
                    <a:pt x="16" y="166"/>
                    <a:pt x="16" y="166"/>
                  </a:cubicBezTo>
                  <a:cubicBezTo>
                    <a:pt x="16" y="166"/>
                    <a:pt x="17" y="166"/>
                    <a:pt x="16" y="168"/>
                  </a:cubicBezTo>
                  <a:cubicBezTo>
                    <a:pt x="15" y="170"/>
                    <a:pt x="12" y="172"/>
                    <a:pt x="12" y="172"/>
                  </a:cubicBezTo>
                  <a:cubicBezTo>
                    <a:pt x="12" y="172"/>
                    <a:pt x="12" y="172"/>
                    <a:pt x="12" y="172"/>
                  </a:cubicBezTo>
                  <a:cubicBezTo>
                    <a:pt x="12" y="172"/>
                    <a:pt x="11" y="173"/>
                    <a:pt x="10" y="173"/>
                  </a:cubicBezTo>
                  <a:cubicBezTo>
                    <a:pt x="10" y="174"/>
                    <a:pt x="8" y="174"/>
                    <a:pt x="7" y="175"/>
                  </a:cubicBezTo>
                  <a:cubicBezTo>
                    <a:pt x="7" y="175"/>
                    <a:pt x="7" y="175"/>
                    <a:pt x="7" y="175"/>
                  </a:cubicBezTo>
                  <a:cubicBezTo>
                    <a:pt x="7" y="175"/>
                    <a:pt x="7" y="175"/>
                    <a:pt x="5" y="176"/>
                  </a:cubicBezTo>
                  <a:cubicBezTo>
                    <a:pt x="3" y="178"/>
                    <a:pt x="3" y="178"/>
                    <a:pt x="2" y="179"/>
                  </a:cubicBezTo>
                  <a:cubicBezTo>
                    <a:pt x="2" y="180"/>
                    <a:pt x="1" y="183"/>
                    <a:pt x="1" y="184"/>
                  </a:cubicBezTo>
                  <a:cubicBezTo>
                    <a:pt x="0" y="184"/>
                    <a:pt x="0" y="185"/>
                    <a:pt x="0" y="187"/>
                  </a:cubicBezTo>
                  <a:cubicBezTo>
                    <a:pt x="0" y="188"/>
                    <a:pt x="0" y="186"/>
                    <a:pt x="0" y="189"/>
                  </a:cubicBezTo>
                  <a:cubicBezTo>
                    <a:pt x="0" y="191"/>
                    <a:pt x="0" y="190"/>
                    <a:pt x="0" y="192"/>
                  </a:cubicBezTo>
                  <a:cubicBezTo>
                    <a:pt x="1" y="193"/>
                    <a:pt x="1" y="193"/>
                    <a:pt x="2" y="194"/>
                  </a:cubicBezTo>
                  <a:cubicBezTo>
                    <a:pt x="3" y="195"/>
                    <a:pt x="4" y="194"/>
                    <a:pt x="4" y="196"/>
                  </a:cubicBezTo>
                  <a:cubicBezTo>
                    <a:pt x="5" y="198"/>
                    <a:pt x="5" y="197"/>
                    <a:pt x="5" y="199"/>
                  </a:cubicBezTo>
                  <a:cubicBezTo>
                    <a:pt x="5" y="200"/>
                    <a:pt x="6" y="200"/>
                    <a:pt x="4" y="201"/>
                  </a:cubicBezTo>
                  <a:cubicBezTo>
                    <a:pt x="4" y="201"/>
                    <a:pt x="3" y="201"/>
                    <a:pt x="3" y="201"/>
                  </a:cubicBezTo>
                  <a:cubicBezTo>
                    <a:pt x="3" y="201"/>
                    <a:pt x="3" y="201"/>
                    <a:pt x="3" y="202"/>
                  </a:cubicBezTo>
                  <a:cubicBezTo>
                    <a:pt x="3" y="203"/>
                    <a:pt x="3" y="202"/>
                    <a:pt x="3" y="203"/>
                  </a:cubicBezTo>
                  <a:cubicBezTo>
                    <a:pt x="3" y="204"/>
                    <a:pt x="4" y="204"/>
                    <a:pt x="5" y="206"/>
                  </a:cubicBezTo>
                  <a:cubicBezTo>
                    <a:pt x="7" y="208"/>
                    <a:pt x="9" y="208"/>
                    <a:pt x="10" y="208"/>
                  </a:cubicBezTo>
                  <a:cubicBezTo>
                    <a:pt x="10" y="208"/>
                    <a:pt x="10" y="208"/>
                    <a:pt x="11" y="208"/>
                  </a:cubicBezTo>
                  <a:cubicBezTo>
                    <a:pt x="12" y="208"/>
                    <a:pt x="13" y="208"/>
                    <a:pt x="13" y="209"/>
                  </a:cubicBezTo>
                  <a:cubicBezTo>
                    <a:pt x="13" y="210"/>
                    <a:pt x="15" y="211"/>
                    <a:pt x="15" y="212"/>
                  </a:cubicBezTo>
                  <a:cubicBezTo>
                    <a:pt x="16" y="212"/>
                    <a:pt x="18" y="213"/>
                    <a:pt x="18" y="214"/>
                  </a:cubicBezTo>
                  <a:cubicBezTo>
                    <a:pt x="18" y="215"/>
                    <a:pt x="18" y="216"/>
                    <a:pt x="18" y="216"/>
                  </a:cubicBezTo>
                  <a:cubicBezTo>
                    <a:pt x="18" y="217"/>
                    <a:pt x="20" y="219"/>
                    <a:pt x="20" y="219"/>
                  </a:cubicBezTo>
                  <a:cubicBezTo>
                    <a:pt x="20" y="220"/>
                    <a:pt x="21" y="220"/>
                    <a:pt x="21" y="222"/>
                  </a:cubicBezTo>
                  <a:cubicBezTo>
                    <a:pt x="21" y="223"/>
                    <a:pt x="24" y="226"/>
                    <a:pt x="24" y="227"/>
                  </a:cubicBezTo>
                  <a:cubicBezTo>
                    <a:pt x="24" y="227"/>
                    <a:pt x="24" y="227"/>
                    <a:pt x="25" y="228"/>
                  </a:cubicBezTo>
                  <a:cubicBezTo>
                    <a:pt x="25" y="229"/>
                    <a:pt x="26" y="230"/>
                    <a:pt x="26" y="231"/>
                  </a:cubicBezTo>
                  <a:cubicBezTo>
                    <a:pt x="26" y="232"/>
                    <a:pt x="27" y="232"/>
                    <a:pt x="27" y="233"/>
                  </a:cubicBezTo>
                  <a:cubicBezTo>
                    <a:pt x="28" y="233"/>
                    <a:pt x="28" y="233"/>
                    <a:pt x="29" y="234"/>
                  </a:cubicBezTo>
                  <a:cubicBezTo>
                    <a:pt x="29" y="234"/>
                    <a:pt x="30" y="234"/>
                    <a:pt x="30" y="235"/>
                  </a:cubicBezTo>
                  <a:cubicBezTo>
                    <a:pt x="31" y="236"/>
                    <a:pt x="32" y="236"/>
                    <a:pt x="32" y="237"/>
                  </a:cubicBezTo>
                  <a:cubicBezTo>
                    <a:pt x="32" y="239"/>
                    <a:pt x="33" y="240"/>
                    <a:pt x="33" y="241"/>
                  </a:cubicBezTo>
                  <a:cubicBezTo>
                    <a:pt x="33" y="243"/>
                    <a:pt x="34" y="243"/>
                    <a:pt x="35" y="246"/>
                  </a:cubicBezTo>
                  <a:cubicBezTo>
                    <a:pt x="36" y="249"/>
                    <a:pt x="37" y="251"/>
                    <a:pt x="37" y="253"/>
                  </a:cubicBezTo>
                  <a:cubicBezTo>
                    <a:pt x="38" y="254"/>
                    <a:pt x="38" y="253"/>
                    <a:pt x="38" y="254"/>
                  </a:cubicBezTo>
                  <a:cubicBezTo>
                    <a:pt x="39" y="255"/>
                    <a:pt x="41" y="258"/>
                    <a:pt x="41" y="260"/>
                  </a:cubicBezTo>
                  <a:cubicBezTo>
                    <a:pt x="42" y="261"/>
                    <a:pt x="44" y="260"/>
                    <a:pt x="44" y="262"/>
                  </a:cubicBezTo>
                  <a:cubicBezTo>
                    <a:pt x="44" y="263"/>
                    <a:pt x="45" y="265"/>
                    <a:pt x="45" y="266"/>
                  </a:cubicBezTo>
                  <a:cubicBezTo>
                    <a:pt x="46" y="267"/>
                    <a:pt x="47" y="269"/>
                    <a:pt x="47" y="269"/>
                  </a:cubicBezTo>
                  <a:cubicBezTo>
                    <a:pt x="48" y="270"/>
                    <a:pt x="48" y="269"/>
                    <a:pt x="49" y="272"/>
                  </a:cubicBezTo>
                  <a:cubicBezTo>
                    <a:pt x="50" y="274"/>
                    <a:pt x="49" y="274"/>
                    <a:pt x="51" y="276"/>
                  </a:cubicBezTo>
                  <a:cubicBezTo>
                    <a:pt x="52" y="278"/>
                    <a:pt x="54" y="277"/>
                    <a:pt x="54" y="279"/>
                  </a:cubicBezTo>
                  <a:cubicBezTo>
                    <a:pt x="54" y="281"/>
                    <a:pt x="55" y="282"/>
                    <a:pt x="55" y="283"/>
                  </a:cubicBezTo>
                  <a:cubicBezTo>
                    <a:pt x="55" y="284"/>
                    <a:pt x="56" y="283"/>
                    <a:pt x="56" y="285"/>
                  </a:cubicBezTo>
                  <a:cubicBezTo>
                    <a:pt x="55" y="287"/>
                    <a:pt x="55" y="287"/>
                    <a:pt x="55" y="289"/>
                  </a:cubicBezTo>
                  <a:cubicBezTo>
                    <a:pt x="55" y="290"/>
                    <a:pt x="54" y="289"/>
                    <a:pt x="55" y="291"/>
                  </a:cubicBezTo>
                  <a:cubicBezTo>
                    <a:pt x="55" y="292"/>
                    <a:pt x="56" y="292"/>
                    <a:pt x="57" y="293"/>
                  </a:cubicBezTo>
                  <a:cubicBezTo>
                    <a:pt x="61" y="296"/>
                    <a:pt x="61" y="296"/>
                    <a:pt x="61" y="296"/>
                  </a:cubicBezTo>
                  <a:cubicBezTo>
                    <a:pt x="61" y="296"/>
                    <a:pt x="61" y="298"/>
                    <a:pt x="62" y="300"/>
                  </a:cubicBezTo>
                  <a:cubicBezTo>
                    <a:pt x="63" y="301"/>
                    <a:pt x="63" y="300"/>
                    <a:pt x="64" y="301"/>
                  </a:cubicBezTo>
                  <a:cubicBezTo>
                    <a:pt x="64" y="303"/>
                    <a:pt x="68" y="302"/>
                    <a:pt x="68" y="303"/>
                  </a:cubicBezTo>
                  <a:cubicBezTo>
                    <a:pt x="68" y="304"/>
                    <a:pt x="70" y="305"/>
                    <a:pt x="70" y="306"/>
                  </a:cubicBezTo>
                  <a:cubicBezTo>
                    <a:pt x="70" y="306"/>
                    <a:pt x="71" y="307"/>
                    <a:pt x="72" y="308"/>
                  </a:cubicBezTo>
                  <a:cubicBezTo>
                    <a:pt x="75" y="309"/>
                    <a:pt x="76" y="309"/>
                    <a:pt x="77" y="310"/>
                  </a:cubicBezTo>
                  <a:cubicBezTo>
                    <a:pt x="78" y="311"/>
                    <a:pt x="84" y="316"/>
                    <a:pt x="85" y="316"/>
                  </a:cubicBezTo>
                  <a:cubicBezTo>
                    <a:pt x="87" y="316"/>
                    <a:pt x="88" y="317"/>
                    <a:pt x="89" y="318"/>
                  </a:cubicBezTo>
                  <a:cubicBezTo>
                    <a:pt x="90" y="318"/>
                    <a:pt x="90" y="318"/>
                    <a:pt x="91" y="318"/>
                  </a:cubicBezTo>
                  <a:cubicBezTo>
                    <a:pt x="92" y="317"/>
                    <a:pt x="92" y="317"/>
                    <a:pt x="93" y="318"/>
                  </a:cubicBezTo>
                  <a:cubicBezTo>
                    <a:pt x="94" y="319"/>
                    <a:pt x="96" y="320"/>
                    <a:pt x="97" y="321"/>
                  </a:cubicBezTo>
                  <a:cubicBezTo>
                    <a:pt x="98" y="321"/>
                    <a:pt x="99" y="321"/>
                    <a:pt x="100" y="322"/>
                  </a:cubicBezTo>
                  <a:cubicBezTo>
                    <a:pt x="101" y="322"/>
                    <a:pt x="102" y="322"/>
                    <a:pt x="102" y="322"/>
                  </a:cubicBezTo>
                  <a:cubicBezTo>
                    <a:pt x="103" y="323"/>
                    <a:pt x="105" y="323"/>
                    <a:pt x="107" y="326"/>
                  </a:cubicBezTo>
                  <a:cubicBezTo>
                    <a:pt x="109" y="328"/>
                    <a:pt x="110" y="330"/>
                    <a:pt x="110" y="330"/>
                  </a:cubicBezTo>
                  <a:cubicBezTo>
                    <a:pt x="112" y="334"/>
                    <a:pt x="114" y="335"/>
                    <a:pt x="115" y="336"/>
                  </a:cubicBezTo>
                  <a:cubicBezTo>
                    <a:pt x="116" y="337"/>
                    <a:pt x="116" y="336"/>
                    <a:pt x="116" y="336"/>
                  </a:cubicBezTo>
                  <a:cubicBezTo>
                    <a:pt x="116" y="336"/>
                    <a:pt x="116" y="336"/>
                    <a:pt x="118" y="338"/>
                  </a:cubicBezTo>
                  <a:cubicBezTo>
                    <a:pt x="118" y="339"/>
                    <a:pt x="119" y="339"/>
                    <a:pt x="119" y="340"/>
                  </a:cubicBezTo>
                  <a:cubicBezTo>
                    <a:pt x="121" y="342"/>
                    <a:pt x="121" y="342"/>
                    <a:pt x="121" y="342"/>
                  </a:cubicBezTo>
                  <a:cubicBezTo>
                    <a:pt x="120" y="343"/>
                    <a:pt x="120" y="345"/>
                    <a:pt x="120" y="347"/>
                  </a:cubicBezTo>
                  <a:cubicBezTo>
                    <a:pt x="121" y="348"/>
                    <a:pt x="121" y="351"/>
                    <a:pt x="121" y="352"/>
                  </a:cubicBezTo>
                  <a:cubicBezTo>
                    <a:pt x="122" y="353"/>
                    <a:pt x="122" y="355"/>
                    <a:pt x="122" y="356"/>
                  </a:cubicBezTo>
                  <a:cubicBezTo>
                    <a:pt x="122" y="357"/>
                    <a:pt x="122" y="357"/>
                    <a:pt x="122" y="359"/>
                  </a:cubicBezTo>
                  <a:cubicBezTo>
                    <a:pt x="122" y="361"/>
                    <a:pt x="122" y="361"/>
                    <a:pt x="122" y="363"/>
                  </a:cubicBezTo>
                  <a:cubicBezTo>
                    <a:pt x="122" y="364"/>
                    <a:pt x="121" y="364"/>
                    <a:pt x="122" y="366"/>
                  </a:cubicBezTo>
                  <a:cubicBezTo>
                    <a:pt x="123" y="368"/>
                    <a:pt x="123" y="365"/>
                    <a:pt x="124" y="369"/>
                  </a:cubicBezTo>
                  <a:cubicBezTo>
                    <a:pt x="124" y="373"/>
                    <a:pt x="125" y="373"/>
                    <a:pt x="124" y="375"/>
                  </a:cubicBezTo>
                  <a:cubicBezTo>
                    <a:pt x="123" y="376"/>
                    <a:pt x="122" y="378"/>
                    <a:pt x="122" y="379"/>
                  </a:cubicBezTo>
                  <a:cubicBezTo>
                    <a:pt x="121" y="383"/>
                    <a:pt x="121" y="382"/>
                    <a:pt x="121" y="385"/>
                  </a:cubicBezTo>
                  <a:cubicBezTo>
                    <a:pt x="121" y="386"/>
                    <a:pt x="121" y="386"/>
                    <a:pt x="121" y="386"/>
                  </a:cubicBezTo>
                  <a:cubicBezTo>
                    <a:pt x="122" y="385"/>
                    <a:pt x="122" y="385"/>
                    <a:pt x="121" y="389"/>
                  </a:cubicBezTo>
                  <a:cubicBezTo>
                    <a:pt x="119" y="396"/>
                    <a:pt x="119" y="394"/>
                    <a:pt x="119" y="396"/>
                  </a:cubicBezTo>
                  <a:cubicBezTo>
                    <a:pt x="119" y="401"/>
                    <a:pt x="119" y="402"/>
                    <a:pt x="119" y="402"/>
                  </a:cubicBezTo>
                  <a:cubicBezTo>
                    <a:pt x="120" y="408"/>
                    <a:pt x="119" y="420"/>
                    <a:pt x="117" y="422"/>
                  </a:cubicBezTo>
                  <a:cubicBezTo>
                    <a:pt x="116" y="425"/>
                    <a:pt x="115" y="425"/>
                    <a:pt x="115" y="427"/>
                  </a:cubicBezTo>
                  <a:cubicBezTo>
                    <a:pt x="115" y="430"/>
                    <a:pt x="117" y="430"/>
                    <a:pt x="116" y="432"/>
                  </a:cubicBezTo>
                  <a:cubicBezTo>
                    <a:pt x="115" y="435"/>
                    <a:pt x="116" y="434"/>
                    <a:pt x="115" y="437"/>
                  </a:cubicBezTo>
                  <a:cubicBezTo>
                    <a:pt x="114" y="439"/>
                    <a:pt x="114" y="439"/>
                    <a:pt x="114" y="439"/>
                  </a:cubicBezTo>
                  <a:cubicBezTo>
                    <a:pt x="114" y="439"/>
                    <a:pt x="114" y="439"/>
                    <a:pt x="114" y="440"/>
                  </a:cubicBezTo>
                  <a:cubicBezTo>
                    <a:pt x="113" y="444"/>
                    <a:pt x="114" y="444"/>
                    <a:pt x="113" y="446"/>
                  </a:cubicBezTo>
                  <a:cubicBezTo>
                    <a:pt x="113" y="447"/>
                    <a:pt x="113" y="447"/>
                    <a:pt x="113" y="447"/>
                  </a:cubicBezTo>
                  <a:cubicBezTo>
                    <a:pt x="113" y="446"/>
                    <a:pt x="113" y="446"/>
                    <a:pt x="112" y="449"/>
                  </a:cubicBezTo>
                  <a:cubicBezTo>
                    <a:pt x="111" y="453"/>
                    <a:pt x="112" y="450"/>
                    <a:pt x="111" y="454"/>
                  </a:cubicBezTo>
                  <a:cubicBezTo>
                    <a:pt x="110" y="459"/>
                    <a:pt x="112" y="456"/>
                    <a:pt x="110" y="459"/>
                  </a:cubicBezTo>
                  <a:cubicBezTo>
                    <a:pt x="110" y="459"/>
                    <a:pt x="110" y="459"/>
                    <a:pt x="109" y="459"/>
                  </a:cubicBezTo>
                  <a:cubicBezTo>
                    <a:pt x="109" y="460"/>
                    <a:pt x="109" y="460"/>
                    <a:pt x="109" y="460"/>
                  </a:cubicBezTo>
                  <a:cubicBezTo>
                    <a:pt x="108" y="465"/>
                    <a:pt x="109" y="465"/>
                    <a:pt x="109" y="467"/>
                  </a:cubicBezTo>
                  <a:cubicBezTo>
                    <a:pt x="110" y="470"/>
                    <a:pt x="112" y="469"/>
                    <a:pt x="111" y="472"/>
                  </a:cubicBezTo>
                  <a:cubicBezTo>
                    <a:pt x="110" y="475"/>
                    <a:pt x="109" y="475"/>
                    <a:pt x="109" y="477"/>
                  </a:cubicBezTo>
                  <a:cubicBezTo>
                    <a:pt x="107" y="480"/>
                    <a:pt x="107" y="480"/>
                    <a:pt x="107" y="480"/>
                  </a:cubicBezTo>
                  <a:cubicBezTo>
                    <a:pt x="107" y="487"/>
                    <a:pt x="106" y="490"/>
                    <a:pt x="106" y="492"/>
                  </a:cubicBezTo>
                  <a:cubicBezTo>
                    <a:pt x="107" y="494"/>
                    <a:pt x="106" y="497"/>
                    <a:pt x="106" y="499"/>
                  </a:cubicBezTo>
                  <a:cubicBezTo>
                    <a:pt x="106" y="501"/>
                    <a:pt x="107" y="501"/>
                    <a:pt x="107" y="503"/>
                  </a:cubicBezTo>
                  <a:cubicBezTo>
                    <a:pt x="107" y="506"/>
                    <a:pt x="108" y="506"/>
                    <a:pt x="107" y="508"/>
                  </a:cubicBezTo>
                  <a:cubicBezTo>
                    <a:pt x="107" y="510"/>
                    <a:pt x="107" y="510"/>
                    <a:pt x="106" y="512"/>
                  </a:cubicBezTo>
                  <a:cubicBezTo>
                    <a:pt x="105" y="514"/>
                    <a:pt x="105" y="516"/>
                    <a:pt x="104" y="517"/>
                  </a:cubicBezTo>
                  <a:cubicBezTo>
                    <a:pt x="103" y="518"/>
                    <a:pt x="105" y="516"/>
                    <a:pt x="104" y="519"/>
                  </a:cubicBezTo>
                  <a:cubicBezTo>
                    <a:pt x="103" y="522"/>
                    <a:pt x="102" y="522"/>
                    <a:pt x="101" y="524"/>
                  </a:cubicBezTo>
                  <a:cubicBezTo>
                    <a:pt x="100" y="527"/>
                    <a:pt x="100" y="526"/>
                    <a:pt x="100" y="528"/>
                  </a:cubicBezTo>
                  <a:cubicBezTo>
                    <a:pt x="100" y="531"/>
                    <a:pt x="101" y="530"/>
                    <a:pt x="101" y="533"/>
                  </a:cubicBezTo>
                  <a:cubicBezTo>
                    <a:pt x="100" y="536"/>
                    <a:pt x="99" y="535"/>
                    <a:pt x="98" y="538"/>
                  </a:cubicBezTo>
                  <a:cubicBezTo>
                    <a:pt x="97" y="540"/>
                    <a:pt x="96" y="543"/>
                    <a:pt x="95" y="544"/>
                  </a:cubicBezTo>
                  <a:cubicBezTo>
                    <a:pt x="94" y="546"/>
                    <a:pt x="95" y="547"/>
                    <a:pt x="94" y="549"/>
                  </a:cubicBezTo>
                  <a:cubicBezTo>
                    <a:pt x="93" y="552"/>
                    <a:pt x="94" y="552"/>
                    <a:pt x="92" y="554"/>
                  </a:cubicBezTo>
                  <a:cubicBezTo>
                    <a:pt x="91" y="556"/>
                    <a:pt x="91" y="555"/>
                    <a:pt x="90" y="557"/>
                  </a:cubicBezTo>
                  <a:cubicBezTo>
                    <a:pt x="89" y="559"/>
                    <a:pt x="89" y="559"/>
                    <a:pt x="87" y="561"/>
                  </a:cubicBezTo>
                  <a:cubicBezTo>
                    <a:pt x="83" y="566"/>
                    <a:pt x="84" y="566"/>
                    <a:pt x="84" y="570"/>
                  </a:cubicBezTo>
                  <a:cubicBezTo>
                    <a:pt x="84" y="573"/>
                    <a:pt x="84" y="571"/>
                    <a:pt x="85" y="574"/>
                  </a:cubicBezTo>
                  <a:cubicBezTo>
                    <a:pt x="85" y="578"/>
                    <a:pt x="83" y="576"/>
                    <a:pt x="85" y="578"/>
                  </a:cubicBezTo>
                  <a:cubicBezTo>
                    <a:pt x="87" y="581"/>
                    <a:pt x="87" y="583"/>
                    <a:pt x="87" y="583"/>
                  </a:cubicBezTo>
                  <a:cubicBezTo>
                    <a:pt x="88" y="584"/>
                    <a:pt x="88" y="589"/>
                    <a:pt x="88" y="589"/>
                  </a:cubicBezTo>
                  <a:cubicBezTo>
                    <a:pt x="88" y="589"/>
                    <a:pt x="89" y="590"/>
                    <a:pt x="88" y="591"/>
                  </a:cubicBezTo>
                  <a:cubicBezTo>
                    <a:pt x="88" y="592"/>
                    <a:pt x="89" y="591"/>
                    <a:pt x="87" y="593"/>
                  </a:cubicBezTo>
                  <a:cubicBezTo>
                    <a:pt x="86" y="596"/>
                    <a:pt x="86" y="594"/>
                    <a:pt x="86" y="596"/>
                  </a:cubicBezTo>
                  <a:cubicBezTo>
                    <a:pt x="85" y="598"/>
                    <a:pt x="85" y="598"/>
                    <a:pt x="85" y="598"/>
                  </a:cubicBezTo>
                  <a:cubicBezTo>
                    <a:pt x="85" y="598"/>
                    <a:pt x="86" y="600"/>
                    <a:pt x="85" y="603"/>
                  </a:cubicBezTo>
                  <a:cubicBezTo>
                    <a:pt x="83" y="605"/>
                    <a:pt x="84" y="605"/>
                    <a:pt x="82" y="607"/>
                  </a:cubicBezTo>
                  <a:cubicBezTo>
                    <a:pt x="81" y="609"/>
                    <a:pt x="81" y="607"/>
                    <a:pt x="81" y="609"/>
                  </a:cubicBezTo>
                  <a:cubicBezTo>
                    <a:pt x="81" y="611"/>
                    <a:pt x="81" y="613"/>
                    <a:pt x="82" y="614"/>
                  </a:cubicBezTo>
                  <a:cubicBezTo>
                    <a:pt x="82" y="615"/>
                    <a:pt x="83" y="616"/>
                    <a:pt x="84" y="616"/>
                  </a:cubicBezTo>
                  <a:cubicBezTo>
                    <a:pt x="85" y="617"/>
                    <a:pt x="86" y="618"/>
                    <a:pt x="87" y="618"/>
                  </a:cubicBezTo>
                  <a:cubicBezTo>
                    <a:pt x="90" y="619"/>
                    <a:pt x="90" y="619"/>
                    <a:pt x="91" y="618"/>
                  </a:cubicBezTo>
                  <a:cubicBezTo>
                    <a:pt x="92" y="618"/>
                    <a:pt x="92" y="617"/>
                    <a:pt x="94" y="618"/>
                  </a:cubicBezTo>
                  <a:cubicBezTo>
                    <a:pt x="96" y="619"/>
                    <a:pt x="98" y="618"/>
                    <a:pt x="97" y="620"/>
                  </a:cubicBezTo>
                  <a:cubicBezTo>
                    <a:pt x="95" y="622"/>
                    <a:pt x="93" y="620"/>
                    <a:pt x="94" y="622"/>
                  </a:cubicBezTo>
                  <a:cubicBezTo>
                    <a:pt x="95" y="625"/>
                    <a:pt x="96" y="624"/>
                    <a:pt x="95" y="626"/>
                  </a:cubicBezTo>
                  <a:cubicBezTo>
                    <a:pt x="95" y="629"/>
                    <a:pt x="96" y="627"/>
                    <a:pt x="95" y="629"/>
                  </a:cubicBezTo>
                  <a:cubicBezTo>
                    <a:pt x="94" y="630"/>
                    <a:pt x="95" y="630"/>
                    <a:pt x="95" y="631"/>
                  </a:cubicBezTo>
                  <a:cubicBezTo>
                    <a:pt x="95" y="633"/>
                    <a:pt x="93" y="633"/>
                    <a:pt x="93" y="634"/>
                  </a:cubicBezTo>
                  <a:cubicBezTo>
                    <a:pt x="93" y="635"/>
                    <a:pt x="93" y="636"/>
                    <a:pt x="93" y="637"/>
                  </a:cubicBezTo>
                  <a:cubicBezTo>
                    <a:pt x="92" y="639"/>
                    <a:pt x="93" y="638"/>
                    <a:pt x="92" y="639"/>
                  </a:cubicBezTo>
                  <a:cubicBezTo>
                    <a:pt x="92" y="639"/>
                    <a:pt x="92" y="639"/>
                    <a:pt x="92" y="638"/>
                  </a:cubicBezTo>
                  <a:cubicBezTo>
                    <a:pt x="92" y="638"/>
                    <a:pt x="92" y="637"/>
                    <a:pt x="92" y="640"/>
                  </a:cubicBezTo>
                  <a:cubicBezTo>
                    <a:pt x="91" y="646"/>
                    <a:pt x="92" y="645"/>
                    <a:pt x="91" y="646"/>
                  </a:cubicBezTo>
                  <a:cubicBezTo>
                    <a:pt x="91" y="647"/>
                    <a:pt x="91" y="649"/>
                    <a:pt x="91" y="650"/>
                  </a:cubicBezTo>
                  <a:cubicBezTo>
                    <a:pt x="91" y="651"/>
                    <a:pt x="90" y="650"/>
                    <a:pt x="91" y="651"/>
                  </a:cubicBezTo>
                  <a:cubicBezTo>
                    <a:pt x="91" y="653"/>
                    <a:pt x="92" y="653"/>
                    <a:pt x="93" y="654"/>
                  </a:cubicBezTo>
                  <a:cubicBezTo>
                    <a:pt x="95" y="657"/>
                    <a:pt x="94" y="658"/>
                    <a:pt x="93" y="659"/>
                  </a:cubicBezTo>
                  <a:cubicBezTo>
                    <a:pt x="93" y="659"/>
                    <a:pt x="90" y="658"/>
                    <a:pt x="90" y="661"/>
                  </a:cubicBezTo>
                  <a:cubicBezTo>
                    <a:pt x="89" y="666"/>
                    <a:pt x="88" y="666"/>
                    <a:pt x="89" y="666"/>
                  </a:cubicBezTo>
                  <a:cubicBezTo>
                    <a:pt x="90" y="666"/>
                    <a:pt x="93" y="670"/>
                    <a:pt x="92" y="670"/>
                  </a:cubicBezTo>
                  <a:cubicBezTo>
                    <a:pt x="90" y="670"/>
                    <a:pt x="90" y="667"/>
                    <a:pt x="88" y="669"/>
                  </a:cubicBezTo>
                  <a:cubicBezTo>
                    <a:pt x="86" y="671"/>
                    <a:pt x="86" y="672"/>
                    <a:pt x="86" y="673"/>
                  </a:cubicBezTo>
                  <a:cubicBezTo>
                    <a:pt x="86" y="674"/>
                    <a:pt x="87" y="674"/>
                    <a:pt x="87" y="676"/>
                  </a:cubicBezTo>
                  <a:cubicBezTo>
                    <a:pt x="87" y="678"/>
                    <a:pt x="85" y="680"/>
                    <a:pt x="85" y="680"/>
                  </a:cubicBezTo>
                  <a:cubicBezTo>
                    <a:pt x="82" y="684"/>
                    <a:pt x="82" y="684"/>
                    <a:pt x="82" y="684"/>
                  </a:cubicBezTo>
                  <a:cubicBezTo>
                    <a:pt x="82" y="684"/>
                    <a:pt x="79" y="686"/>
                    <a:pt x="80" y="685"/>
                  </a:cubicBezTo>
                  <a:cubicBezTo>
                    <a:pt x="80" y="683"/>
                    <a:pt x="81" y="682"/>
                    <a:pt x="80" y="681"/>
                  </a:cubicBezTo>
                  <a:cubicBezTo>
                    <a:pt x="76" y="681"/>
                    <a:pt x="74" y="679"/>
                    <a:pt x="76" y="678"/>
                  </a:cubicBezTo>
                  <a:cubicBezTo>
                    <a:pt x="76" y="678"/>
                    <a:pt x="74" y="675"/>
                    <a:pt x="73" y="676"/>
                  </a:cubicBezTo>
                  <a:cubicBezTo>
                    <a:pt x="69" y="678"/>
                    <a:pt x="68" y="679"/>
                    <a:pt x="68" y="680"/>
                  </a:cubicBezTo>
                  <a:cubicBezTo>
                    <a:pt x="69" y="681"/>
                    <a:pt x="70" y="681"/>
                    <a:pt x="69" y="682"/>
                  </a:cubicBezTo>
                  <a:cubicBezTo>
                    <a:pt x="69" y="684"/>
                    <a:pt x="69" y="683"/>
                    <a:pt x="67" y="685"/>
                  </a:cubicBezTo>
                  <a:cubicBezTo>
                    <a:pt x="65" y="686"/>
                    <a:pt x="60" y="685"/>
                    <a:pt x="61" y="687"/>
                  </a:cubicBezTo>
                  <a:cubicBezTo>
                    <a:pt x="63" y="689"/>
                    <a:pt x="66" y="691"/>
                    <a:pt x="67" y="690"/>
                  </a:cubicBezTo>
                  <a:cubicBezTo>
                    <a:pt x="67" y="690"/>
                    <a:pt x="70" y="687"/>
                    <a:pt x="70" y="687"/>
                  </a:cubicBezTo>
                  <a:cubicBezTo>
                    <a:pt x="70" y="687"/>
                    <a:pt x="73" y="687"/>
                    <a:pt x="73" y="688"/>
                  </a:cubicBezTo>
                  <a:cubicBezTo>
                    <a:pt x="73" y="689"/>
                    <a:pt x="72" y="689"/>
                    <a:pt x="73" y="690"/>
                  </a:cubicBezTo>
                  <a:cubicBezTo>
                    <a:pt x="74" y="690"/>
                    <a:pt x="75" y="690"/>
                    <a:pt x="76" y="689"/>
                  </a:cubicBezTo>
                  <a:cubicBezTo>
                    <a:pt x="77" y="688"/>
                    <a:pt x="78" y="687"/>
                    <a:pt x="78" y="688"/>
                  </a:cubicBezTo>
                  <a:cubicBezTo>
                    <a:pt x="78" y="689"/>
                    <a:pt x="79" y="688"/>
                    <a:pt x="79" y="690"/>
                  </a:cubicBezTo>
                  <a:cubicBezTo>
                    <a:pt x="78" y="693"/>
                    <a:pt x="79" y="690"/>
                    <a:pt x="78" y="693"/>
                  </a:cubicBezTo>
                  <a:cubicBezTo>
                    <a:pt x="78" y="696"/>
                    <a:pt x="74" y="694"/>
                    <a:pt x="74" y="696"/>
                  </a:cubicBezTo>
                  <a:cubicBezTo>
                    <a:pt x="73" y="698"/>
                    <a:pt x="73" y="697"/>
                    <a:pt x="75" y="699"/>
                  </a:cubicBezTo>
                  <a:cubicBezTo>
                    <a:pt x="76" y="700"/>
                    <a:pt x="77" y="700"/>
                    <a:pt x="78" y="700"/>
                  </a:cubicBezTo>
                  <a:cubicBezTo>
                    <a:pt x="79" y="700"/>
                    <a:pt x="80" y="699"/>
                    <a:pt x="80" y="700"/>
                  </a:cubicBezTo>
                  <a:cubicBezTo>
                    <a:pt x="80" y="701"/>
                    <a:pt x="77" y="704"/>
                    <a:pt x="80" y="703"/>
                  </a:cubicBezTo>
                  <a:cubicBezTo>
                    <a:pt x="82" y="701"/>
                    <a:pt x="81" y="700"/>
                    <a:pt x="83" y="702"/>
                  </a:cubicBezTo>
                  <a:cubicBezTo>
                    <a:pt x="84" y="703"/>
                    <a:pt x="88" y="704"/>
                    <a:pt x="87" y="705"/>
                  </a:cubicBezTo>
                  <a:cubicBezTo>
                    <a:pt x="83" y="707"/>
                    <a:pt x="80" y="706"/>
                    <a:pt x="80" y="706"/>
                  </a:cubicBezTo>
                  <a:cubicBezTo>
                    <a:pt x="80" y="706"/>
                    <a:pt x="78" y="705"/>
                    <a:pt x="77" y="707"/>
                  </a:cubicBezTo>
                  <a:cubicBezTo>
                    <a:pt x="76" y="709"/>
                    <a:pt x="76" y="709"/>
                    <a:pt x="77" y="710"/>
                  </a:cubicBezTo>
                  <a:cubicBezTo>
                    <a:pt x="73" y="715"/>
                    <a:pt x="73" y="715"/>
                    <a:pt x="73" y="715"/>
                  </a:cubicBezTo>
                  <a:cubicBezTo>
                    <a:pt x="73" y="715"/>
                    <a:pt x="76" y="716"/>
                    <a:pt x="76" y="718"/>
                  </a:cubicBezTo>
                  <a:cubicBezTo>
                    <a:pt x="77" y="720"/>
                    <a:pt x="81" y="721"/>
                    <a:pt x="79" y="723"/>
                  </a:cubicBezTo>
                  <a:cubicBezTo>
                    <a:pt x="78" y="725"/>
                    <a:pt x="77" y="729"/>
                    <a:pt x="77" y="729"/>
                  </a:cubicBezTo>
                  <a:cubicBezTo>
                    <a:pt x="77" y="729"/>
                    <a:pt x="79" y="729"/>
                    <a:pt x="78" y="731"/>
                  </a:cubicBezTo>
                  <a:cubicBezTo>
                    <a:pt x="78" y="732"/>
                    <a:pt x="77" y="730"/>
                    <a:pt x="76" y="732"/>
                  </a:cubicBezTo>
                  <a:cubicBezTo>
                    <a:pt x="75" y="734"/>
                    <a:pt x="75" y="736"/>
                    <a:pt x="75" y="736"/>
                  </a:cubicBezTo>
                  <a:cubicBezTo>
                    <a:pt x="76" y="737"/>
                    <a:pt x="80" y="739"/>
                    <a:pt x="79" y="740"/>
                  </a:cubicBezTo>
                  <a:cubicBezTo>
                    <a:pt x="79" y="741"/>
                    <a:pt x="79" y="741"/>
                    <a:pt x="77" y="742"/>
                  </a:cubicBezTo>
                  <a:cubicBezTo>
                    <a:pt x="75" y="744"/>
                    <a:pt x="74" y="744"/>
                    <a:pt x="74" y="744"/>
                  </a:cubicBezTo>
                  <a:cubicBezTo>
                    <a:pt x="73" y="744"/>
                    <a:pt x="73" y="744"/>
                    <a:pt x="72" y="744"/>
                  </a:cubicBezTo>
                  <a:cubicBezTo>
                    <a:pt x="71" y="746"/>
                    <a:pt x="70" y="745"/>
                    <a:pt x="72" y="747"/>
                  </a:cubicBezTo>
                  <a:cubicBezTo>
                    <a:pt x="75" y="749"/>
                    <a:pt x="76" y="749"/>
                    <a:pt x="78" y="749"/>
                  </a:cubicBezTo>
                  <a:cubicBezTo>
                    <a:pt x="80" y="749"/>
                    <a:pt x="80" y="746"/>
                    <a:pt x="81" y="749"/>
                  </a:cubicBezTo>
                  <a:cubicBezTo>
                    <a:pt x="83" y="751"/>
                    <a:pt x="84" y="752"/>
                    <a:pt x="84" y="754"/>
                  </a:cubicBezTo>
                  <a:cubicBezTo>
                    <a:pt x="84" y="756"/>
                    <a:pt x="84" y="756"/>
                    <a:pt x="84" y="758"/>
                  </a:cubicBezTo>
                  <a:cubicBezTo>
                    <a:pt x="84" y="760"/>
                    <a:pt x="86" y="760"/>
                    <a:pt x="86" y="760"/>
                  </a:cubicBezTo>
                  <a:cubicBezTo>
                    <a:pt x="87" y="760"/>
                    <a:pt x="87" y="760"/>
                    <a:pt x="87" y="760"/>
                  </a:cubicBezTo>
                  <a:cubicBezTo>
                    <a:pt x="88" y="761"/>
                    <a:pt x="89" y="761"/>
                    <a:pt x="89" y="759"/>
                  </a:cubicBezTo>
                  <a:cubicBezTo>
                    <a:pt x="90" y="757"/>
                    <a:pt x="90" y="755"/>
                    <a:pt x="90" y="755"/>
                  </a:cubicBezTo>
                  <a:cubicBezTo>
                    <a:pt x="91" y="756"/>
                    <a:pt x="92" y="755"/>
                    <a:pt x="93" y="756"/>
                  </a:cubicBezTo>
                  <a:cubicBezTo>
                    <a:pt x="94" y="756"/>
                    <a:pt x="95" y="758"/>
                    <a:pt x="96" y="757"/>
                  </a:cubicBezTo>
                  <a:cubicBezTo>
                    <a:pt x="97" y="757"/>
                    <a:pt x="98" y="755"/>
                    <a:pt x="98" y="756"/>
                  </a:cubicBezTo>
                  <a:cubicBezTo>
                    <a:pt x="98" y="758"/>
                    <a:pt x="97" y="759"/>
                    <a:pt x="97" y="761"/>
                  </a:cubicBezTo>
                  <a:cubicBezTo>
                    <a:pt x="97" y="763"/>
                    <a:pt x="95" y="762"/>
                    <a:pt x="94" y="763"/>
                  </a:cubicBezTo>
                  <a:cubicBezTo>
                    <a:pt x="93" y="765"/>
                    <a:pt x="95" y="764"/>
                    <a:pt x="95" y="765"/>
                  </a:cubicBezTo>
                  <a:cubicBezTo>
                    <a:pt x="94" y="766"/>
                    <a:pt x="95" y="766"/>
                    <a:pt x="95" y="766"/>
                  </a:cubicBezTo>
                  <a:cubicBezTo>
                    <a:pt x="96" y="766"/>
                    <a:pt x="96" y="766"/>
                    <a:pt x="96" y="767"/>
                  </a:cubicBezTo>
                  <a:cubicBezTo>
                    <a:pt x="95" y="769"/>
                    <a:pt x="96" y="768"/>
                    <a:pt x="97" y="767"/>
                  </a:cubicBezTo>
                  <a:cubicBezTo>
                    <a:pt x="98" y="766"/>
                    <a:pt x="100" y="766"/>
                    <a:pt x="101" y="767"/>
                  </a:cubicBezTo>
                  <a:cubicBezTo>
                    <a:pt x="102" y="769"/>
                    <a:pt x="104" y="769"/>
                    <a:pt x="105" y="770"/>
                  </a:cubicBezTo>
                  <a:cubicBezTo>
                    <a:pt x="106" y="771"/>
                    <a:pt x="108" y="769"/>
                    <a:pt x="109" y="772"/>
                  </a:cubicBezTo>
                  <a:cubicBezTo>
                    <a:pt x="109" y="774"/>
                    <a:pt x="109" y="775"/>
                    <a:pt x="110" y="775"/>
                  </a:cubicBezTo>
                  <a:cubicBezTo>
                    <a:pt x="110" y="776"/>
                    <a:pt x="113" y="778"/>
                    <a:pt x="111" y="779"/>
                  </a:cubicBezTo>
                  <a:cubicBezTo>
                    <a:pt x="110" y="779"/>
                    <a:pt x="109" y="779"/>
                    <a:pt x="108" y="778"/>
                  </a:cubicBezTo>
                  <a:cubicBezTo>
                    <a:pt x="107" y="778"/>
                    <a:pt x="106" y="777"/>
                    <a:pt x="105" y="778"/>
                  </a:cubicBezTo>
                  <a:cubicBezTo>
                    <a:pt x="103" y="780"/>
                    <a:pt x="103" y="778"/>
                    <a:pt x="102" y="781"/>
                  </a:cubicBezTo>
                  <a:cubicBezTo>
                    <a:pt x="102" y="783"/>
                    <a:pt x="102" y="782"/>
                    <a:pt x="103" y="784"/>
                  </a:cubicBezTo>
                  <a:cubicBezTo>
                    <a:pt x="103" y="786"/>
                    <a:pt x="101" y="787"/>
                    <a:pt x="104" y="788"/>
                  </a:cubicBezTo>
                  <a:cubicBezTo>
                    <a:pt x="107" y="788"/>
                    <a:pt x="110" y="788"/>
                    <a:pt x="111" y="789"/>
                  </a:cubicBezTo>
                  <a:cubicBezTo>
                    <a:pt x="112" y="789"/>
                    <a:pt x="115" y="787"/>
                    <a:pt x="115" y="785"/>
                  </a:cubicBezTo>
                  <a:cubicBezTo>
                    <a:pt x="115" y="784"/>
                    <a:pt x="115" y="782"/>
                    <a:pt x="115" y="780"/>
                  </a:cubicBezTo>
                  <a:cubicBezTo>
                    <a:pt x="114" y="779"/>
                    <a:pt x="117" y="776"/>
                    <a:pt x="117" y="776"/>
                  </a:cubicBezTo>
                  <a:cubicBezTo>
                    <a:pt x="119" y="774"/>
                    <a:pt x="119" y="774"/>
                    <a:pt x="119" y="774"/>
                  </a:cubicBezTo>
                  <a:cubicBezTo>
                    <a:pt x="122" y="773"/>
                    <a:pt x="122" y="773"/>
                    <a:pt x="122" y="773"/>
                  </a:cubicBezTo>
                  <a:cubicBezTo>
                    <a:pt x="122" y="773"/>
                    <a:pt x="120" y="771"/>
                    <a:pt x="123" y="770"/>
                  </a:cubicBezTo>
                  <a:cubicBezTo>
                    <a:pt x="126" y="770"/>
                    <a:pt x="128" y="771"/>
                    <a:pt x="128" y="771"/>
                  </a:cubicBezTo>
                  <a:cubicBezTo>
                    <a:pt x="128" y="771"/>
                    <a:pt x="128" y="771"/>
                    <a:pt x="128" y="771"/>
                  </a:cubicBezTo>
                  <a:cubicBezTo>
                    <a:pt x="128" y="771"/>
                    <a:pt x="131" y="772"/>
                    <a:pt x="127" y="774"/>
                  </a:cubicBezTo>
                  <a:cubicBezTo>
                    <a:pt x="122" y="775"/>
                    <a:pt x="119" y="779"/>
                    <a:pt x="120" y="780"/>
                  </a:cubicBezTo>
                  <a:cubicBezTo>
                    <a:pt x="121" y="781"/>
                    <a:pt x="125" y="781"/>
                    <a:pt x="126" y="781"/>
                  </a:cubicBezTo>
                  <a:cubicBezTo>
                    <a:pt x="126" y="781"/>
                    <a:pt x="126" y="781"/>
                    <a:pt x="127" y="781"/>
                  </a:cubicBezTo>
                  <a:cubicBezTo>
                    <a:pt x="128" y="781"/>
                    <a:pt x="129" y="781"/>
                    <a:pt x="129" y="782"/>
                  </a:cubicBezTo>
                  <a:cubicBezTo>
                    <a:pt x="129" y="783"/>
                    <a:pt x="127" y="785"/>
                    <a:pt x="127" y="785"/>
                  </a:cubicBezTo>
                  <a:cubicBezTo>
                    <a:pt x="127" y="785"/>
                    <a:pt x="124" y="782"/>
                    <a:pt x="124" y="785"/>
                  </a:cubicBezTo>
                  <a:cubicBezTo>
                    <a:pt x="123" y="788"/>
                    <a:pt x="124" y="788"/>
                    <a:pt x="124" y="790"/>
                  </a:cubicBezTo>
                  <a:cubicBezTo>
                    <a:pt x="124" y="792"/>
                    <a:pt x="128" y="792"/>
                    <a:pt x="128" y="794"/>
                  </a:cubicBezTo>
                  <a:cubicBezTo>
                    <a:pt x="128" y="795"/>
                    <a:pt x="131" y="795"/>
                    <a:pt x="129" y="796"/>
                  </a:cubicBezTo>
                  <a:cubicBezTo>
                    <a:pt x="126" y="797"/>
                    <a:pt x="124" y="796"/>
                    <a:pt x="124" y="796"/>
                  </a:cubicBezTo>
                  <a:cubicBezTo>
                    <a:pt x="124" y="796"/>
                    <a:pt x="117" y="794"/>
                    <a:pt x="117" y="795"/>
                  </a:cubicBezTo>
                  <a:cubicBezTo>
                    <a:pt x="116" y="796"/>
                    <a:pt x="114" y="796"/>
                    <a:pt x="113" y="797"/>
                  </a:cubicBezTo>
                  <a:cubicBezTo>
                    <a:pt x="111" y="799"/>
                    <a:pt x="110" y="801"/>
                    <a:pt x="112" y="801"/>
                  </a:cubicBezTo>
                  <a:cubicBezTo>
                    <a:pt x="113" y="801"/>
                    <a:pt x="114" y="801"/>
                    <a:pt x="116" y="802"/>
                  </a:cubicBezTo>
                  <a:cubicBezTo>
                    <a:pt x="117" y="802"/>
                    <a:pt x="119" y="803"/>
                    <a:pt x="119" y="802"/>
                  </a:cubicBezTo>
                  <a:cubicBezTo>
                    <a:pt x="119" y="802"/>
                    <a:pt x="121" y="802"/>
                    <a:pt x="122" y="802"/>
                  </a:cubicBezTo>
                  <a:cubicBezTo>
                    <a:pt x="123" y="802"/>
                    <a:pt x="123" y="802"/>
                    <a:pt x="124" y="802"/>
                  </a:cubicBezTo>
                  <a:cubicBezTo>
                    <a:pt x="125" y="801"/>
                    <a:pt x="128" y="801"/>
                    <a:pt x="128" y="801"/>
                  </a:cubicBezTo>
                  <a:cubicBezTo>
                    <a:pt x="128" y="801"/>
                    <a:pt x="129" y="802"/>
                    <a:pt x="130" y="804"/>
                  </a:cubicBezTo>
                  <a:cubicBezTo>
                    <a:pt x="132" y="805"/>
                    <a:pt x="134" y="805"/>
                    <a:pt x="135" y="805"/>
                  </a:cubicBezTo>
                  <a:cubicBezTo>
                    <a:pt x="136" y="804"/>
                    <a:pt x="132" y="803"/>
                    <a:pt x="137" y="805"/>
                  </a:cubicBezTo>
                  <a:cubicBezTo>
                    <a:pt x="137" y="805"/>
                    <a:pt x="138" y="805"/>
                    <a:pt x="138" y="805"/>
                  </a:cubicBezTo>
                  <a:cubicBezTo>
                    <a:pt x="140" y="805"/>
                    <a:pt x="141" y="805"/>
                    <a:pt x="142" y="805"/>
                  </a:cubicBezTo>
                  <a:cubicBezTo>
                    <a:pt x="142" y="805"/>
                    <a:pt x="143" y="805"/>
                    <a:pt x="143" y="805"/>
                  </a:cubicBezTo>
                  <a:cubicBezTo>
                    <a:pt x="144" y="806"/>
                    <a:pt x="145" y="805"/>
                    <a:pt x="146" y="805"/>
                  </a:cubicBezTo>
                  <a:cubicBezTo>
                    <a:pt x="148" y="805"/>
                    <a:pt x="149" y="804"/>
                    <a:pt x="149" y="805"/>
                  </a:cubicBezTo>
                  <a:cubicBezTo>
                    <a:pt x="152" y="807"/>
                    <a:pt x="153" y="806"/>
                    <a:pt x="155" y="806"/>
                  </a:cubicBezTo>
                  <a:cubicBezTo>
                    <a:pt x="155" y="807"/>
                    <a:pt x="156" y="807"/>
                    <a:pt x="157" y="806"/>
                  </a:cubicBezTo>
                  <a:cubicBezTo>
                    <a:pt x="157" y="806"/>
                    <a:pt x="158" y="806"/>
                    <a:pt x="158" y="806"/>
                  </a:cubicBezTo>
                  <a:cubicBezTo>
                    <a:pt x="160" y="807"/>
                    <a:pt x="162" y="806"/>
                    <a:pt x="162" y="806"/>
                  </a:cubicBezTo>
                  <a:cubicBezTo>
                    <a:pt x="162" y="806"/>
                    <a:pt x="166" y="805"/>
                    <a:pt x="165" y="806"/>
                  </a:cubicBezTo>
                  <a:cubicBezTo>
                    <a:pt x="165" y="807"/>
                    <a:pt x="169" y="807"/>
                    <a:pt x="170" y="806"/>
                  </a:cubicBezTo>
                  <a:cubicBezTo>
                    <a:pt x="171" y="806"/>
                    <a:pt x="175" y="804"/>
                    <a:pt x="175" y="804"/>
                  </a:cubicBezTo>
                  <a:cubicBezTo>
                    <a:pt x="174" y="802"/>
                    <a:pt x="174" y="802"/>
                    <a:pt x="174" y="802"/>
                  </a:cubicBezTo>
                  <a:cubicBezTo>
                    <a:pt x="174" y="802"/>
                    <a:pt x="176" y="800"/>
                    <a:pt x="174" y="800"/>
                  </a:cubicBezTo>
                  <a:cubicBezTo>
                    <a:pt x="172" y="800"/>
                    <a:pt x="171" y="800"/>
                    <a:pt x="170" y="799"/>
                  </a:cubicBezTo>
                  <a:cubicBezTo>
                    <a:pt x="168" y="799"/>
                    <a:pt x="167" y="799"/>
                    <a:pt x="166" y="799"/>
                  </a:cubicBezTo>
                  <a:cubicBezTo>
                    <a:pt x="163" y="799"/>
                    <a:pt x="160" y="798"/>
                    <a:pt x="160" y="798"/>
                  </a:cubicBezTo>
                  <a:cubicBezTo>
                    <a:pt x="160" y="798"/>
                    <a:pt x="159" y="795"/>
                    <a:pt x="157" y="794"/>
                  </a:cubicBezTo>
                  <a:cubicBezTo>
                    <a:pt x="155" y="793"/>
                    <a:pt x="155" y="794"/>
                    <a:pt x="155" y="792"/>
                  </a:cubicBezTo>
                  <a:cubicBezTo>
                    <a:pt x="154" y="790"/>
                    <a:pt x="154" y="787"/>
                    <a:pt x="153" y="788"/>
                  </a:cubicBezTo>
                  <a:cubicBezTo>
                    <a:pt x="151" y="789"/>
                    <a:pt x="150" y="787"/>
                    <a:pt x="149" y="787"/>
                  </a:cubicBezTo>
                  <a:cubicBezTo>
                    <a:pt x="147" y="786"/>
                    <a:pt x="145" y="782"/>
                    <a:pt x="144" y="781"/>
                  </a:cubicBezTo>
                  <a:cubicBezTo>
                    <a:pt x="144" y="780"/>
                    <a:pt x="143" y="780"/>
                    <a:pt x="143" y="778"/>
                  </a:cubicBezTo>
                  <a:cubicBezTo>
                    <a:pt x="144" y="776"/>
                    <a:pt x="145" y="775"/>
                    <a:pt x="144" y="774"/>
                  </a:cubicBezTo>
                  <a:cubicBezTo>
                    <a:pt x="142" y="774"/>
                    <a:pt x="142" y="771"/>
                    <a:pt x="140" y="772"/>
                  </a:cubicBezTo>
                  <a:cubicBezTo>
                    <a:pt x="138" y="773"/>
                    <a:pt x="138" y="773"/>
                    <a:pt x="136" y="773"/>
                  </a:cubicBezTo>
                  <a:cubicBezTo>
                    <a:pt x="136" y="773"/>
                    <a:pt x="136" y="773"/>
                    <a:pt x="136" y="773"/>
                  </a:cubicBezTo>
                  <a:cubicBezTo>
                    <a:pt x="135" y="773"/>
                    <a:pt x="135" y="771"/>
                    <a:pt x="132" y="770"/>
                  </a:cubicBezTo>
                  <a:cubicBezTo>
                    <a:pt x="130" y="769"/>
                    <a:pt x="129" y="769"/>
                    <a:pt x="129" y="767"/>
                  </a:cubicBezTo>
                  <a:cubicBezTo>
                    <a:pt x="129" y="767"/>
                    <a:pt x="129" y="766"/>
                    <a:pt x="129" y="766"/>
                  </a:cubicBezTo>
                  <a:cubicBezTo>
                    <a:pt x="129" y="765"/>
                    <a:pt x="129" y="765"/>
                    <a:pt x="130" y="765"/>
                  </a:cubicBezTo>
                  <a:cubicBezTo>
                    <a:pt x="131" y="764"/>
                    <a:pt x="133" y="765"/>
                    <a:pt x="135" y="766"/>
                  </a:cubicBezTo>
                  <a:cubicBezTo>
                    <a:pt x="137" y="767"/>
                    <a:pt x="139" y="768"/>
                    <a:pt x="141" y="767"/>
                  </a:cubicBezTo>
                  <a:cubicBezTo>
                    <a:pt x="142" y="767"/>
                    <a:pt x="143" y="766"/>
                    <a:pt x="142" y="765"/>
                  </a:cubicBezTo>
                  <a:cubicBezTo>
                    <a:pt x="141" y="764"/>
                    <a:pt x="139" y="760"/>
                    <a:pt x="138" y="758"/>
                  </a:cubicBezTo>
                  <a:cubicBezTo>
                    <a:pt x="136" y="756"/>
                    <a:pt x="135" y="754"/>
                    <a:pt x="135" y="753"/>
                  </a:cubicBezTo>
                  <a:cubicBezTo>
                    <a:pt x="135" y="752"/>
                    <a:pt x="135" y="749"/>
                    <a:pt x="135" y="747"/>
                  </a:cubicBezTo>
                  <a:cubicBezTo>
                    <a:pt x="135" y="746"/>
                    <a:pt x="134" y="743"/>
                    <a:pt x="135" y="743"/>
                  </a:cubicBezTo>
                  <a:cubicBezTo>
                    <a:pt x="137" y="744"/>
                    <a:pt x="136" y="742"/>
                    <a:pt x="138" y="739"/>
                  </a:cubicBezTo>
                  <a:cubicBezTo>
                    <a:pt x="141" y="736"/>
                    <a:pt x="142" y="734"/>
                    <a:pt x="144" y="735"/>
                  </a:cubicBezTo>
                  <a:cubicBezTo>
                    <a:pt x="146" y="735"/>
                    <a:pt x="148" y="735"/>
                    <a:pt x="148" y="734"/>
                  </a:cubicBezTo>
                  <a:cubicBezTo>
                    <a:pt x="148" y="733"/>
                    <a:pt x="147" y="729"/>
                    <a:pt x="148" y="728"/>
                  </a:cubicBezTo>
                  <a:cubicBezTo>
                    <a:pt x="148" y="727"/>
                    <a:pt x="152" y="720"/>
                    <a:pt x="153" y="718"/>
                  </a:cubicBezTo>
                  <a:cubicBezTo>
                    <a:pt x="154" y="717"/>
                    <a:pt x="156" y="717"/>
                    <a:pt x="157" y="716"/>
                  </a:cubicBezTo>
                  <a:cubicBezTo>
                    <a:pt x="159" y="714"/>
                    <a:pt x="161" y="714"/>
                    <a:pt x="164" y="712"/>
                  </a:cubicBezTo>
                  <a:cubicBezTo>
                    <a:pt x="167" y="709"/>
                    <a:pt x="170" y="708"/>
                    <a:pt x="170" y="707"/>
                  </a:cubicBezTo>
                  <a:cubicBezTo>
                    <a:pt x="170" y="705"/>
                    <a:pt x="171" y="704"/>
                    <a:pt x="171" y="703"/>
                  </a:cubicBezTo>
                  <a:cubicBezTo>
                    <a:pt x="170" y="702"/>
                    <a:pt x="171" y="702"/>
                    <a:pt x="168" y="701"/>
                  </a:cubicBezTo>
                  <a:cubicBezTo>
                    <a:pt x="166" y="701"/>
                    <a:pt x="167" y="698"/>
                    <a:pt x="169" y="697"/>
                  </a:cubicBezTo>
                  <a:cubicBezTo>
                    <a:pt x="170" y="696"/>
                    <a:pt x="171" y="697"/>
                    <a:pt x="170" y="694"/>
                  </a:cubicBezTo>
                  <a:cubicBezTo>
                    <a:pt x="170" y="692"/>
                    <a:pt x="170" y="690"/>
                    <a:pt x="169" y="690"/>
                  </a:cubicBezTo>
                  <a:cubicBezTo>
                    <a:pt x="167" y="690"/>
                    <a:pt x="166" y="689"/>
                    <a:pt x="165" y="689"/>
                  </a:cubicBezTo>
                  <a:cubicBezTo>
                    <a:pt x="164" y="690"/>
                    <a:pt x="161" y="690"/>
                    <a:pt x="160" y="689"/>
                  </a:cubicBezTo>
                  <a:cubicBezTo>
                    <a:pt x="159" y="689"/>
                    <a:pt x="156" y="689"/>
                    <a:pt x="156" y="687"/>
                  </a:cubicBezTo>
                  <a:cubicBezTo>
                    <a:pt x="155" y="685"/>
                    <a:pt x="153" y="685"/>
                    <a:pt x="153" y="682"/>
                  </a:cubicBezTo>
                  <a:cubicBezTo>
                    <a:pt x="153" y="680"/>
                    <a:pt x="154" y="677"/>
                    <a:pt x="155" y="676"/>
                  </a:cubicBezTo>
                  <a:cubicBezTo>
                    <a:pt x="156" y="675"/>
                    <a:pt x="157" y="672"/>
                    <a:pt x="157" y="671"/>
                  </a:cubicBezTo>
                  <a:cubicBezTo>
                    <a:pt x="157" y="670"/>
                    <a:pt x="157" y="669"/>
                    <a:pt x="158" y="669"/>
                  </a:cubicBezTo>
                  <a:cubicBezTo>
                    <a:pt x="159" y="668"/>
                    <a:pt x="162" y="666"/>
                    <a:pt x="162" y="666"/>
                  </a:cubicBezTo>
                  <a:cubicBezTo>
                    <a:pt x="162" y="666"/>
                    <a:pt x="161" y="668"/>
                    <a:pt x="164" y="666"/>
                  </a:cubicBezTo>
                  <a:cubicBezTo>
                    <a:pt x="168" y="664"/>
                    <a:pt x="172" y="660"/>
                    <a:pt x="172" y="661"/>
                  </a:cubicBezTo>
                  <a:cubicBezTo>
                    <a:pt x="173" y="662"/>
                    <a:pt x="174" y="665"/>
                    <a:pt x="176" y="660"/>
                  </a:cubicBezTo>
                  <a:cubicBezTo>
                    <a:pt x="178" y="655"/>
                    <a:pt x="178" y="651"/>
                    <a:pt x="178" y="651"/>
                  </a:cubicBezTo>
                  <a:cubicBezTo>
                    <a:pt x="177" y="649"/>
                    <a:pt x="177" y="649"/>
                    <a:pt x="177" y="649"/>
                  </a:cubicBezTo>
                  <a:cubicBezTo>
                    <a:pt x="179" y="646"/>
                    <a:pt x="179" y="646"/>
                    <a:pt x="179" y="646"/>
                  </a:cubicBezTo>
                  <a:cubicBezTo>
                    <a:pt x="179" y="646"/>
                    <a:pt x="180" y="640"/>
                    <a:pt x="181" y="640"/>
                  </a:cubicBezTo>
                  <a:cubicBezTo>
                    <a:pt x="184" y="639"/>
                    <a:pt x="185" y="637"/>
                    <a:pt x="185" y="637"/>
                  </a:cubicBezTo>
                  <a:cubicBezTo>
                    <a:pt x="185" y="637"/>
                    <a:pt x="181" y="633"/>
                    <a:pt x="182" y="632"/>
                  </a:cubicBezTo>
                  <a:cubicBezTo>
                    <a:pt x="182" y="631"/>
                    <a:pt x="182" y="630"/>
                    <a:pt x="184" y="630"/>
                  </a:cubicBezTo>
                  <a:cubicBezTo>
                    <a:pt x="184" y="630"/>
                    <a:pt x="184" y="630"/>
                    <a:pt x="185" y="630"/>
                  </a:cubicBezTo>
                  <a:cubicBezTo>
                    <a:pt x="185" y="630"/>
                    <a:pt x="186" y="630"/>
                    <a:pt x="186" y="630"/>
                  </a:cubicBezTo>
                  <a:cubicBezTo>
                    <a:pt x="189" y="634"/>
                    <a:pt x="188" y="636"/>
                    <a:pt x="189" y="635"/>
                  </a:cubicBezTo>
                  <a:cubicBezTo>
                    <a:pt x="190" y="635"/>
                    <a:pt x="190" y="636"/>
                    <a:pt x="191" y="637"/>
                  </a:cubicBezTo>
                  <a:cubicBezTo>
                    <a:pt x="191" y="638"/>
                    <a:pt x="192" y="639"/>
                    <a:pt x="193" y="634"/>
                  </a:cubicBezTo>
                  <a:cubicBezTo>
                    <a:pt x="195" y="627"/>
                    <a:pt x="197" y="626"/>
                    <a:pt x="194" y="626"/>
                  </a:cubicBezTo>
                  <a:cubicBezTo>
                    <a:pt x="191" y="626"/>
                    <a:pt x="190" y="623"/>
                    <a:pt x="188" y="625"/>
                  </a:cubicBezTo>
                  <a:cubicBezTo>
                    <a:pt x="187" y="627"/>
                    <a:pt x="185" y="629"/>
                    <a:pt x="185" y="629"/>
                  </a:cubicBezTo>
                  <a:cubicBezTo>
                    <a:pt x="182" y="628"/>
                    <a:pt x="181" y="627"/>
                    <a:pt x="181" y="626"/>
                  </a:cubicBezTo>
                  <a:cubicBezTo>
                    <a:pt x="180" y="624"/>
                    <a:pt x="179" y="624"/>
                    <a:pt x="179" y="622"/>
                  </a:cubicBezTo>
                  <a:cubicBezTo>
                    <a:pt x="180" y="620"/>
                    <a:pt x="180" y="619"/>
                    <a:pt x="181" y="617"/>
                  </a:cubicBezTo>
                  <a:cubicBezTo>
                    <a:pt x="181" y="616"/>
                    <a:pt x="181" y="616"/>
                    <a:pt x="181" y="614"/>
                  </a:cubicBezTo>
                  <a:cubicBezTo>
                    <a:pt x="181" y="612"/>
                    <a:pt x="178" y="611"/>
                    <a:pt x="179" y="609"/>
                  </a:cubicBezTo>
                  <a:cubicBezTo>
                    <a:pt x="181" y="607"/>
                    <a:pt x="179" y="608"/>
                    <a:pt x="183" y="609"/>
                  </a:cubicBezTo>
                  <a:cubicBezTo>
                    <a:pt x="187" y="610"/>
                    <a:pt x="191" y="609"/>
                    <a:pt x="190" y="610"/>
                  </a:cubicBezTo>
                  <a:cubicBezTo>
                    <a:pt x="190" y="612"/>
                    <a:pt x="191" y="614"/>
                    <a:pt x="193" y="614"/>
                  </a:cubicBezTo>
                  <a:cubicBezTo>
                    <a:pt x="196" y="614"/>
                    <a:pt x="197" y="614"/>
                    <a:pt x="199" y="614"/>
                  </a:cubicBezTo>
                  <a:cubicBezTo>
                    <a:pt x="200" y="614"/>
                    <a:pt x="202" y="614"/>
                    <a:pt x="203" y="614"/>
                  </a:cubicBezTo>
                  <a:cubicBezTo>
                    <a:pt x="203" y="613"/>
                    <a:pt x="206" y="613"/>
                    <a:pt x="207" y="612"/>
                  </a:cubicBezTo>
                  <a:cubicBezTo>
                    <a:pt x="207" y="611"/>
                    <a:pt x="214" y="610"/>
                    <a:pt x="210" y="608"/>
                  </a:cubicBezTo>
                  <a:cubicBezTo>
                    <a:pt x="206" y="607"/>
                    <a:pt x="205" y="606"/>
                    <a:pt x="206" y="605"/>
                  </a:cubicBezTo>
                  <a:cubicBezTo>
                    <a:pt x="206" y="604"/>
                    <a:pt x="209" y="602"/>
                    <a:pt x="209" y="602"/>
                  </a:cubicBezTo>
                  <a:cubicBezTo>
                    <a:pt x="210" y="597"/>
                    <a:pt x="211" y="597"/>
                    <a:pt x="211" y="595"/>
                  </a:cubicBezTo>
                  <a:cubicBezTo>
                    <a:pt x="211" y="594"/>
                    <a:pt x="213" y="594"/>
                    <a:pt x="211" y="591"/>
                  </a:cubicBezTo>
                  <a:cubicBezTo>
                    <a:pt x="210" y="588"/>
                    <a:pt x="208" y="587"/>
                    <a:pt x="209" y="586"/>
                  </a:cubicBezTo>
                  <a:cubicBezTo>
                    <a:pt x="214" y="584"/>
                    <a:pt x="213" y="585"/>
                    <a:pt x="216" y="586"/>
                  </a:cubicBezTo>
                  <a:cubicBezTo>
                    <a:pt x="218" y="586"/>
                    <a:pt x="215" y="586"/>
                    <a:pt x="218" y="586"/>
                  </a:cubicBezTo>
                  <a:cubicBezTo>
                    <a:pt x="222" y="586"/>
                    <a:pt x="223" y="586"/>
                    <a:pt x="223" y="586"/>
                  </a:cubicBezTo>
                  <a:cubicBezTo>
                    <a:pt x="223" y="586"/>
                    <a:pt x="224" y="586"/>
                    <a:pt x="228" y="586"/>
                  </a:cubicBezTo>
                  <a:cubicBezTo>
                    <a:pt x="232" y="585"/>
                    <a:pt x="245" y="582"/>
                    <a:pt x="246" y="582"/>
                  </a:cubicBezTo>
                  <a:cubicBezTo>
                    <a:pt x="247" y="582"/>
                    <a:pt x="250" y="581"/>
                    <a:pt x="250" y="581"/>
                  </a:cubicBezTo>
                  <a:cubicBezTo>
                    <a:pt x="250" y="581"/>
                    <a:pt x="252" y="580"/>
                    <a:pt x="253" y="580"/>
                  </a:cubicBezTo>
                  <a:cubicBezTo>
                    <a:pt x="253" y="581"/>
                    <a:pt x="253" y="580"/>
                    <a:pt x="254" y="579"/>
                  </a:cubicBezTo>
                  <a:cubicBezTo>
                    <a:pt x="254" y="579"/>
                    <a:pt x="255" y="578"/>
                    <a:pt x="255" y="579"/>
                  </a:cubicBezTo>
                  <a:cubicBezTo>
                    <a:pt x="256" y="579"/>
                    <a:pt x="258" y="577"/>
                    <a:pt x="259" y="577"/>
                  </a:cubicBezTo>
                  <a:cubicBezTo>
                    <a:pt x="259" y="576"/>
                    <a:pt x="259" y="575"/>
                    <a:pt x="260" y="575"/>
                  </a:cubicBezTo>
                  <a:cubicBezTo>
                    <a:pt x="261" y="574"/>
                    <a:pt x="263" y="573"/>
                    <a:pt x="263" y="573"/>
                  </a:cubicBezTo>
                  <a:cubicBezTo>
                    <a:pt x="265" y="570"/>
                    <a:pt x="266" y="567"/>
                    <a:pt x="266" y="567"/>
                  </a:cubicBezTo>
                  <a:cubicBezTo>
                    <a:pt x="266" y="567"/>
                    <a:pt x="267" y="566"/>
                    <a:pt x="268" y="565"/>
                  </a:cubicBezTo>
                  <a:cubicBezTo>
                    <a:pt x="269" y="564"/>
                    <a:pt x="269" y="563"/>
                    <a:pt x="270" y="562"/>
                  </a:cubicBezTo>
                  <a:cubicBezTo>
                    <a:pt x="270" y="561"/>
                    <a:pt x="269" y="563"/>
                    <a:pt x="270" y="559"/>
                  </a:cubicBezTo>
                  <a:cubicBezTo>
                    <a:pt x="270" y="556"/>
                    <a:pt x="271" y="558"/>
                    <a:pt x="270" y="555"/>
                  </a:cubicBezTo>
                  <a:cubicBezTo>
                    <a:pt x="270" y="552"/>
                    <a:pt x="271" y="552"/>
                    <a:pt x="268" y="551"/>
                  </a:cubicBezTo>
                  <a:cubicBezTo>
                    <a:pt x="266" y="551"/>
                    <a:pt x="266" y="549"/>
                    <a:pt x="265" y="548"/>
                  </a:cubicBezTo>
                  <a:cubicBezTo>
                    <a:pt x="265" y="548"/>
                    <a:pt x="265" y="548"/>
                    <a:pt x="265" y="548"/>
                  </a:cubicBezTo>
                  <a:cubicBezTo>
                    <a:pt x="265" y="549"/>
                    <a:pt x="265" y="549"/>
                    <a:pt x="265" y="547"/>
                  </a:cubicBezTo>
                  <a:cubicBezTo>
                    <a:pt x="264" y="544"/>
                    <a:pt x="266" y="543"/>
                    <a:pt x="266" y="542"/>
                  </a:cubicBezTo>
                  <a:cubicBezTo>
                    <a:pt x="265" y="540"/>
                    <a:pt x="266" y="537"/>
                    <a:pt x="265" y="537"/>
                  </a:cubicBezTo>
                  <a:cubicBezTo>
                    <a:pt x="264" y="536"/>
                    <a:pt x="265" y="533"/>
                    <a:pt x="263" y="534"/>
                  </a:cubicBezTo>
                  <a:cubicBezTo>
                    <a:pt x="260" y="534"/>
                    <a:pt x="255" y="531"/>
                    <a:pt x="254" y="531"/>
                  </a:cubicBezTo>
                  <a:cubicBezTo>
                    <a:pt x="253" y="530"/>
                    <a:pt x="252" y="529"/>
                    <a:pt x="251" y="528"/>
                  </a:cubicBezTo>
                  <a:cubicBezTo>
                    <a:pt x="251" y="527"/>
                    <a:pt x="250" y="527"/>
                    <a:pt x="251" y="525"/>
                  </a:cubicBezTo>
                  <a:cubicBezTo>
                    <a:pt x="251" y="523"/>
                    <a:pt x="252" y="525"/>
                    <a:pt x="252" y="521"/>
                  </a:cubicBezTo>
                  <a:cubicBezTo>
                    <a:pt x="251" y="517"/>
                    <a:pt x="253" y="516"/>
                    <a:pt x="253" y="515"/>
                  </a:cubicBezTo>
                  <a:cubicBezTo>
                    <a:pt x="252" y="514"/>
                    <a:pt x="252" y="514"/>
                    <a:pt x="252" y="512"/>
                  </a:cubicBezTo>
                  <a:cubicBezTo>
                    <a:pt x="253" y="511"/>
                    <a:pt x="252" y="511"/>
                    <a:pt x="253" y="510"/>
                  </a:cubicBezTo>
                  <a:cubicBezTo>
                    <a:pt x="255" y="508"/>
                    <a:pt x="255" y="508"/>
                    <a:pt x="255" y="506"/>
                  </a:cubicBezTo>
                  <a:cubicBezTo>
                    <a:pt x="254" y="504"/>
                    <a:pt x="254" y="502"/>
                    <a:pt x="255" y="502"/>
                  </a:cubicBezTo>
                  <a:cubicBezTo>
                    <a:pt x="255" y="501"/>
                    <a:pt x="255" y="501"/>
                    <a:pt x="255" y="501"/>
                  </a:cubicBezTo>
                  <a:cubicBezTo>
                    <a:pt x="255" y="501"/>
                    <a:pt x="256" y="506"/>
                    <a:pt x="256" y="508"/>
                  </a:cubicBezTo>
                  <a:cubicBezTo>
                    <a:pt x="255" y="511"/>
                    <a:pt x="255" y="511"/>
                    <a:pt x="255" y="513"/>
                  </a:cubicBezTo>
                  <a:cubicBezTo>
                    <a:pt x="255" y="514"/>
                    <a:pt x="255" y="519"/>
                    <a:pt x="255" y="520"/>
                  </a:cubicBezTo>
                  <a:cubicBezTo>
                    <a:pt x="253" y="524"/>
                    <a:pt x="252" y="524"/>
                    <a:pt x="253" y="525"/>
                  </a:cubicBezTo>
                  <a:cubicBezTo>
                    <a:pt x="254" y="526"/>
                    <a:pt x="255" y="529"/>
                    <a:pt x="257" y="529"/>
                  </a:cubicBezTo>
                  <a:cubicBezTo>
                    <a:pt x="259" y="528"/>
                    <a:pt x="258" y="527"/>
                    <a:pt x="260" y="528"/>
                  </a:cubicBezTo>
                  <a:cubicBezTo>
                    <a:pt x="261" y="529"/>
                    <a:pt x="262" y="529"/>
                    <a:pt x="263" y="529"/>
                  </a:cubicBezTo>
                  <a:cubicBezTo>
                    <a:pt x="264" y="529"/>
                    <a:pt x="265" y="529"/>
                    <a:pt x="265" y="530"/>
                  </a:cubicBezTo>
                  <a:cubicBezTo>
                    <a:pt x="265" y="531"/>
                    <a:pt x="267" y="532"/>
                    <a:pt x="269" y="533"/>
                  </a:cubicBezTo>
                  <a:cubicBezTo>
                    <a:pt x="270" y="534"/>
                    <a:pt x="273" y="534"/>
                    <a:pt x="274" y="534"/>
                  </a:cubicBezTo>
                  <a:cubicBezTo>
                    <a:pt x="276" y="535"/>
                    <a:pt x="276" y="535"/>
                    <a:pt x="277" y="535"/>
                  </a:cubicBezTo>
                  <a:cubicBezTo>
                    <a:pt x="278" y="535"/>
                    <a:pt x="278" y="535"/>
                    <a:pt x="279" y="535"/>
                  </a:cubicBezTo>
                  <a:cubicBezTo>
                    <a:pt x="280" y="535"/>
                    <a:pt x="281" y="535"/>
                    <a:pt x="281" y="535"/>
                  </a:cubicBezTo>
                  <a:cubicBezTo>
                    <a:pt x="282" y="534"/>
                    <a:pt x="282" y="533"/>
                    <a:pt x="284" y="534"/>
                  </a:cubicBezTo>
                  <a:cubicBezTo>
                    <a:pt x="286" y="534"/>
                    <a:pt x="287" y="534"/>
                    <a:pt x="288" y="534"/>
                  </a:cubicBezTo>
                  <a:cubicBezTo>
                    <a:pt x="292" y="536"/>
                    <a:pt x="297" y="534"/>
                    <a:pt x="297" y="534"/>
                  </a:cubicBezTo>
                  <a:cubicBezTo>
                    <a:pt x="297" y="534"/>
                    <a:pt x="299" y="531"/>
                    <a:pt x="300" y="530"/>
                  </a:cubicBezTo>
                  <a:cubicBezTo>
                    <a:pt x="301" y="530"/>
                    <a:pt x="301" y="530"/>
                    <a:pt x="303" y="528"/>
                  </a:cubicBezTo>
                  <a:cubicBezTo>
                    <a:pt x="305" y="525"/>
                    <a:pt x="306" y="522"/>
                    <a:pt x="307" y="522"/>
                  </a:cubicBezTo>
                  <a:cubicBezTo>
                    <a:pt x="308" y="521"/>
                    <a:pt x="308" y="521"/>
                    <a:pt x="310" y="519"/>
                  </a:cubicBezTo>
                  <a:cubicBezTo>
                    <a:pt x="311" y="516"/>
                    <a:pt x="312" y="515"/>
                    <a:pt x="313" y="514"/>
                  </a:cubicBezTo>
                  <a:cubicBezTo>
                    <a:pt x="315" y="513"/>
                    <a:pt x="318" y="511"/>
                    <a:pt x="318" y="511"/>
                  </a:cubicBezTo>
                  <a:cubicBezTo>
                    <a:pt x="318" y="511"/>
                    <a:pt x="319" y="508"/>
                    <a:pt x="319" y="506"/>
                  </a:cubicBezTo>
                  <a:cubicBezTo>
                    <a:pt x="319" y="505"/>
                    <a:pt x="320" y="503"/>
                    <a:pt x="320" y="502"/>
                  </a:cubicBezTo>
                  <a:cubicBezTo>
                    <a:pt x="321" y="501"/>
                    <a:pt x="321" y="500"/>
                    <a:pt x="322" y="499"/>
                  </a:cubicBezTo>
                  <a:cubicBezTo>
                    <a:pt x="322" y="499"/>
                    <a:pt x="322" y="499"/>
                    <a:pt x="323" y="499"/>
                  </a:cubicBezTo>
                  <a:cubicBezTo>
                    <a:pt x="323" y="500"/>
                    <a:pt x="324" y="500"/>
                    <a:pt x="324" y="498"/>
                  </a:cubicBezTo>
                  <a:cubicBezTo>
                    <a:pt x="325" y="498"/>
                    <a:pt x="329" y="495"/>
                    <a:pt x="329" y="495"/>
                  </a:cubicBezTo>
                  <a:cubicBezTo>
                    <a:pt x="329" y="495"/>
                    <a:pt x="330" y="493"/>
                    <a:pt x="332" y="492"/>
                  </a:cubicBezTo>
                  <a:cubicBezTo>
                    <a:pt x="334" y="491"/>
                    <a:pt x="336" y="489"/>
                    <a:pt x="336" y="489"/>
                  </a:cubicBezTo>
                  <a:cubicBezTo>
                    <a:pt x="337" y="489"/>
                    <a:pt x="338" y="488"/>
                    <a:pt x="339" y="487"/>
                  </a:cubicBezTo>
                  <a:cubicBezTo>
                    <a:pt x="340" y="486"/>
                    <a:pt x="342" y="484"/>
                    <a:pt x="342" y="482"/>
                  </a:cubicBezTo>
                  <a:cubicBezTo>
                    <a:pt x="342" y="479"/>
                    <a:pt x="342" y="478"/>
                    <a:pt x="343" y="478"/>
                  </a:cubicBezTo>
                  <a:cubicBezTo>
                    <a:pt x="344" y="477"/>
                    <a:pt x="344" y="478"/>
                    <a:pt x="345" y="474"/>
                  </a:cubicBezTo>
                  <a:cubicBezTo>
                    <a:pt x="346" y="471"/>
                    <a:pt x="345" y="471"/>
                    <a:pt x="347" y="468"/>
                  </a:cubicBezTo>
                  <a:cubicBezTo>
                    <a:pt x="349" y="466"/>
                    <a:pt x="349" y="464"/>
                    <a:pt x="353" y="461"/>
                  </a:cubicBezTo>
                  <a:cubicBezTo>
                    <a:pt x="353" y="461"/>
                    <a:pt x="358" y="454"/>
                    <a:pt x="359" y="453"/>
                  </a:cubicBezTo>
                  <a:cubicBezTo>
                    <a:pt x="360" y="451"/>
                    <a:pt x="360" y="451"/>
                    <a:pt x="360" y="450"/>
                  </a:cubicBezTo>
                  <a:cubicBezTo>
                    <a:pt x="361" y="449"/>
                    <a:pt x="362" y="446"/>
                    <a:pt x="362" y="445"/>
                  </a:cubicBezTo>
                  <a:cubicBezTo>
                    <a:pt x="362" y="443"/>
                    <a:pt x="363" y="439"/>
                    <a:pt x="363" y="438"/>
                  </a:cubicBezTo>
                  <a:cubicBezTo>
                    <a:pt x="362" y="437"/>
                    <a:pt x="363" y="434"/>
                    <a:pt x="363" y="434"/>
                  </a:cubicBezTo>
                  <a:cubicBezTo>
                    <a:pt x="363" y="434"/>
                    <a:pt x="362" y="432"/>
                    <a:pt x="361" y="431"/>
                  </a:cubicBezTo>
                  <a:cubicBezTo>
                    <a:pt x="360" y="429"/>
                    <a:pt x="361" y="429"/>
                    <a:pt x="360" y="427"/>
                  </a:cubicBezTo>
                  <a:cubicBezTo>
                    <a:pt x="359" y="426"/>
                    <a:pt x="358" y="425"/>
                    <a:pt x="359" y="424"/>
                  </a:cubicBezTo>
                  <a:cubicBezTo>
                    <a:pt x="361" y="423"/>
                    <a:pt x="362" y="424"/>
                    <a:pt x="361" y="421"/>
                  </a:cubicBezTo>
                  <a:cubicBezTo>
                    <a:pt x="360" y="419"/>
                    <a:pt x="358" y="417"/>
                    <a:pt x="360" y="417"/>
                  </a:cubicBezTo>
                  <a:cubicBezTo>
                    <a:pt x="361" y="417"/>
                    <a:pt x="362" y="417"/>
                    <a:pt x="363" y="417"/>
                  </a:cubicBezTo>
                  <a:cubicBezTo>
                    <a:pt x="364" y="417"/>
                    <a:pt x="365" y="417"/>
                    <a:pt x="366" y="417"/>
                  </a:cubicBezTo>
                  <a:cubicBezTo>
                    <a:pt x="367" y="417"/>
                    <a:pt x="367" y="417"/>
                    <a:pt x="368" y="416"/>
                  </a:cubicBezTo>
                  <a:cubicBezTo>
                    <a:pt x="368" y="416"/>
                    <a:pt x="368" y="416"/>
                    <a:pt x="368" y="416"/>
                  </a:cubicBezTo>
                  <a:cubicBezTo>
                    <a:pt x="368" y="416"/>
                    <a:pt x="369" y="415"/>
                    <a:pt x="371" y="413"/>
                  </a:cubicBezTo>
                  <a:cubicBezTo>
                    <a:pt x="376" y="408"/>
                    <a:pt x="379" y="407"/>
                    <a:pt x="379" y="407"/>
                  </a:cubicBezTo>
                  <a:cubicBezTo>
                    <a:pt x="382" y="404"/>
                    <a:pt x="381" y="403"/>
                    <a:pt x="382" y="403"/>
                  </a:cubicBezTo>
                  <a:cubicBezTo>
                    <a:pt x="383" y="403"/>
                    <a:pt x="384" y="402"/>
                    <a:pt x="385" y="402"/>
                  </a:cubicBezTo>
                  <a:cubicBezTo>
                    <a:pt x="387" y="402"/>
                    <a:pt x="388" y="401"/>
                    <a:pt x="389" y="401"/>
                  </a:cubicBezTo>
                  <a:cubicBezTo>
                    <a:pt x="389" y="401"/>
                    <a:pt x="391" y="401"/>
                    <a:pt x="392" y="402"/>
                  </a:cubicBezTo>
                  <a:cubicBezTo>
                    <a:pt x="393" y="403"/>
                    <a:pt x="393" y="402"/>
                    <a:pt x="394" y="402"/>
                  </a:cubicBezTo>
                  <a:cubicBezTo>
                    <a:pt x="396" y="402"/>
                    <a:pt x="399" y="401"/>
                    <a:pt x="399" y="401"/>
                  </a:cubicBezTo>
                  <a:cubicBezTo>
                    <a:pt x="399" y="401"/>
                    <a:pt x="394" y="400"/>
                    <a:pt x="396" y="398"/>
                  </a:cubicBezTo>
                  <a:cubicBezTo>
                    <a:pt x="398" y="397"/>
                    <a:pt x="398" y="397"/>
                    <a:pt x="399" y="397"/>
                  </a:cubicBezTo>
                  <a:cubicBezTo>
                    <a:pt x="400" y="397"/>
                    <a:pt x="400" y="397"/>
                    <a:pt x="401" y="397"/>
                  </a:cubicBezTo>
                  <a:cubicBezTo>
                    <a:pt x="404" y="395"/>
                    <a:pt x="405" y="396"/>
                    <a:pt x="406" y="393"/>
                  </a:cubicBezTo>
                  <a:cubicBezTo>
                    <a:pt x="406" y="391"/>
                    <a:pt x="405" y="389"/>
                    <a:pt x="406" y="391"/>
                  </a:cubicBezTo>
                  <a:cubicBezTo>
                    <a:pt x="407" y="392"/>
                    <a:pt x="407" y="392"/>
                    <a:pt x="408" y="392"/>
                  </a:cubicBezTo>
                  <a:cubicBezTo>
                    <a:pt x="409" y="392"/>
                    <a:pt x="409" y="392"/>
                    <a:pt x="409" y="392"/>
                  </a:cubicBezTo>
                  <a:cubicBezTo>
                    <a:pt x="410" y="392"/>
                    <a:pt x="411" y="392"/>
                    <a:pt x="412" y="392"/>
                  </a:cubicBezTo>
                  <a:cubicBezTo>
                    <a:pt x="413" y="392"/>
                    <a:pt x="414" y="391"/>
                    <a:pt x="415" y="391"/>
                  </a:cubicBezTo>
                  <a:cubicBezTo>
                    <a:pt x="415" y="392"/>
                    <a:pt x="416" y="391"/>
                    <a:pt x="416" y="391"/>
                  </a:cubicBezTo>
                  <a:cubicBezTo>
                    <a:pt x="417" y="391"/>
                    <a:pt x="417" y="390"/>
                    <a:pt x="418" y="391"/>
                  </a:cubicBezTo>
                  <a:cubicBezTo>
                    <a:pt x="418" y="391"/>
                    <a:pt x="418" y="391"/>
                    <a:pt x="419" y="391"/>
                  </a:cubicBezTo>
                  <a:cubicBezTo>
                    <a:pt x="419" y="391"/>
                    <a:pt x="420" y="391"/>
                    <a:pt x="420" y="391"/>
                  </a:cubicBezTo>
                  <a:cubicBezTo>
                    <a:pt x="421" y="392"/>
                    <a:pt x="422" y="393"/>
                    <a:pt x="424" y="392"/>
                  </a:cubicBezTo>
                  <a:cubicBezTo>
                    <a:pt x="426" y="391"/>
                    <a:pt x="427" y="389"/>
                    <a:pt x="427" y="390"/>
                  </a:cubicBezTo>
                  <a:cubicBezTo>
                    <a:pt x="428" y="390"/>
                    <a:pt x="429" y="390"/>
                    <a:pt x="429" y="390"/>
                  </a:cubicBezTo>
                  <a:cubicBezTo>
                    <a:pt x="430" y="390"/>
                    <a:pt x="430" y="390"/>
                    <a:pt x="430" y="391"/>
                  </a:cubicBezTo>
                  <a:cubicBezTo>
                    <a:pt x="431" y="391"/>
                    <a:pt x="433" y="391"/>
                    <a:pt x="433" y="389"/>
                  </a:cubicBezTo>
                  <a:cubicBezTo>
                    <a:pt x="434" y="387"/>
                    <a:pt x="434" y="385"/>
                    <a:pt x="435" y="385"/>
                  </a:cubicBezTo>
                  <a:cubicBezTo>
                    <a:pt x="437" y="384"/>
                    <a:pt x="437" y="384"/>
                    <a:pt x="437" y="384"/>
                  </a:cubicBezTo>
                  <a:cubicBezTo>
                    <a:pt x="437" y="384"/>
                    <a:pt x="437" y="384"/>
                    <a:pt x="440" y="382"/>
                  </a:cubicBezTo>
                  <a:cubicBezTo>
                    <a:pt x="444" y="378"/>
                    <a:pt x="445" y="377"/>
                    <a:pt x="445" y="376"/>
                  </a:cubicBezTo>
                  <a:cubicBezTo>
                    <a:pt x="445" y="375"/>
                    <a:pt x="444" y="371"/>
                    <a:pt x="445" y="370"/>
                  </a:cubicBezTo>
                  <a:cubicBezTo>
                    <a:pt x="447" y="368"/>
                    <a:pt x="449" y="367"/>
                    <a:pt x="449" y="365"/>
                  </a:cubicBezTo>
                  <a:cubicBezTo>
                    <a:pt x="450" y="363"/>
                    <a:pt x="450" y="364"/>
                    <a:pt x="453" y="359"/>
                  </a:cubicBezTo>
                  <a:cubicBezTo>
                    <a:pt x="456" y="355"/>
                    <a:pt x="455" y="355"/>
                    <a:pt x="456" y="354"/>
                  </a:cubicBezTo>
                  <a:cubicBezTo>
                    <a:pt x="457" y="353"/>
                    <a:pt x="457" y="354"/>
                    <a:pt x="457" y="354"/>
                  </a:cubicBezTo>
                  <a:cubicBezTo>
                    <a:pt x="458" y="355"/>
                    <a:pt x="458" y="356"/>
                    <a:pt x="458" y="351"/>
                  </a:cubicBezTo>
                  <a:cubicBezTo>
                    <a:pt x="458" y="342"/>
                    <a:pt x="459" y="343"/>
                    <a:pt x="459" y="341"/>
                  </a:cubicBezTo>
                  <a:cubicBezTo>
                    <a:pt x="458" y="339"/>
                    <a:pt x="458" y="339"/>
                    <a:pt x="458" y="338"/>
                  </a:cubicBezTo>
                  <a:cubicBezTo>
                    <a:pt x="459" y="337"/>
                    <a:pt x="458" y="336"/>
                    <a:pt x="460" y="335"/>
                  </a:cubicBezTo>
                  <a:cubicBezTo>
                    <a:pt x="462" y="334"/>
                    <a:pt x="463" y="333"/>
                    <a:pt x="463" y="332"/>
                  </a:cubicBezTo>
                  <a:cubicBezTo>
                    <a:pt x="464" y="332"/>
                    <a:pt x="465" y="329"/>
                    <a:pt x="465" y="328"/>
                  </a:cubicBezTo>
                  <a:cubicBezTo>
                    <a:pt x="465" y="327"/>
                    <a:pt x="466" y="323"/>
                    <a:pt x="465" y="322"/>
                  </a:cubicBezTo>
                  <a:cubicBezTo>
                    <a:pt x="464" y="320"/>
                    <a:pt x="465" y="318"/>
                    <a:pt x="465" y="317"/>
                  </a:cubicBezTo>
                  <a:cubicBezTo>
                    <a:pt x="467" y="313"/>
                    <a:pt x="467" y="314"/>
                    <a:pt x="467" y="312"/>
                  </a:cubicBezTo>
                  <a:cubicBezTo>
                    <a:pt x="467" y="310"/>
                    <a:pt x="465" y="307"/>
                    <a:pt x="465" y="305"/>
                  </a:cubicBezTo>
                  <a:cubicBezTo>
                    <a:pt x="465" y="303"/>
                    <a:pt x="467" y="299"/>
                    <a:pt x="466" y="298"/>
                  </a:cubicBezTo>
                  <a:cubicBezTo>
                    <a:pt x="466" y="296"/>
                    <a:pt x="467" y="295"/>
                    <a:pt x="466" y="293"/>
                  </a:cubicBezTo>
                  <a:cubicBezTo>
                    <a:pt x="466" y="290"/>
                    <a:pt x="466" y="289"/>
                    <a:pt x="466" y="288"/>
                  </a:cubicBezTo>
                  <a:cubicBezTo>
                    <a:pt x="466" y="287"/>
                    <a:pt x="467" y="287"/>
                    <a:pt x="466" y="284"/>
                  </a:cubicBezTo>
                  <a:cubicBezTo>
                    <a:pt x="465" y="282"/>
                    <a:pt x="462" y="281"/>
                    <a:pt x="465" y="280"/>
                  </a:cubicBezTo>
                  <a:cubicBezTo>
                    <a:pt x="467" y="279"/>
                    <a:pt x="464" y="280"/>
                    <a:pt x="467" y="279"/>
                  </a:cubicBezTo>
                  <a:cubicBezTo>
                    <a:pt x="470" y="279"/>
                    <a:pt x="472" y="279"/>
                    <a:pt x="469" y="278"/>
                  </a:cubicBezTo>
                  <a:cubicBezTo>
                    <a:pt x="467" y="277"/>
                    <a:pt x="465" y="277"/>
                    <a:pt x="465" y="277"/>
                  </a:cubicBezTo>
                  <a:cubicBezTo>
                    <a:pt x="465" y="277"/>
                    <a:pt x="465" y="276"/>
                    <a:pt x="468" y="276"/>
                  </a:cubicBezTo>
                  <a:cubicBezTo>
                    <a:pt x="470" y="276"/>
                    <a:pt x="469" y="275"/>
                    <a:pt x="471" y="276"/>
                  </a:cubicBezTo>
                  <a:cubicBezTo>
                    <a:pt x="473" y="276"/>
                    <a:pt x="471" y="278"/>
                    <a:pt x="473" y="276"/>
                  </a:cubicBezTo>
                  <a:cubicBezTo>
                    <a:pt x="476" y="275"/>
                    <a:pt x="478" y="274"/>
                    <a:pt x="478" y="272"/>
                  </a:cubicBezTo>
                  <a:cubicBezTo>
                    <a:pt x="478" y="270"/>
                    <a:pt x="480" y="268"/>
                    <a:pt x="480" y="268"/>
                  </a:cubicBezTo>
                  <a:cubicBezTo>
                    <a:pt x="481" y="267"/>
                    <a:pt x="481" y="265"/>
                    <a:pt x="481" y="265"/>
                  </a:cubicBezTo>
                  <a:cubicBezTo>
                    <a:pt x="481" y="265"/>
                    <a:pt x="482" y="264"/>
                    <a:pt x="482" y="263"/>
                  </a:cubicBezTo>
                  <a:cubicBezTo>
                    <a:pt x="482" y="262"/>
                    <a:pt x="482" y="260"/>
                    <a:pt x="483" y="260"/>
                  </a:cubicBezTo>
                  <a:cubicBezTo>
                    <a:pt x="484" y="259"/>
                    <a:pt x="484" y="260"/>
                    <a:pt x="486" y="257"/>
                  </a:cubicBezTo>
                  <a:cubicBezTo>
                    <a:pt x="488" y="254"/>
                    <a:pt x="495" y="248"/>
                    <a:pt x="497" y="247"/>
                  </a:cubicBezTo>
                  <a:cubicBezTo>
                    <a:pt x="499" y="245"/>
                    <a:pt x="500" y="246"/>
                    <a:pt x="501" y="243"/>
                  </a:cubicBezTo>
                  <a:cubicBezTo>
                    <a:pt x="502" y="241"/>
                    <a:pt x="503" y="241"/>
                    <a:pt x="504" y="239"/>
                  </a:cubicBezTo>
                  <a:cubicBezTo>
                    <a:pt x="506" y="237"/>
                    <a:pt x="506" y="237"/>
                    <a:pt x="507" y="236"/>
                  </a:cubicBezTo>
                  <a:cubicBezTo>
                    <a:pt x="507" y="235"/>
                    <a:pt x="508" y="233"/>
                    <a:pt x="508" y="232"/>
                  </a:cubicBezTo>
                  <a:cubicBezTo>
                    <a:pt x="509" y="231"/>
                    <a:pt x="510" y="229"/>
                    <a:pt x="510" y="227"/>
                  </a:cubicBezTo>
                  <a:cubicBezTo>
                    <a:pt x="510" y="226"/>
                    <a:pt x="510" y="224"/>
                    <a:pt x="510" y="223"/>
                  </a:cubicBezTo>
                  <a:cubicBezTo>
                    <a:pt x="510" y="222"/>
                    <a:pt x="510" y="222"/>
                    <a:pt x="510" y="220"/>
                  </a:cubicBezTo>
                  <a:cubicBezTo>
                    <a:pt x="509" y="218"/>
                    <a:pt x="508" y="216"/>
                    <a:pt x="509" y="215"/>
                  </a:cubicBezTo>
                  <a:cubicBezTo>
                    <a:pt x="510" y="214"/>
                    <a:pt x="511" y="212"/>
                    <a:pt x="510" y="210"/>
                  </a:cubicBezTo>
                  <a:moveTo>
                    <a:pt x="335" y="480"/>
                  </a:moveTo>
                  <a:cubicBezTo>
                    <a:pt x="334" y="486"/>
                    <a:pt x="335" y="486"/>
                    <a:pt x="332" y="488"/>
                  </a:cubicBezTo>
                  <a:cubicBezTo>
                    <a:pt x="331" y="489"/>
                    <a:pt x="331" y="488"/>
                    <a:pt x="331" y="488"/>
                  </a:cubicBezTo>
                  <a:cubicBezTo>
                    <a:pt x="331" y="487"/>
                    <a:pt x="332" y="486"/>
                    <a:pt x="330" y="490"/>
                  </a:cubicBezTo>
                  <a:cubicBezTo>
                    <a:pt x="326" y="495"/>
                    <a:pt x="329" y="492"/>
                    <a:pt x="326" y="495"/>
                  </a:cubicBezTo>
                  <a:cubicBezTo>
                    <a:pt x="325" y="497"/>
                    <a:pt x="324" y="497"/>
                    <a:pt x="324" y="498"/>
                  </a:cubicBezTo>
                  <a:cubicBezTo>
                    <a:pt x="323" y="497"/>
                    <a:pt x="323" y="497"/>
                    <a:pt x="323" y="497"/>
                  </a:cubicBezTo>
                  <a:cubicBezTo>
                    <a:pt x="323" y="492"/>
                    <a:pt x="324" y="491"/>
                    <a:pt x="324" y="491"/>
                  </a:cubicBezTo>
                  <a:cubicBezTo>
                    <a:pt x="324" y="491"/>
                    <a:pt x="326" y="490"/>
                    <a:pt x="327" y="490"/>
                  </a:cubicBezTo>
                  <a:cubicBezTo>
                    <a:pt x="328" y="489"/>
                    <a:pt x="328" y="489"/>
                    <a:pt x="329" y="486"/>
                  </a:cubicBezTo>
                  <a:cubicBezTo>
                    <a:pt x="330" y="483"/>
                    <a:pt x="331" y="482"/>
                    <a:pt x="332" y="481"/>
                  </a:cubicBezTo>
                  <a:cubicBezTo>
                    <a:pt x="333" y="480"/>
                    <a:pt x="336" y="475"/>
                    <a:pt x="335" y="480"/>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3" name="ïşḷïḍe">
              <a:extLst>
                <a:ext uri="{FF2B5EF4-FFF2-40B4-BE49-F238E27FC236}">
                  <a16:creationId xmlns:a16="http://schemas.microsoft.com/office/drawing/2014/main" xmlns="" id="{C753E946-B946-42B1-93DF-88FBF9026169}"/>
                </a:ext>
              </a:extLst>
            </p:cNvPr>
            <p:cNvSpPr/>
            <p:nvPr/>
          </p:nvSpPr>
          <p:spPr bwMode="auto">
            <a:xfrm>
              <a:off x="4975226" y="2895600"/>
              <a:ext cx="14288" cy="15875"/>
            </a:xfrm>
            <a:custGeom>
              <a:avLst/>
              <a:gdLst>
                <a:gd name="T0" fmla="*/ 5 w 9"/>
                <a:gd name="T1" fmla="*/ 9 h 10"/>
                <a:gd name="T2" fmla="*/ 9 w 9"/>
                <a:gd name="T3" fmla="*/ 7 h 10"/>
                <a:gd name="T4" fmla="*/ 6 w 9"/>
                <a:gd name="T5" fmla="*/ 2 h 10"/>
                <a:gd name="T6" fmla="*/ 2 w 9"/>
                <a:gd name="T7" fmla="*/ 7 h 10"/>
                <a:gd name="T8" fmla="*/ 2 w 9"/>
                <a:gd name="T9" fmla="*/ 9 h 10"/>
                <a:gd name="T10" fmla="*/ 5 w 9"/>
                <a:gd name="T11" fmla="*/ 9 h 10"/>
              </a:gdLst>
              <a:ahLst/>
              <a:cxnLst>
                <a:cxn ang="0">
                  <a:pos x="T0" y="T1"/>
                </a:cxn>
                <a:cxn ang="0">
                  <a:pos x="T2" y="T3"/>
                </a:cxn>
                <a:cxn ang="0">
                  <a:pos x="T4" y="T5"/>
                </a:cxn>
                <a:cxn ang="0">
                  <a:pos x="T6" y="T7"/>
                </a:cxn>
                <a:cxn ang="0">
                  <a:pos x="T8" y="T9"/>
                </a:cxn>
                <a:cxn ang="0">
                  <a:pos x="T10" y="T11"/>
                </a:cxn>
              </a:cxnLst>
              <a:rect l="0" t="0" r="r" b="b"/>
              <a:pathLst>
                <a:path w="9" h="10">
                  <a:moveTo>
                    <a:pt x="5" y="9"/>
                  </a:moveTo>
                  <a:cubicBezTo>
                    <a:pt x="8" y="9"/>
                    <a:pt x="9" y="10"/>
                    <a:pt x="9" y="7"/>
                  </a:cubicBezTo>
                  <a:cubicBezTo>
                    <a:pt x="9" y="3"/>
                    <a:pt x="8" y="0"/>
                    <a:pt x="6" y="2"/>
                  </a:cubicBezTo>
                  <a:cubicBezTo>
                    <a:pt x="4" y="3"/>
                    <a:pt x="3" y="5"/>
                    <a:pt x="2" y="7"/>
                  </a:cubicBezTo>
                  <a:cubicBezTo>
                    <a:pt x="1" y="8"/>
                    <a:pt x="0" y="9"/>
                    <a:pt x="2" y="9"/>
                  </a:cubicBezTo>
                  <a:cubicBezTo>
                    <a:pt x="4" y="9"/>
                    <a:pt x="3" y="9"/>
                    <a:pt x="5" y="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4" name="ïşļîďé">
              <a:extLst>
                <a:ext uri="{FF2B5EF4-FFF2-40B4-BE49-F238E27FC236}">
                  <a16:creationId xmlns:a16="http://schemas.microsoft.com/office/drawing/2014/main" xmlns="" id="{83EB49D3-2F84-4528-85B5-912557D27641}"/>
                </a:ext>
              </a:extLst>
            </p:cNvPr>
            <p:cNvSpPr/>
            <p:nvPr/>
          </p:nvSpPr>
          <p:spPr bwMode="auto">
            <a:xfrm>
              <a:off x="5789614" y="2417763"/>
              <a:ext cx="901700" cy="1236663"/>
            </a:xfrm>
            <a:custGeom>
              <a:avLst/>
              <a:gdLst>
                <a:gd name="T0" fmla="*/ 512 w 555"/>
                <a:gd name="T1" fmla="*/ 358 h 762"/>
                <a:gd name="T2" fmla="*/ 121 w 555"/>
                <a:gd name="T3" fmla="*/ 762 h 762"/>
                <a:gd name="T4" fmla="*/ 43 w 555"/>
                <a:gd name="T5" fmla="*/ 205 h 762"/>
                <a:gd name="T6" fmla="*/ 355 w 555"/>
                <a:gd name="T7" fmla="*/ 42 h 762"/>
                <a:gd name="T8" fmla="*/ 512 w 555"/>
                <a:gd name="T9" fmla="*/ 358 h 762"/>
              </a:gdLst>
              <a:ahLst/>
              <a:cxnLst>
                <a:cxn ang="0">
                  <a:pos x="T0" y="T1"/>
                </a:cxn>
                <a:cxn ang="0">
                  <a:pos x="T2" y="T3"/>
                </a:cxn>
                <a:cxn ang="0">
                  <a:pos x="T4" y="T5"/>
                </a:cxn>
                <a:cxn ang="0">
                  <a:pos x="T6" y="T7"/>
                </a:cxn>
                <a:cxn ang="0">
                  <a:pos x="T8" y="T9"/>
                </a:cxn>
              </a:cxnLst>
              <a:rect l="0" t="0" r="r" b="b"/>
              <a:pathLst>
                <a:path w="555" h="762">
                  <a:moveTo>
                    <a:pt x="512" y="358"/>
                  </a:moveTo>
                  <a:cubicBezTo>
                    <a:pt x="469" y="490"/>
                    <a:pt x="121" y="762"/>
                    <a:pt x="121" y="762"/>
                  </a:cubicBezTo>
                  <a:cubicBezTo>
                    <a:pt x="121" y="762"/>
                    <a:pt x="0" y="337"/>
                    <a:pt x="43" y="205"/>
                  </a:cubicBezTo>
                  <a:cubicBezTo>
                    <a:pt x="86" y="73"/>
                    <a:pt x="226" y="0"/>
                    <a:pt x="355" y="42"/>
                  </a:cubicBezTo>
                  <a:cubicBezTo>
                    <a:pt x="485" y="84"/>
                    <a:pt x="555" y="226"/>
                    <a:pt x="512" y="358"/>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5" name="ïṧḻiḍè">
              <a:extLst>
                <a:ext uri="{FF2B5EF4-FFF2-40B4-BE49-F238E27FC236}">
                  <a16:creationId xmlns:a16="http://schemas.microsoft.com/office/drawing/2014/main" xmlns="" id="{1B46FC73-B10B-4132-AC6E-59DA8B5EAE22}"/>
                </a:ext>
              </a:extLst>
            </p:cNvPr>
            <p:cNvSpPr/>
            <p:nvPr/>
          </p:nvSpPr>
          <p:spPr bwMode="auto">
            <a:xfrm>
              <a:off x="6034089" y="2643188"/>
              <a:ext cx="422275" cy="428625"/>
            </a:xfrm>
            <a:custGeom>
              <a:avLst/>
              <a:gdLst>
                <a:gd name="T0" fmla="*/ 240 w 260"/>
                <a:gd name="T1" fmla="*/ 168 h 264"/>
                <a:gd name="T2" fmla="*/ 94 w 260"/>
                <a:gd name="T3" fmla="*/ 244 h 264"/>
                <a:gd name="T4" fmla="*/ 20 w 260"/>
                <a:gd name="T5" fmla="*/ 96 h 264"/>
                <a:gd name="T6" fmla="*/ 167 w 260"/>
                <a:gd name="T7" fmla="*/ 20 h 264"/>
                <a:gd name="T8" fmla="*/ 240 w 260"/>
                <a:gd name="T9" fmla="*/ 168 h 264"/>
              </a:gdLst>
              <a:ahLst/>
              <a:cxnLst>
                <a:cxn ang="0">
                  <a:pos x="T0" y="T1"/>
                </a:cxn>
                <a:cxn ang="0">
                  <a:pos x="T2" y="T3"/>
                </a:cxn>
                <a:cxn ang="0">
                  <a:pos x="T4" y="T5"/>
                </a:cxn>
                <a:cxn ang="0">
                  <a:pos x="T6" y="T7"/>
                </a:cxn>
                <a:cxn ang="0">
                  <a:pos x="T8" y="T9"/>
                </a:cxn>
              </a:cxnLst>
              <a:rect l="0" t="0" r="r" b="b"/>
              <a:pathLst>
                <a:path w="260" h="264">
                  <a:moveTo>
                    <a:pt x="240" y="168"/>
                  </a:moveTo>
                  <a:cubicBezTo>
                    <a:pt x="220" y="230"/>
                    <a:pt x="154" y="264"/>
                    <a:pt x="94" y="244"/>
                  </a:cubicBezTo>
                  <a:cubicBezTo>
                    <a:pt x="33" y="224"/>
                    <a:pt x="0" y="158"/>
                    <a:pt x="20" y="96"/>
                  </a:cubicBezTo>
                  <a:cubicBezTo>
                    <a:pt x="40" y="34"/>
                    <a:pt x="106" y="0"/>
                    <a:pt x="167" y="20"/>
                  </a:cubicBezTo>
                  <a:cubicBezTo>
                    <a:pt x="227" y="39"/>
                    <a:pt x="260" y="106"/>
                    <a:pt x="240" y="168"/>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6" name="íSḻïďê">
              <a:extLst>
                <a:ext uri="{FF2B5EF4-FFF2-40B4-BE49-F238E27FC236}">
                  <a16:creationId xmlns:a16="http://schemas.microsoft.com/office/drawing/2014/main" xmlns="" id="{226D3466-D511-4E30-B13E-E0E6C57D60CB}"/>
                </a:ext>
              </a:extLst>
            </p:cNvPr>
            <p:cNvSpPr/>
            <p:nvPr/>
          </p:nvSpPr>
          <p:spPr bwMode="auto">
            <a:xfrm>
              <a:off x="5875339" y="2513013"/>
              <a:ext cx="698500" cy="476250"/>
            </a:xfrm>
            <a:custGeom>
              <a:avLst/>
              <a:gdLst>
                <a:gd name="T0" fmla="*/ 222 w 430"/>
                <a:gd name="T1" fmla="*/ 0 h 293"/>
                <a:gd name="T2" fmla="*/ 16 w 430"/>
                <a:gd name="T3" fmla="*/ 152 h 293"/>
                <a:gd name="T4" fmla="*/ 17 w 430"/>
                <a:gd name="T5" fmla="*/ 293 h 293"/>
                <a:gd name="T6" fmla="*/ 24 w 430"/>
                <a:gd name="T7" fmla="*/ 180 h 293"/>
                <a:gd name="T8" fmla="*/ 230 w 430"/>
                <a:gd name="T9" fmla="*/ 28 h 293"/>
                <a:gd name="T10" fmla="*/ 295 w 430"/>
                <a:gd name="T11" fmla="*/ 39 h 293"/>
                <a:gd name="T12" fmla="*/ 430 w 430"/>
                <a:gd name="T13" fmla="*/ 172 h 293"/>
                <a:gd name="T14" fmla="*/ 287 w 430"/>
                <a:gd name="T15" fmla="*/ 11 h 293"/>
                <a:gd name="T16" fmla="*/ 222 w 430"/>
                <a:gd name="T17" fmla="*/ 0 h 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30" h="293">
                  <a:moveTo>
                    <a:pt x="222" y="0"/>
                  </a:moveTo>
                  <a:cubicBezTo>
                    <a:pt x="131" y="0"/>
                    <a:pt x="46" y="60"/>
                    <a:pt x="16" y="152"/>
                  </a:cubicBezTo>
                  <a:cubicBezTo>
                    <a:pt x="0" y="200"/>
                    <a:pt x="2" y="249"/>
                    <a:pt x="17" y="293"/>
                  </a:cubicBezTo>
                  <a:cubicBezTo>
                    <a:pt x="10" y="256"/>
                    <a:pt x="11" y="218"/>
                    <a:pt x="24" y="180"/>
                  </a:cubicBezTo>
                  <a:cubicBezTo>
                    <a:pt x="54" y="88"/>
                    <a:pt x="139" y="28"/>
                    <a:pt x="230" y="28"/>
                  </a:cubicBezTo>
                  <a:cubicBezTo>
                    <a:pt x="251" y="28"/>
                    <a:pt x="273" y="32"/>
                    <a:pt x="295" y="39"/>
                  </a:cubicBezTo>
                  <a:cubicBezTo>
                    <a:pt x="360" y="60"/>
                    <a:pt x="409" y="111"/>
                    <a:pt x="430" y="172"/>
                  </a:cubicBezTo>
                  <a:cubicBezTo>
                    <a:pt x="415" y="99"/>
                    <a:pt x="363" y="35"/>
                    <a:pt x="287" y="11"/>
                  </a:cubicBezTo>
                  <a:cubicBezTo>
                    <a:pt x="265" y="4"/>
                    <a:pt x="244" y="0"/>
                    <a:pt x="222"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7" name="ïŝḻïḑe">
              <a:extLst>
                <a:ext uri="{FF2B5EF4-FFF2-40B4-BE49-F238E27FC236}">
                  <a16:creationId xmlns:a16="http://schemas.microsoft.com/office/drawing/2014/main" xmlns="" id="{8FCC37AA-2E9A-41DE-961F-C80BEDAE3EE1}"/>
                </a:ext>
              </a:extLst>
            </p:cNvPr>
            <p:cNvSpPr/>
            <p:nvPr/>
          </p:nvSpPr>
          <p:spPr bwMode="auto">
            <a:xfrm>
              <a:off x="6621464" y="2994025"/>
              <a:ext cx="1588" cy="4763"/>
            </a:xfrm>
            <a:custGeom>
              <a:avLst/>
              <a:gdLst>
                <a:gd name="T0" fmla="*/ 1 w 1"/>
                <a:gd name="T1" fmla="*/ 0 h 3"/>
                <a:gd name="T2" fmla="*/ 0 w 1"/>
                <a:gd name="T3" fmla="*/ 3 h 3"/>
                <a:gd name="T4" fmla="*/ 1 w 1"/>
                <a:gd name="T5" fmla="*/ 0 h 3"/>
              </a:gdLst>
              <a:ahLst/>
              <a:cxnLst>
                <a:cxn ang="0">
                  <a:pos x="T0" y="T1"/>
                </a:cxn>
                <a:cxn ang="0">
                  <a:pos x="T2" y="T3"/>
                </a:cxn>
                <a:cxn ang="0">
                  <a:pos x="T4" y="T5"/>
                </a:cxn>
              </a:cxnLst>
              <a:rect l="0" t="0" r="r" b="b"/>
              <a:pathLst>
                <a:path w="1" h="3">
                  <a:moveTo>
                    <a:pt x="1" y="0"/>
                  </a:moveTo>
                  <a:cubicBezTo>
                    <a:pt x="0" y="1"/>
                    <a:pt x="0" y="2"/>
                    <a:pt x="0" y="3"/>
                  </a:cubicBezTo>
                  <a:cubicBezTo>
                    <a:pt x="0" y="2"/>
                    <a:pt x="0" y="1"/>
                    <a:pt x="1" y="0"/>
                  </a:cubicBezTo>
                </a:path>
              </a:pathLst>
            </a:cu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8" name="î$lîḓé">
              <a:extLst>
                <a:ext uri="{FF2B5EF4-FFF2-40B4-BE49-F238E27FC236}">
                  <a16:creationId xmlns:a16="http://schemas.microsoft.com/office/drawing/2014/main" xmlns="" id="{D450925A-006F-461E-ACFA-CCA80F78D9B6}"/>
                </a:ext>
              </a:extLst>
            </p:cNvPr>
            <p:cNvSpPr/>
            <p:nvPr/>
          </p:nvSpPr>
          <p:spPr bwMode="auto">
            <a:xfrm>
              <a:off x="5945189" y="2963863"/>
              <a:ext cx="685800" cy="690563"/>
            </a:xfrm>
            <a:custGeom>
              <a:avLst/>
              <a:gdLst>
                <a:gd name="T0" fmla="*/ 422 w 422"/>
                <a:gd name="T1" fmla="*/ 0 h 425"/>
                <a:gd name="T2" fmla="*/ 349 w 422"/>
                <a:gd name="T3" fmla="*/ 94 h 425"/>
                <a:gd name="T4" fmla="*/ 94 w 422"/>
                <a:gd name="T5" fmla="*/ 266 h 425"/>
                <a:gd name="T6" fmla="*/ 0 w 422"/>
                <a:gd name="T7" fmla="*/ 315 h 425"/>
                <a:gd name="T8" fmla="*/ 25 w 422"/>
                <a:gd name="T9" fmla="*/ 425 h 425"/>
                <a:gd name="T10" fmla="*/ 416 w 422"/>
                <a:gd name="T11" fmla="*/ 21 h 425"/>
                <a:gd name="T12" fmla="*/ 416 w 422"/>
                <a:gd name="T13" fmla="*/ 21 h 425"/>
                <a:gd name="T14" fmla="*/ 417 w 422"/>
                <a:gd name="T15" fmla="*/ 18 h 425"/>
                <a:gd name="T16" fmla="*/ 422 w 422"/>
                <a:gd name="T17" fmla="*/ 0 h 4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22" h="425">
                  <a:moveTo>
                    <a:pt x="422" y="0"/>
                  </a:moveTo>
                  <a:cubicBezTo>
                    <a:pt x="401" y="33"/>
                    <a:pt x="376" y="65"/>
                    <a:pt x="349" y="94"/>
                  </a:cubicBezTo>
                  <a:cubicBezTo>
                    <a:pt x="274" y="174"/>
                    <a:pt x="189" y="213"/>
                    <a:pt x="94" y="266"/>
                  </a:cubicBezTo>
                  <a:cubicBezTo>
                    <a:pt x="63" y="284"/>
                    <a:pt x="32" y="300"/>
                    <a:pt x="0" y="315"/>
                  </a:cubicBezTo>
                  <a:cubicBezTo>
                    <a:pt x="14" y="380"/>
                    <a:pt x="25" y="425"/>
                    <a:pt x="25" y="425"/>
                  </a:cubicBezTo>
                  <a:cubicBezTo>
                    <a:pt x="25" y="425"/>
                    <a:pt x="373" y="153"/>
                    <a:pt x="416" y="21"/>
                  </a:cubicBezTo>
                  <a:cubicBezTo>
                    <a:pt x="416" y="21"/>
                    <a:pt x="416" y="21"/>
                    <a:pt x="416" y="21"/>
                  </a:cubicBezTo>
                  <a:cubicBezTo>
                    <a:pt x="416" y="20"/>
                    <a:pt x="416" y="19"/>
                    <a:pt x="417" y="18"/>
                  </a:cubicBezTo>
                  <a:cubicBezTo>
                    <a:pt x="419" y="12"/>
                    <a:pt x="420" y="6"/>
                    <a:pt x="422"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09" name="íṧļîḓè">
              <a:extLst>
                <a:ext uri="{FF2B5EF4-FFF2-40B4-BE49-F238E27FC236}">
                  <a16:creationId xmlns:a16="http://schemas.microsoft.com/office/drawing/2014/main" xmlns="" id="{86BEA2AD-1569-4603-80AA-F85F800C098C}"/>
                </a:ext>
              </a:extLst>
            </p:cNvPr>
            <p:cNvSpPr/>
            <p:nvPr/>
          </p:nvSpPr>
          <p:spPr bwMode="auto">
            <a:xfrm>
              <a:off x="7005639" y="1973263"/>
              <a:ext cx="336550" cy="514350"/>
            </a:xfrm>
            <a:custGeom>
              <a:avLst/>
              <a:gdLst>
                <a:gd name="T0" fmla="*/ 206 w 207"/>
                <a:gd name="T1" fmla="*/ 105 h 317"/>
                <a:gd name="T2" fmla="*/ 105 w 207"/>
                <a:gd name="T3" fmla="*/ 317 h 317"/>
                <a:gd name="T4" fmla="*/ 0 w 207"/>
                <a:gd name="T5" fmla="*/ 106 h 317"/>
                <a:gd name="T6" fmla="*/ 103 w 207"/>
                <a:gd name="T7" fmla="*/ 1 h 317"/>
                <a:gd name="T8" fmla="*/ 206 w 207"/>
                <a:gd name="T9" fmla="*/ 105 h 317"/>
              </a:gdLst>
              <a:ahLst/>
              <a:cxnLst>
                <a:cxn ang="0">
                  <a:pos x="T0" y="T1"/>
                </a:cxn>
                <a:cxn ang="0">
                  <a:pos x="T2" y="T3"/>
                </a:cxn>
                <a:cxn ang="0">
                  <a:pos x="T4" y="T5"/>
                </a:cxn>
                <a:cxn ang="0">
                  <a:pos x="T6" y="T7"/>
                </a:cxn>
                <a:cxn ang="0">
                  <a:pos x="T8" y="T9"/>
                </a:cxn>
              </a:cxnLst>
              <a:rect l="0" t="0" r="r" b="b"/>
              <a:pathLst>
                <a:path w="207" h="317">
                  <a:moveTo>
                    <a:pt x="206" y="105"/>
                  </a:moveTo>
                  <a:cubicBezTo>
                    <a:pt x="207" y="163"/>
                    <a:pt x="105" y="317"/>
                    <a:pt x="105" y="317"/>
                  </a:cubicBezTo>
                  <a:cubicBezTo>
                    <a:pt x="105" y="317"/>
                    <a:pt x="1" y="164"/>
                    <a:pt x="0" y="106"/>
                  </a:cubicBezTo>
                  <a:cubicBezTo>
                    <a:pt x="0" y="49"/>
                    <a:pt x="46" y="1"/>
                    <a:pt x="103" y="1"/>
                  </a:cubicBezTo>
                  <a:cubicBezTo>
                    <a:pt x="159" y="0"/>
                    <a:pt x="206" y="47"/>
                    <a:pt x="206" y="105"/>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0" name="ïṧļîḑè">
              <a:extLst>
                <a:ext uri="{FF2B5EF4-FFF2-40B4-BE49-F238E27FC236}">
                  <a16:creationId xmlns:a16="http://schemas.microsoft.com/office/drawing/2014/main" xmlns="" id="{2EC0D819-BD10-429A-9662-72CC96696ECE}"/>
                </a:ext>
              </a:extLst>
            </p:cNvPr>
            <p:cNvSpPr/>
            <p:nvPr/>
          </p:nvSpPr>
          <p:spPr bwMode="auto">
            <a:xfrm>
              <a:off x="7094539" y="2057400"/>
              <a:ext cx="158750" cy="160338"/>
            </a:xfrm>
            <a:custGeom>
              <a:avLst/>
              <a:gdLst>
                <a:gd name="T0" fmla="*/ 97 w 97"/>
                <a:gd name="T1" fmla="*/ 49 h 99"/>
                <a:gd name="T2" fmla="*/ 49 w 97"/>
                <a:gd name="T3" fmla="*/ 98 h 99"/>
                <a:gd name="T4" fmla="*/ 0 w 97"/>
                <a:gd name="T5" fmla="*/ 49 h 99"/>
                <a:gd name="T6" fmla="*/ 48 w 97"/>
                <a:gd name="T7" fmla="*/ 0 h 99"/>
                <a:gd name="T8" fmla="*/ 97 w 97"/>
                <a:gd name="T9" fmla="*/ 49 h 99"/>
              </a:gdLst>
              <a:ahLst/>
              <a:cxnLst>
                <a:cxn ang="0">
                  <a:pos x="T0" y="T1"/>
                </a:cxn>
                <a:cxn ang="0">
                  <a:pos x="T2" y="T3"/>
                </a:cxn>
                <a:cxn ang="0">
                  <a:pos x="T4" y="T5"/>
                </a:cxn>
                <a:cxn ang="0">
                  <a:pos x="T6" y="T7"/>
                </a:cxn>
                <a:cxn ang="0">
                  <a:pos x="T8" y="T9"/>
                </a:cxn>
              </a:cxnLst>
              <a:rect l="0" t="0" r="r" b="b"/>
              <a:pathLst>
                <a:path w="97" h="99">
                  <a:moveTo>
                    <a:pt x="97" y="49"/>
                  </a:moveTo>
                  <a:cubicBezTo>
                    <a:pt x="97" y="76"/>
                    <a:pt x="75" y="98"/>
                    <a:pt x="49" y="98"/>
                  </a:cubicBezTo>
                  <a:cubicBezTo>
                    <a:pt x="22" y="99"/>
                    <a:pt x="0" y="77"/>
                    <a:pt x="0" y="49"/>
                  </a:cubicBezTo>
                  <a:cubicBezTo>
                    <a:pt x="0" y="22"/>
                    <a:pt x="21" y="0"/>
                    <a:pt x="48" y="0"/>
                  </a:cubicBezTo>
                  <a:cubicBezTo>
                    <a:pt x="75" y="0"/>
                    <a:pt x="96" y="22"/>
                    <a:pt x="97" y="4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1" name="iślíḑê">
              <a:extLst>
                <a:ext uri="{FF2B5EF4-FFF2-40B4-BE49-F238E27FC236}">
                  <a16:creationId xmlns:a16="http://schemas.microsoft.com/office/drawing/2014/main" xmlns="" id="{276E3257-836E-4A1B-810A-B51A4BC080E4}"/>
                </a:ext>
              </a:extLst>
            </p:cNvPr>
            <p:cNvSpPr/>
            <p:nvPr/>
          </p:nvSpPr>
          <p:spPr bwMode="auto">
            <a:xfrm>
              <a:off x="7023101" y="1995488"/>
              <a:ext cx="271463" cy="238125"/>
            </a:xfrm>
            <a:custGeom>
              <a:avLst/>
              <a:gdLst>
                <a:gd name="T0" fmla="*/ 90 w 167"/>
                <a:gd name="T1" fmla="*/ 0 h 147"/>
                <a:gd name="T2" fmla="*/ 89 w 167"/>
                <a:gd name="T3" fmla="*/ 0 h 147"/>
                <a:gd name="T4" fmla="*/ 0 w 167"/>
                <a:gd name="T5" fmla="*/ 91 h 147"/>
                <a:gd name="T6" fmla="*/ 19 w 167"/>
                <a:gd name="T7" fmla="*/ 147 h 147"/>
                <a:gd name="T8" fmla="*/ 7 w 167"/>
                <a:gd name="T9" fmla="*/ 102 h 147"/>
                <a:gd name="T10" fmla="*/ 96 w 167"/>
                <a:gd name="T11" fmla="*/ 10 h 147"/>
                <a:gd name="T12" fmla="*/ 96 w 167"/>
                <a:gd name="T13" fmla="*/ 10 h 147"/>
                <a:gd name="T14" fmla="*/ 167 w 167"/>
                <a:gd name="T15" fmla="*/ 45 h 147"/>
                <a:gd name="T16" fmla="*/ 90 w 167"/>
                <a:gd name="T17" fmla="*/ 0 h 1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7" h="147">
                  <a:moveTo>
                    <a:pt x="90" y="0"/>
                  </a:moveTo>
                  <a:cubicBezTo>
                    <a:pt x="89" y="0"/>
                    <a:pt x="89" y="0"/>
                    <a:pt x="89" y="0"/>
                  </a:cubicBezTo>
                  <a:cubicBezTo>
                    <a:pt x="40" y="0"/>
                    <a:pt x="0" y="41"/>
                    <a:pt x="0" y="91"/>
                  </a:cubicBezTo>
                  <a:cubicBezTo>
                    <a:pt x="0" y="112"/>
                    <a:pt x="7" y="132"/>
                    <a:pt x="19" y="147"/>
                  </a:cubicBezTo>
                  <a:cubicBezTo>
                    <a:pt x="12" y="134"/>
                    <a:pt x="7" y="118"/>
                    <a:pt x="7" y="102"/>
                  </a:cubicBezTo>
                  <a:cubicBezTo>
                    <a:pt x="7" y="51"/>
                    <a:pt x="46" y="10"/>
                    <a:pt x="96" y="10"/>
                  </a:cubicBezTo>
                  <a:cubicBezTo>
                    <a:pt x="96" y="10"/>
                    <a:pt x="96" y="10"/>
                    <a:pt x="96" y="10"/>
                  </a:cubicBezTo>
                  <a:cubicBezTo>
                    <a:pt x="125" y="10"/>
                    <a:pt x="151" y="24"/>
                    <a:pt x="167" y="45"/>
                  </a:cubicBezTo>
                  <a:cubicBezTo>
                    <a:pt x="151" y="18"/>
                    <a:pt x="123" y="0"/>
                    <a:pt x="90"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2" name="îş1ïdé">
              <a:extLst>
                <a:ext uri="{FF2B5EF4-FFF2-40B4-BE49-F238E27FC236}">
                  <a16:creationId xmlns:a16="http://schemas.microsoft.com/office/drawing/2014/main" xmlns="" id="{C417C4BE-CFA0-499E-87C4-A4814874574F}"/>
                </a:ext>
              </a:extLst>
            </p:cNvPr>
            <p:cNvSpPr/>
            <p:nvPr/>
          </p:nvSpPr>
          <p:spPr bwMode="auto">
            <a:xfrm>
              <a:off x="7135814" y="2128838"/>
              <a:ext cx="204788" cy="358775"/>
            </a:xfrm>
            <a:custGeom>
              <a:avLst/>
              <a:gdLst>
                <a:gd name="T0" fmla="*/ 126 w 126"/>
                <a:gd name="T1" fmla="*/ 0 h 221"/>
                <a:gd name="T2" fmla="*/ 109 w 126"/>
                <a:gd name="T3" fmla="*/ 47 h 221"/>
                <a:gd name="T4" fmla="*/ 31 w 126"/>
                <a:gd name="T5" fmla="*/ 149 h 221"/>
                <a:gd name="T6" fmla="*/ 0 w 126"/>
                <a:gd name="T7" fmla="*/ 181 h 221"/>
                <a:gd name="T8" fmla="*/ 25 w 126"/>
                <a:gd name="T9" fmla="*/ 221 h 221"/>
                <a:gd name="T10" fmla="*/ 126 w 126"/>
                <a:gd name="T11" fmla="*/ 9 h 221"/>
                <a:gd name="T12" fmla="*/ 126 w 126"/>
                <a:gd name="T13" fmla="*/ 9 h 221"/>
                <a:gd name="T14" fmla="*/ 126 w 126"/>
                <a:gd name="T15" fmla="*/ 9 h 221"/>
                <a:gd name="T16" fmla="*/ 126 w 126"/>
                <a:gd name="T17" fmla="*/ 0 h 2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6" h="221">
                  <a:moveTo>
                    <a:pt x="126" y="0"/>
                  </a:moveTo>
                  <a:cubicBezTo>
                    <a:pt x="122" y="16"/>
                    <a:pt x="116" y="32"/>
                    <a:pt x="109" y="47"/>
                  </a:cubicBezTo>
                  <a:cubicBezTo>
                    <a:pt x="90" y="88"/>
                    <a:pt x="61" y="115"/>
                    <a:pt x="31" y="149"/>
                  </a:cubicBezTo>
                  <a:cubicBezTo>
                    <a:pt x="21" y="160"/>
                    <a:pt x="11" y="171"/>
                    <a:pt x="0" y="181"/>
                  </a:cubicBezTo>
                  <a:cubicBezTo>
                    <a:pt x="14" y="205"/>
                    <a:pt x="25" y="221"/>
                    <a:pt x="25" y="221"/>
                  </a:cubicBezTo>
                  <a:cubicBezTo>
                    <a:pt x="25" y="221"/>
                    <a:pt x="126" y="68"/>
                    <a:pt x="126" y="9"/>
                  </a:cubicBezTo>
                  <a:cubicBezTo>
                    <a:pt x="126" y="9"/>
                    <a:pt x="126" y="9"/>
                    <a:pt x="126" y="9"/>
                  </a:cubicBezTo>
                  <a:cubicBezTo>
                    <a:pt x="126" y="9"/>
                    <a:pt x="126" y="9"/>
                    <a:pt x="126" y="9"/>
                  </a:cubicBezTo>
                  <a:cubicBezTo>
                    <a:pt x="126" y="6"/>
                    <a:pt x="126" y="3"/>
                    <a:pt x="126"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3" name="işľîdé">
              <a:extLst>
                <a:ext uri="{FF2B5EF4-FFF2-40B4-BE49-F238E27FC236}">
                  <a16:creationId xmlns:a16="http://schemas.microsoft.com/office/drawing/2014/main" xmlns="" id="{9B6A027C-F093-41A2-8978-3F69E485E3BE}"/>
                </a:ext>
              </a:extLst>
            </p:cNvPr>
            <p:cNvSpPr/>
            <p:nvPr/>
          </p:nvSpPr>
          <p:spPr bwMode="auto">
            <a:xfrm>
              <a:off x="4156076" y="1838325"/>
              <a:ext cx="336550" cy="512763"/>
            </a:xfrm>
            <a:custGeom>
              <a:avLst/>
              <a:gdLst>
                <a:gd name="T0" fmla="*/ 206 w 207"/>
                <a:gd name="T1" fmla="*/ 104 h 316"/>
                <a:gd name="T2" fmla="*/ 105 w 207"/>
                <a:gd name="T3" fmla="*/ 316 h 316"/>
                <a:gd name="T4" fmla="*/ 1 w 207"/>
                <a:gd name="T5" fmla="*/ 106 h 316"/>
                <a:gd name="T6" fmla="*/ 103 w 207"/>
                <a:gd name="T7" fmla="*/ 0 h 316"/>
                <a:gd name="T8" fmla="*/ 206 w 207"/>
                <a:gd name="T9" fmla="*/ 104 h 316"/>
              </a:gdLst>
              <a:ahLst/>
              <a:cxnLst>
                <a:cxn ang="0">
                  <a:pos x="T0" y="T1"/>
                </a:cxn>
                <a:cxn ang="0">
                  <a:pos x="T2" y="T3"/>
                </a:cxn>
                <a:cxn ang="0">
                  <a:pos x="T4" y="T5"/>
                </a:cxn>
                <a:cxn ang="0">
                  <a:pos x="T6" y="T7"/>
                </a:cxn>
                <a:cxn ang="0">
                  <a:pos x="T8" y="T9"/>
                </a:cxn>
              </a:cxnLst>
              <a:rect l="0" t="0" r="r" b="b"/>
              <a:pathLst>
                <a:path w="207" h="316">
                  <a:moveTo>
                    <a:pt x="206" y="104"/>
                  </a:moveTo>
                  <a:cubicBezTo>
                    <a:pt x="207" y="162"/>
                    <a:pt x="105" y="316"/>
                    <a:pt x="105" y="316"/>
                  </a:cubicBezTo>
                  <a:cubicBezTo>
                    <a:pt x="105" y="316"/>
                    <a:pt x="1" y="164"/>
                    <a:pt x="1" y="106"/>
                  </a:cubicBezTo>
                  <a:cubicBezTo>
                    <a:pt x="0" y="48"/>
                    <a:pt x="46" y="1"/>
                    <a:pt x="103" y="0"/>
                  </a:cubicBezTo>
                  <a:cubicBezTo>
                    <a:pt x="160" y="0"/>
                    <a:pt x="206" y="46"/>
                    <a:pt x="206" y="104"/>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4" name="í$ḻíḓé">
              <a:extLst>
                <a:ext uri="{FF2B5EF4-FFF2-40B4-BE49-F238E27FC236}">
                  <a16:creationId xmlns:a16="http://schemas.microsoft.com/office/drawing/2014/main" xmlns="" id="{F16539CB-2685-47B5-91EF-E1C2717FBD1C}"/>
                </a:ext>
              </a:extLst>
            </p:cNvPr>
            <p:cNvSpPr/>
            <p:nvPr/>
          </p:nvSpPr>
          <p:spPr bwMode="auto">
            <a:xfrm>
              <a:off x="4244976" y="1920875"/>
              <a:ext cx="157163" cy="160338"/>
            </a:xfrm>
            <a:custGeom>
              <a:avLst/>
              <a:gdLst>
                <a:gd name="T0" fmla="*/ 97 w 97"/>
                <a:gd name="T1" fmla="*/ 49 h 99"/>
                <a:gd name="T2" fmla="*/ 49 w 97"/>
                <a:gd name="T3" fmla="*/ 99 h 99"/>
                <a:gd name="T4" fmla="*/ 0 w 97"/>
                <a:gd name="T5" fmla="*/ 50 h 99"/>
                <a:gd name="T6" fmla="*/ 48 w 97"/>
                <a:gd name="T7" fmla="*/ 0 h 99"/>
                <a:gd name="T8" fmla="*/ 97 w 97"/>
                <a:gd name="T9" fmla="*/ 49 h 99"/>
              </a:gdLst>
              <a:ahLst/>
              <a:cxnLst>
                <a:cxn ang="0">
                  <a:pos x="T0" y="T1"/>
                </a:cxn>
                <a:cxn ang="0">
                  <a:pos x="T2" y="T3"/>
                </a:cxn>
                <a:cxn ang="0">
                  <a:pos x="T4" y="T5"/>
                </a:cxn>
                <a:cxn ang="0">
                  <a:pos x="T6" y="T7"/>
                </a:cxn>
                <a:cxn ang="0">
                  <a:pos x="T8" y="T9"/>
                </a:cxn>
              </a:cxnLst>
              <a:rect l="0" t="0" r="r" b="b"/>
              <a:pathLst>
                <a:path w="97" h="99">
                  <a:moveTo>
                    <a:pt x="97" y="49"/>
                  </a:moveTo>
                  <a:cubicBezTo>
                    <a:pt x="97" y="76"/>
                    <a:pt x="76" y="99"/>
                    <a:pt x="49" y="99"/>
                  </a:cubicBezTo>
                  <a:cubicBezTo>
                    <a:pt x="22" y="99"/>
                    <a:pt x="0" y="77"/>
                    <a:pt x="0" y="50"/>
                  </a:cubicBezTo>
                  <a:cubicBezTo>
                    <a:pt x="0" y="23"/>
                    <a:pt x="21" y="0"/>
                    <a:pt x="48" y="0"/>
                  </a:cubicBezTo>
                  <a:cubicBezTo>
                    <a:pt x="75" y="0"/>
                    <a:pt x="97" y="22"/>
                    <a:pt x="97" y="4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5" name="ïŝľíďe">
              <a:extLst>
                <a:ext uri="{FF2B5EF4-FFF2-40B4-BE49-F238E27FC236}">
                  <a16:creationId xmlns:a16="http://schemas.microsoft.com/office/drawing/2014/main" xmlns="" id="{AC04A5C4-CA7D-4DB4-93D2-5864E5501C3D}"/>
                </a:ext>
              </a:extLst>
            </p:cNvPr>
            <p:cNvSpPr/>
            <p:nvPr/>
          </p:nvSpPr>
          <p:spPr bwMode="auto">
            <a:xfrm>
              <a:off x="4173539" y="1858963"/>
              <a:ext cx="271463" cy="238125"/>
            </a:xfrm>
            <a:custGeom>
              <a:avLst/>
              <a:gdLst>
                <a:gd name="T0" fmla="*/ 90 w 167"/>
                <a:gd name="T1" fmla="*/ 0 h 147"/>
                <a:gd name="T2" fmla="*/ 89 w 167"/>
                <a:gd name="T3" fmla="*/ 0 h 147"/>
                <a:gd name="T4" fmla="*/ 1 w 167"/>
                <a:gd name="T5" fmla="*/ 92 h 147"/>
                <a:gd name="T6" fmla="*/ 19 w 167"/>
                <a:gd name="T7" fmla="*/ 147 h 147"/>
                <a:gd name="T8" fmla="*/ 7 w 167"/>
                <a:gd name="T9" fmla="*/ 102 h 147"/>
                <a:gd name="T10" fmla="*/ 96 w 167"/>
                <a:gd name="T11" fmla="*/ 10 h 147"/>
                <a:gd name="T12" fmla="*/ 97 w 167"/>
                <a:gd name="T13" fmla="*/ 10 h 147"/>
                <a:gd name="T14" fmla="*/ 167 w 167"/>
                <a:gd name="T15" fmla="*/ 45 h 147"/>
                <a:gd name="T16" fmla="*/ 90 w 167"/>
                <a:gd name="T17" fmla="*/ 0 h 1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7" h="147">
                  <a:moveTo>
                    <a:pt x="90" y="0"/>
                  </a:moveTo>
                  <a:cubicBezTo>
                    <a:pt x="90" y="0"/>
                    <a:pt x="90" y="0"/>
                    <a:pt x="89" y="0"/>
                  </a:cubicBezTo>
                  <a:cubicBezTo>
                    <a:pt x="40" y="0"/>
                    <a:pt x="0" y="41"/>
                    <a:pt x="1" y="92"/>
                  </a:cubicBezTo>
                  <a:cubicBezTo>
                    <a:pt x="1" y="113"/>
                    <a:pt x="8" y="132"/>
                    <a:pt x="19" y="147"/>
                  </a:cubicBezTo>
                  <a:cubicBezTo>
                    <a:pt x="12" y="134"/>
                    <a:pt x="7" y="118"/>
                    <a:pt x="7" y="102"/>
                  </a:cubicBezTo>
                  <a:cubicBezTo>
                    <a:pt x="7" y="52"/>
                    <a:pt x="47" y="10"/>
                    <a:pt x="96" y="10"/>
                  </a:cubicBezTo>
                  <a:cubicBezTo>
                    <a:pt x="96" y="10"/>
                    <a:pt x="96" y="10"/>
                    <a:pt x="97" y="10"/>
                  </a:cubicBezTo>
                  <a:cubicBezTo>
                    <a:pt x="125" y="10"/>
                    <a:pt x="151" y="24"/>
                    <a:pt x="167" y="45"/>
                  </a:cubicBezTo>
                  <a:cubicBezTo>
                    <a:pt x="152" y="18"/>
                    <a:pt x="123" y="0"/>
                    <a:pt x="90"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6" name="íslíḑè">
              <a:extLst>
                <a:ext uri="{FF2B5EF4-FFF2-40B4-BE49-F238E27FC236}">
                  <a16:creationId xmlns:a16="http://schemas.microsoft.com/office/drawing/2014/main" xmlns="" id="{FECE8ECA-7549-4A4D-A368-73314DDBC8D4}"/>
                </a:ext>
              </a:extLst>
            </p:cNvPr>
            <p:cNvSpPr/>
            <p:nvPr/>
          </p:nvSpPr>
          <p:spPr bwMode="auto">
            <a:xfrm>
              <a:off x="4286251" y="1992313"/>
              <a:ext cx="204788" cy="358775"/>
            </a:xfrm>
            <a:custGeom>
              <a:avLst/>
              <a:gdLst>
                <a:gd name="T0" fmla="*/ 126 w 126"/>
                <a:gd name="T1" fmla="*/ 0 h 221"/>
                <a:gd name="T2" fmla="*/ 109 w 126"/>
                <a:gd name="T3" fmla="*/ 47 h 221"/>
                <a:gd name="T4" fmla="*/ 31 w 126"/>
                <a:gd name="T5" fmla="*/ 149 h 221"/>
                <a:gd name="T6" fmla="*/ 0 w 126"/>
                <a:gd name="T7" fmla="*/ 181 h 221"/>
                <a:gd name="T8" fmla="*/ 25 w 126"/>
                <a:gd name="T9" fmla="*/ 221 h 221"/>
                <a:gd name="T10" fmla="*/ 126 w 126"/>
                <a:gd name="T11" fmla="*/ 10 h 221"/>
                <a:gd name="T12" fmla="*/ 126 w 126"/>
                <a:gd name="T13" fmla="*/ 9 h 221"/>
                <a:gd name="T14" fmla="*/ 126 w 126"/>
                <a:gd name="T15" fmla="*/ 9 h 221"/>
                <a:gd name="T16" fmla="*/ 126 w 126"/>
                <a:gd name="T17" fmla="*/ 0 h 2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6" h="221">
                  <a:moveTo>
                    <a:pt x="126" y="0"/>
                  </a:moveTo>
                  <a:cubicBezTo>
                    <a:pt x="122" y="16"/>
                    <a:pt x="116" y="32"/>
                    <a:pt x="109" y="47"/>
                  </a:cubicBezTo>
                  <a:cubicBezTo>
                    <a:pt x="90" y="89"/>
                    <a:pt x="62" y="115"/>
                    <a:pt x="31" y="149"/>
                  </a:cubicBezTo>
                  <a:cubicBezTo>
                    <a:pt x="21" y="160"/>
                    <a:pt x="11" y="171"/>
                    <a:pt x="0" y="181"/>
                  </a:cubicBezTo>
                  <a:cubicBezTo>
                    <a:pt x="15" y="205"/>
                    <a:pt x="25" y="221"/>
                    <a:pt x="25" y="221"/>
                  </a:cubicBezTo>
                  <a:cubicBezTo>
                    <a:pt x="25" y="221"/>
                    <a:pt x="126" y="68"/>
                    <a:pt x="126" y="10"/>
                  </a:cubicBezTo>
                  <a:cubicBezTo>
                    <a:pt x="126" y="10"/>
                    <a:pt x="126" y="9"/>
                    <a:pt x="126" y="9"/>
                  </a:cubicBezTo>
                  <a:cubicBezTo>
                    <a:pt x="126" y="9"/>
                    <a:pt x="126" y="9"/>
                    <a:pt x="126" y="9"/>
                  </a:cubicBezTo>
                  <a:cubicBezTo>
                    <a:pt x="126" y="6"/>
                    <a:pt x="126" y="3"/>
                    <a:pt x="126"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7" name="ï$ḷíďê">
              <a:extLst>
                <a:ext uri="{FF2B5EF4-FFF2-40B4-BE49-F238E27FC236}">
                  <a16:creationId xmlns:a16="http://schemas.microsoft.com/office/drawing/2014/main" xmlns="" id="{75C94FCF-2A05-428B-90AE-8E841238C5A9}"/>
                </a:ext>
              </a:extLst>
            </p:cNvPr>
            <p:cNvSpPr/>
            <p:nvPr/>
          </p:nvSpPr>
          <p:spPr bwMode="auto">
            <a:xfrm>
              <a:off x="8532814" y="1360488"/>
              <a:ext cx="274638" cy="419100"/>
            </a:xfrm>
            <a:custGeom>
              <a:avLst/>
              <a:gdLst>
                <a:gd name="T0" fmla="*/ 168 w 169"/>
                <a:gd name="T1" fmla="*/ 86 h 258"/>
                <a:gd name="T2" fmla="*/ 86 w 169"/>
                <a:gd name="T3" fmla="*/ 258 h 258"/>
                <a:gd name="T4" fmla="*/ 1 w 169"/>
                <a:gd name="T5" fmla="*/ 87 h 258"/>
                <a:gd name="T6" fmla="*/ 84 w 169"/>
                <a:gd name="T7" fmla="*/ 1 h 258"/>
                <a:gd name="T8" fmla="*/ 168 w 169"/>
                <a:gd name="T9" fmla="*/ 86 h 258"/>
              </a:gdLst>
              <a:ahLst/>
              <a:cxnLst>
                <a:cxn ang="0">
                  <a:pos x="T0" y="T1"/>
                </a:cxn>
                <a:cxn ang="0">
                  <a:pos x="T2" y="T3"/>
                </a:cxn>
                <a:cxn ang="0">
                  <a:pos x="T4" y="T5"/>
                </a:cxn>
                <a:cxn ang="0">
                  <a:pos x="T6" y="T7"/>
                </a:cxn>
                <a:cxn ang="0">
                  <a:pos x="T8" y="T9"/>
                </a:cxn>
              </a:cxnLst>
              <a:rect l="0" t="0" r="r" b="b"/>
              <a:pathLst>
                <a:path w="169" h="258">
                  <a:moveTo>
                    <a:pt x="168" y="86"/>
                  </a:moveTo>
                  <a:cubicBezTo>
                    <a:pt x="169" y="133"/>
                    <a:pt x="86" y="258"/>
                    <a:pt x="86" y="258"/>
                  </a:cubicBezTo>
                  <a:cubicBezTo>
                    <a:pt x="86" y="258"/>
                    <a:pt x="1" y="134"/>
                    <a:pt x="1" y="87"/>
                  </a:cubicBezTo>
                  <a:cubicBezTo>
                    <a:pt x="0" y="39"/>
                    <a:pt x="38" y="1"/>
                    <a:pt x="84" y="1"/>
                  </a:cubicBezTo>
                  <a:cubicBezTo>
                    <a:pt x="130" y="0"/>
                    <a:pt x="168" y="38"/>
                    <a:pt x="168" y="86"/>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8" name="íṥḷïḍé">
              <a:extLst>
                <a:ext uri="{FF2B5EF4-FFF2-40B4-BE49-F238E27FC236}">
                  <a16:creationId xmlns:a16="http://schemas.microsoft.com/office/drawing/2014/main" xmlns="" id="{802DC90B-A068-42BF-BA50-470C1184D0F3}"/>
                </a:ext>
              </a:extLst>
            </p:cNvPr>
            <p:cNvSpPr/>
            <p:nvPr/>
          </p:nvSpPr>
          <p:spPr bwMode="auto">
            <a:xfrm>
              <a:off x="8605839" y="1428750"/>
              <a:ext cx="128588" cy="131763"/>
            </a:xfrm>
            <a:custGeom>
              <a:avLst/>
              <a:gdLst>
                <a:gd name="T0" fmla="*/ 79 w 79"/>
                <a:gd name="T1" fmla="*/ 40 h 81"/>
                <a:gd name="T2" fmla="*/ 40 w 79"/>
                <a:gd name="T3" fmla="*/ 81 h 81"/>
                <a:gd name="T4" fmla="*/ 0 w 79"/>
                <a:gd name="T5" fmla="*/ 41 h 81"/>
                <a:gd name="T6" fmla="*/ 39 w 79"/>
                <a:gd name="T7" fmla="*/ 0 h 81"/>
                <a:gd name="T8" fmla="*/ 79 w 79"/>
                <a:gd name="T9" fmla="*/ 40 h 81"/>
              </a:gdLst>
              <a:ahLst/>
              <a:cxnLst>
                <a:cxn ang="0">
                  <a:pos x="T0" y="T1"/>
                </a:cxn>
                <a:cxn ang="0">
                  <a:pos x="T2" y="T3"/>
                </a:cxn>
                <a:cxn ang="0">
                  <a:pos x="T4" y="T5"/>
                </a:cxn>
                <a:cxn ang="0">
                  <a:pos x="T6" y="T7"/>
                </a:cxn>
                <a:cxn ang="0">
                  <a:pos x="T8" y="T9"/>
                </a:cxn>
              </a:cxnLst>
              <a:rect l="0" t="0" r="r" b="b"/>
              <a:pathLst>
                <a:path w="79" h="81">
                  <a:moveTo>
                    <a:pt x="79" y="40"/>
                  </a:moveTo>
                  <a:cubicBezTo>
                    <a:pt x="79" y="62"/>
                    <a:pt x="61" y="80"/>
                    <a:pt x="40" y="81"/>
                  </a:cubicBezTo>
                  <a:cubicBezTo>
                    <a:pt x="18" y="81"/>
                    <a:pt x="0" y="63"/>
                    <a:pt x="0" y="41"/>
                  </a:cubicBezTo>
                  <a:cubicBezTo>
                    <a:pt x="0" y="18"/>
                    <a:pt x="17" y="0"/>
                    <a:pt x="39" y="0"/>
                  </a:cubicBezTo>
                  <a:cubicBezTo>
                    <a:pt x="61" y="0"/>
                    <a:pt x="79" y="18"/>
                    <a:pt x="79" y="4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19" name="ïśḷïḍè">
              <a:extLst>
                <a:ext uri="{FF2B5EF4-FFF2-40B4-BE49-F238E27FC236}">
                  <a16:creationId xmlns:a16="http://schemas.microsoft.com/office/drawing/2014/main" xmlns="" id="{4EBF4991-59A1-4687-9C59-15A31F6F3762}"/>
                </a:ext>
              </a:extLst>
            </p:cNvPr>
            <p:cNvSpPr/>
            <p:nvPr/>
          </p:nvSpPr>
          <p:spPr bwMode="auto">
            <a:xfrm>
              <a:off x="8548689" y="1377950"/>
              <a:ext cx="220663" cy="195263"/>
            </a:xfrm>
            <a:custGeom>
              <a:avLst/>
              <a:gdLst>
                <a:gd name="T0" fmla="*/ 73 w 136"/>
                <a:gd name="T1" fmla="*/ 0 h 120"/>
                <a:gd name="T2" fmla="*/ 73 w 136"/>
                <a:gd name="T3" fmla="*/ 0 h 120"/>
                <a:gd name="T4" fmla="*/ 1 w 136"/>
                <a:gd name="T5" fmla="*/ 75 h 120"/>
                <a:gd name="T6" fmla="*/ 16 w 136"/>
                <a:gd name="T7" fmla="*/ 120 h 120"/>
                <a:gd name="T8" fmla="*/ 6 w 136"/>
                <a:gd name="T9" fmla="*/ 83 h 120"/>
                <a:gd name="T10" fmla="*/ 78 w 136"/>
                <a:gd name="T11" fmla="*/ 8 h 120"/>
                <a:gd name="T12" fmla="*/ 79 w 136"/>
                <a:gd name="T13" fmla="*/ 8 h 120"/>
                <a:gd name="T14" fmla="*/ 136 w 136"/>
                <a:gd name="T15" fmla="*/ 37 h 120"/>
                <a:gd name="T16" fmla="*/ 73 w 136"/>
                <a:gd name="T17" fmla="*/ 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6" h="120">
                  <a:moveTo>
                    <a:pt x="73" y="0"/>
                  </a:moveTo>
                  <a:cubicBezTo>
                    <a:pt x="73" y="0"/>
                    <a:pt x="73" y="0"/>
                    <a:pt x="73" y="0"/>
                  </a:cubicBezTo>
                  <a:cubicBezTo>
                    <a:pt x="33" y="0"/>
                    <a:pt x="0" y="34"/>
                    <a:pt x="1" y="75"/>
                  </a:cubicBezTo>
                  <a:cubicBezTo>
                    <a:pt x="1" y="92"/>
                    <a:pt x="6" y="108"/>
                    <a:pt x="16" y="120"/>
                  </a:cubicBezTo>
                  <a:cubicBezTo>
                    <a:pt x="10" y="109"/>
                    <a:pt x="6" y="97"/>
                    <a:pt x="6" y="83"/>
                  </a:cubicBezTo>
                  <a:cubicBezTo>
                    <a:pt x="6" y="42"/>
                    <a:pt x="38" y="9"/>
                    <a:pt x="78" y="8"/>
                  </a:cubicBezTo>
                  <a:cubicBezTo>
                    <a:pt x="79" y="8"/>
                    <a:pt x="79" y="8"/>
                    <a:pt x="79" y="8"/>
                  </a:cubicBezTo>
                  <a:cubicBezTo>
                    <a:pt x="102" y="8"/>
                    <a:pt x="123" y="20"/>
                    <a:pt x="136" y="37"/>
                  </a:cubicBezTo>
                  <a:cubicBezTo>
                    <a:pt x="124" y="15"/>
                    <a:pt x="100" y="0"/>
                    <a:pt x="73"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0" name="îšľîḑê">
              <a:extLst>
                <a:ext uri="{FF2B5EF4-FFF2-40B4-BE49-F238E27FC236}">
                  <a16:creationId xmlns:a16="http://schemas.microsoft.com/office/drawing/2014/main" xmlns="" id="{E2DE96AC-5E90-4EDF-9221-BCBC7B0403BE}"/>
                </a:ext>
              </a:extLst>
            </p:cNvPr>
            <p:cNvSpPr/>
            <p:nvPr/>
          </p:nvSpPr>
          <p:spPr bwMode="auto">
            <a:xfrm>
              <a:off x="8805864" y="1498600"/>
              <a:ext cx="1588" cy="1588"/>
            </a:xfrm>
            <a:prstGeom prst="ellipse">
              <a:avLst/>
            </a:pr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1" name="íś1ïḑê">
              <a:extLst>
                <a:ext uri="{FF2B5EF4-FFF2-40B4-BE49-F238E27FC236}">
                  <a16:creationId xmlns:a16="http://schemas.microsoft.com/office/drawing/2014/main" xmlns="" id="{2D8081C6-8F62-43A0-9AC1-0A25E48E1E5F}"/>
                </a:ext>
              </a:extLst>
            </p:cNvPr>
            <p:cNvSpPr/>
            <p:nvPr/>
          </p:nvSpPr>
          <p:spPr bwMode="auto">
            <a:xfrm>
              <a:off x="8640764" y="1487488"/>
              <a:ext cx="165100" cy="292100"/>
            </a:xfrm>
            <a:custGeom>
              <a:avLst/>
              <a:gdLst>
                <a:gd name="T0" fmla="*/ 102 w 102"/>
                <a:gd name="T1" fmla="*/ 0 h 180"/>
                <a:gd name="T2" fmla="*/ 88 w 102"/>
                <a:gd name="T3" fmla="*/ 38 h 180"/>
                <a:gd name="T4" fmla="*/ 25 w 102"/>
                <a:gd name="T5" fmla="*/ 121 h 180"/>
                <a:gd name="T6" fmla="*/ 0 w 102"/>
                <a:gd name="T7" fmla="*/ 147 h 180"/>
                <a:gd name="T8" fmla="*/ 20 w 102"/>
                <a:gd name="T9" fmla="*/ 180 h 180"/>
                <a:gd name="T10" fmla="*/ 102 w 102"/>
                <a:gd name="T11" fmla="*/ 8 h 180"/>
                <a:gd name="T12" fmla="*/ 102 w 102"/>
                <a:gd name="T13" fmla="*/ 8 h 180"/>
                <a:gd name="T14" fmla="*/ 102 w 102"/>
                <a:gd name="T15" fmla="*/ 7 h 180"/>
                <a:gd name="T16" fmla="*/ 102 w 102"/>
                <a:gd name="T17" fmla="*/ 0 h 1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2" h="180">
                  <a:moveTo>
                    <a:pt x="102" y="0"/>
                  </a:moveTo>
                  <a:cubicBezTo>
                    <a:pt x="99" y="13"/>
                    <a:pt x="94" y="26"/>
                    <a:pt x="88" y="38"/>
                  </a:cubicBezTo>
                  <a:cubicBezTo>
                    <a:pt x="73" y="72"/>
                    <a:pt x="50" y="94"/>
                    <a:pt x="25" y="121"/>
                  </a:cubicBezTo>
                  <a:cubicBezTo>
                    <a:pt x="17" y="130"/>
                    <a:pt x="8" y="139"/>
                    <a:pt x="0" y="147"/>
                  </a:cubicBezTo>
                  <a:cubicBezTo>
                    <a:pt x="11" y="167"/>
                    <a:pt x="20" y="180"/>
                    <a:pt x="20" y="180"/>
                  </a:cubicBezTo>
                  <a:cubicBezTo>
                    <a:pt x="20" y="180"/>
                    <a:pt x="102" y="55"/>
                    <a:pt x="102" y="8"/>
                  </a:cubicBezTo>
                  <a:cubicBezTo>
                    <a:pt x="102" y="8"/>
                    <a:pt x="102" y="8"/>
                    <a:pt x="102" y="8"/>
                  </a:cubicBezTo>
                  <a:cubicBezTo>
                    <a:pt x="102" y="7"/>
                    <a:pt x="102" y="7"/>
                    <a:pt x="102" y="7"/>
                  </a:cubicBezTo>
                  <a:cubicBezTo>
                    <a:pt x="102" y="5"/>
                    <a:pt x="102" y="2"/>
                    <a:pt x="102"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2" name="îṣliḓê">
              <a:extLst>
                <a:ext uri="{FF2B5EF4-FFF2-40B4-BE49-F238E27FC236}">
                  <a16:creationId xmlns:a16="http://schemas.microsoft.com/office/drawing/2014/main" xmlns="" id="{2BBCB15B-E82F-46DD-9579-0950755C4E4E}"/>
                </a:ext>
              </a:extLst>
            </p:cNvPr>
            <p:cNvSpPr/>
            <p:nvPr/>
          </p:nvSpPr>
          <p:spPr bwMode="auto">
            <a:xfrm>
              <a:off x="8178801" y="2786063"/>
              <a:ext cx="273050" cy="415925"/>
            </a:xfrm>
            <a:custGeom>
              <a:avLst/>
              <a:gdLst>
                <a:gd name="T0" fmla="*/ 168 w 168"/>
                <a:gd name="T1" fmla="*/ 85 h 257"/>
                <a:gd name="T2" fmla="*/ 85 w 168"/>
                <a:gd name="T3" fmla="*/ 257 h 257"/>
                <a:gd name="T4" fmla="*/ 0 w 168"/>
                <a:gd name="T5" fmla="*/ 86 h 257"/>
                <a:gd name="T6" fmla="*/ 83 w 168"/>
                <a:gd name="T7" fmla="*/ 0 h 257"/>
                <a:gd name="T8" fmla="*/ 168 w 168"/>
                <a:gd name="T9" fmla="*/ 85 h 257"/>
              </a:gdLst>
              <a:ahLst/>
              <a:cxnLst>
                <a:cxn ang="0">
                  <a:pos x="T0" y="T1"/>
                </a:cxn>
                <a:cxn ang="0">
                  <a:pos x="T2" y="T3"/>
                </a:cxn>
                <a:cxn ang="0">
                  <a:pos x="T4" y="T5"/>
                </a:cxn>
                <a:cxn ang="0">
                  <a:pos x="T6" y="T7"/>
                </a:cxn>
                <a:cxn ang="0">
                  <a:pos x="T8" y="T9"/>
                </a:cxn>
              </a:cxnLst>
              <a:rect l="0" t="0" r="r" b="b"/>
              <a:pathLst>
                <a:path w="168" h="257">
                  <a:moveTo>
                    <a:pt x="168" y="85"/>
                  </a:moveTo>
                  <a:cubicBezTo>
                    <a:pt x="168" y="132"/>
                    <a:pt x="85" y="257"/>
                    <a:pt x="85" y="257"/>
                  </a:cubicBezTo>
                  <a:cubicBezTo>
                    <a:pt x="85" y="257"/>
                    <a:pt x="0" y="133"/>
                    <a:pt x="0" y="86"/>
                  </a:cubicBezTo>
                  <a:cubicBezTo>
                    <a:pt x="0" y="39"/>
                    <a:pt x="37" y="0"/>
                    <a:pt x="83" y="0"/>
                  </a:cubicBezTo>
                  <a:cubicBezTo>
                    <a:pt x="129" y="0"/>
                    <a:pt x="167" y="38"/>
                    <a:pt x="168" y="85"/>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3" name="ïṧliḓe">
              <a:extLst>
                <a:ext uri="{FF2B5EF4-FFF2-40B4-BE49-F238E27FC236}">
                  <a16:creationId xmlns:a16="http://schemas.microsoft.com/office/drawing/2014/main" xmlns="" id="{C36F106D-2FDC-47F5-9EC9-CF72292CFA85}"/>
                </a:ext>
              </a:extLst>
            </p:cNvPr>
            <p:cNvSpPr/>
            <p:nvPr/>
          </p:nvSpPr>
          <p:spPr bwMode="auto">
            <a:xfrm>
              <a:off x="8250239" y="2852738"/>
              <a:ext cx="128588" cy="130175"/>
            </a:xfrm>
            <a:custGeom>
              <a:avLst/>
              <a:gdLst>
                <a:gd name="T0" fmla="*/ 79 w 79"/>
                <a:gd name="T1" fmla="*/ 41 h 81"/>
                <a:gd name="T2" fmla="*/ 40 w 79"/>
                <a:gd name="T3" fmla="*/ 81 h 81"/>
                <a:gd name="T4" fmla="*/ 0 w 79"/>
                <a:gd name="T5" fmla="*/ 41 h 81"/>
                <a:gd name="T6" fmla="*/ 39 w 79"/>
                <a:gd name="T7" fmla="*/ 1 h 81"/>
                <a:gd name="T8" fmla="*/ 79 w 79"/>
                <a:gd name="T9" fmla="*/ 41 h 81"/>
              </a:gdLst>
              <a:ahLst/>
              <a:cxnLst>
                <a:cxn ang="0">
                  <a:pos x="T0" y="T1"/>
                </a:cxn>
                <a:cxn ang="0">
                  <a:pos x="T2" y="T3"/>
                </a:cxn>
                <a:cxn ang="0">
                  <a:pos x="T4" y="T5"/>
                </a:cxn>
                <a:cxn ang="0">
                  <a:pos x="T6" y="T7"/>
                </a:cxn>
                <a:cxn ang="0">
                  <a:pos x="T8" y="T9"/>
                </a:cxn>
              </a:cxnLst>
              <a:rect l="0" t="0" r="r" b="b"/>
              <a:pathLst>
                <a:path w="79" h="81">
                  <a:moveTo>
                    <a:pt x="79" y="41"/>
                  </a:moveTo>
                  <a:cubicBezTo>
                    <a:pt x="79" y="63"/>
                    <a:pt x="62" y="81"/>
                    <a:pt x="40" y="81"/>
                  </a:cubicBezTo>
                  <a:cubicBezTo>
                    <a:pt x="18" y="81"/>
                    <a:pt x="0" y="63"/>
                    <a:pt x="0" y="41"/>
                  </a:cubicBezTo>
                  <a:cubicBezTo>
                    <a:pt x="0" y="19"/>
                    <a:pt x="18" y="1"/>
                    <a:pt x="39" y="1"/>
                  </a:cubicBezTo>
                  <a:cubicBezTo>
                    <a:pt x="61" y="0"/>
                    <a:pt x="79" y="18"/>
                    <a:pt x="79" y="41"/>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4" name="ïşlîḍé">
              <a:extLst>
                <a:ext uri="{FF2B5EF4-FFF2-40B4-BE49-F238E27FC236}">
                  <a16:creationId xmlns:a16="http://schemas.microsoft.com/office/drawing/2014/main" xmlns="" id="{D5D3E895-9635-4728-83B8-D39D28E27E32}"/>
                </a:ext>
              </a:extLst>
            </p:cNvPr>
            <p:cNvSpPr/>
            <p:nvPr/>
          </p:nvSpPr>
          <p:spPr bwMode="auto">
            <a:xfrm>
              <a:off x="8193089" y="2803525"/>
              <a:ext cx="222250" cy="195263"/>
            </a:xfrm>
            <a:custGeom>
              <a:avLst/>
              <a:gdLst>
                <a:gd name="T0" fmla="*/ 73 w 136"/>
                <a:gd name="T1" fmla="*/ 0 h 120"/>
                <a:gd name="T2" fmla="*/ 72 w 136"/>
                <a:gd name="T3" fmla="*/ 0 h 120"/>
                <a:gd name="T4" fmla="*/ 0 w 136"/>
                <a:gd name="T5" fmla="*/ 74 h 120"/>
                <a:gd name="T6" fmla="*/ 15 w 136"/>
                <a:gd name="T7" fmla="*/ 120 h 120"/>
                <a:gd name="T8" fmla="*/ 5 w 136"/>
                <a:gd name="T9" fmla="*/ 83 h 120"/>
                <a:gd name="T10" fmla="*/ 78 w 136"/>
                <a:gd name="T11" fmla="*/ 8 h 120"/>
                <a:gd name="T12" fmla="*/ 78 w 136"/>
                <a:gd name="T13" fmla="*/ 8 h 120"/>
                <a:gd name="T14" fmla="*/ 136 w 136"/>
                <a:gd name="T15" fmla="*/ 36 h 120"/>
                <a:gd name="T16" fmla="*/ 73 w 136"/>
                <a:gd name="T17" fmla="*/ 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6" h="120">
                  <a:moveTo>
                    <a:pt x="73" y="0"/>
                  </a:moveTo>
                  <a:cubicBezTo>
                    <a:pt x="72" y="0"/>
                    <a:pt x="72" y="0"/>
                    <a:pt x="72" y="0"/>
                  </a:cubicBezTo>
                  <a:cubicBezTo>
                    <a:pt x="32" y="0"/>
                    <a:pt x="0" y="33"/>
                    <a:pt x="0" y="74"/>
                  </a:cubicBezTo>
                  <a:cubicBezTo>
                    <a:pt x="0" y="91"/>
                    <a:pt x="6" y="107"/>
                    <a:pt x="15" y="120"/>
                  </a:cubicBezTo>
                  <a:cubicBezTo>
                    <a:pt x="9" y="109"/>
                    <a:pt x="5" y="96"/>
                    <a:pt x="5" y="83"/>
                  </a:cubicBezTo>
                  <a:cubicBezTo>
                    <a:pt x="5" y="42"/>
                    <a:pt x="37" y="8"/>
                    <a:pt x="78" y="8"/>
                  </a:cubicBezTo>
                  <a:cubicBezTo>
                    <a:pt x="78" y="8"/>
                    <a:pt x="78" y="8"/>
                    <a:pt x="78" y="8"/>
                  </a:cubicBezTo>
                  <a:cubicBezTo>
                    <a:pt x="101" y="8"/>
                    <a:pt x="122" y="19"/>
                    <a:pt x="136" y="36"/>
                  </a:cubicBezTo>
                  <a:cubicBezTo>
                    <a:pt x="123" y="14"/>
                    <a:pt x="99" y="0"/>
                    <a:pt x="73"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5" name="íṩḷïďê">
              <a:extLst>
                <a:ext uri="{FF2B5EF4-FFF2-40B4-BE49-F238E27FC236}">
                  <a16:creationId xmlns:a16="http://schemas.microsoft.com/office/drawing/2014/main" xmlns="" id="{585BDABC-C878-4AE3-9439-C5A7F837C743}"/>
                </a:ext>
              </a:extLst>
            </p:cNvPr>
            <p:cNvSpPr/>
            <p:nvPr/>
          </p:nvSpPr>
          <p:spPr bwMode="auto">
            <a:xfrm>
              <a:off x="8451851" y="2924175"/>
              <a:ext cx="1588" cy="1588"/>
            </a:xfrm>
            <a:prstGeom prst="ellipse">
              <a:avLst/>
            </a:pr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6" name="ïṡḷïdé">
              <a:extLst>
                <a:ext uri="{FF2B5EF4-FFF2-40B4-BE49-F238E27FC236}">
                  <a16:creationId xmlns:a16="http://schemas.microsoft.com/office/drawing/2014/main" xmlns="" id="{BBC2F054-532B-4C0D-8704-C80CB7525960}"/>
                </a:ext>
              </a:extLst>
            </p:cNvPr>
            <p:cNvSpPr/>
            <p:nvPr/>
          </p:nvSpPr>
          <p:spPr bwMode="auto">
            <a:xfrm>
              <a:off x="8285164" y="2911475"/>
              <a:ext cx="166688" cy="290513"/>
            </a:xfrm>
            <a:custGeom>
              <a:avLst/>
              <a:gdLst>
                <a:gd name="T0" fmla="*/ 102 w 103"/>
                <a:gd name="T1" fmla="*/ 0 h 179"/>
                <a:gd name="T2" fmla="*/ 89 w 103"/>
                <a:gd name="T3" fmla="*/ 38 h 179"/>
                <a:gd name="T4" fmla="*/ 25 w 103"/>
                <a:gd name="T5" fmla="*/ 121 h 179"/>
                <a:gd name="T6" fmla="*/ 0 w 103"/>
                <a:gd name="T7" fmla="*/ 147 h 179"/>
                <a:gd name="T8" fmla="*/ 20 w 103"/>
                <a:gd name="T9" fmla="*/ 179 h 179"/>
                <a:gd name="T10" fmla="*/ 103 w 103"/>
                <a:gd name="T11" fmla="*/ 7 h 179"/>
                <a:gd name="T12" fmla="*/ 103 w 103"/>
                <a:gd name="T13" fmla="*/ 7 h 179"/>
                <a:gd name="T14" fmla="*/ 103 w 103"/>
                <a:gd name="T15" fmla="*/ 7 h 179"/>
                <a:gd name="T16" fmla="*/ 102 w 103"/>
                <a:gd name="T17" fmla="*/ 0 h 1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3" h="179">
                  <a:moveTo>
                    <a:pt x="102" y="0"/>
                  </a:moveTo>
                  <a:cubicBezTo>
                    <a:pt x="99" y="13"/>
                    <a:pt x="94" y="26"/>
                    <a:pt x="89" y="38"/>
                  </a:cubicBezTo>
                  <a:cubicBezTo>
                    <a:pt x="73" y="72"/>
                    <a:pt x="50" y="93"/>
                    <a:pt x="25" y="121"/>
                  </a:cubicBezTo>
                  <a:cubicBezTo>
                    <a:pt x="17" y="130"/>
                    <a:pt x="9" y="139"/>
                    <a:pt x="0" y="147"/>
                  </a:cubicBezTo>
                  <a:cubicBezTo>
                    <a:pt x="11" y="166"/>
                    <a:pt x="20" y="179"/>
                    <a:pt x="20" y="179"/>
                  </a:cubicBezTo>
                  <a:cubicBezTo>
                    <a:pt x="20" y="179"/>
                    <a:pt x="103" y="55"/>
                    <a:pt x="103" y="7"/>
                  </a:cubicBezTo>
                  <a:cubicBezTo>
                    <a:pt x="103" y="7"/>
                    <a:pt x="103" y="7"/>
                    <a:pt x="103" y="7"/>
                  </a:cubicBezTo>
                  <a:cubicBezTo>
                    <a:pt x="103" y="7"/>
                    <a:pt x="103" y="7"/>
                    <a:pt x="103" y="7"/>
                  </a:cubicBezTo>
                  <a:cubicBezTo>
                    <a:pt x="103" y="4"/>
                    <a:pt x="102" y="2"/>
                    <a:pt x="102"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7" name="ïṣḻîḋê">
              <a:extLst>
                <a:ext uri="{FF2B5EF4-FFF2-40B4-BE49-F238E27FC236}">
                  <a16:creationId xmlns:a16="http://schemas.microsoft.com/office/drawing/2014/main" xmlns="" id="{CDEF7AE5-0F25-405E-8D9B-436AF9A4D6FE}"/>
                </a:ext>
              </a:extLst>
            </p:cNvPr>
            <p:cNvSpPr/>
            <p:nvPr/>
          </p:nvSpPr>
          <p:spPr bwMode="auto">
            <a:xfrm>
              <a:off x="7445376" y="4364038"/>
              <a:ext cx="130175" cy="119063"/>
            </a:xfrm>
            <a:custGeom>
              <a:avLst/>
              <a:gdLst>
                <a:gd name="T0" fmla="*/ 64 w 81"/>
                <a:gd name="T1" fmla="*/ 22 h 73"/>
                <a:gd name="T2" fmla="*/ 61 w 81"/>
                <a:gd name="T3" fmla="*/ 12 h 73"/>
                <a:gd name="T4" fmla="*/ 52 w 81"/>
                <a:gd name="T5" fmla="*/ 10 h 73"/>
                <a:gd name="T6" fmla="*/ 40 w 81"/>
                <a:gd name="T7" fmla="*/ 15 h 73"/>
                <a:gd name="T8" fmla="*/ 9 w 81"/>
                <a:gd name="T9" fmla="*/ 10 h 73"/>
                <a:gd name="T10" fmla="*/ 17 w 81"/>
                <a:gd name="T11" fmla="*/ 29 h 73"/>
                <a:gd name="T12" fmla="*/ 39 w 81"/>
                <a:gd name="T13" fmla="*/ 42 h 73"/>
                <a:gd name="T14" fmla="*/ 54 w 81"/>
                <a:gd name="T15" fmla="*/ 69 h 73"/>
                <a:gd name="T16" fmla="*/ 56 w 81"/>
                <a:gd name="T17" fmla="*/ 72 h 73"/>
                <a:gd name="T18" fmla="*/ 61 w 81"/>
                <a:gd name="T19" fmla="*/ 71 h 73"/>
                <a:gd name="T20" fmla="*/ 64 w 81"/>
                <a:gd name="T21" fmla="*/ 2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1" h="73">
                  <a:moveTo>
                    <a:pt x="64" y="22"/>
                  </a:moveTo>
                  <a:cubicBezTo>
                    <a:pt x="63" y="18"/>
                    <a:pt x="63" y="15"/>
                    <a:pt x="61" y="12"/>
                  </a:cubicBezTo>
                  <a:cubicBezTo>
                    <a:pt x="59" y="9"/>
                    <a:pt x="54" y="8"/>
                    <a:pt x="52" y="10"/>
                  </a:cubicBezTo>
                  <a:cubicBezTo>
                    <a:pt x="46" y="16"/>
                    <a:pt x="48" y="17"/>
                    <a:pt x="40" y="15"/>
                  </a:cubicBezTo>
                  <a:cubicBezTo>
                    <a:pt x="29" y="13"/>
                    <a:pt x="19" y="0"/>
                    <a:pt x="9" y="10"/>
                  </a:cubicBezTo>
                  <a:cubicBezTo>
                    <a:pt x="0" y="21"/>
                    <a:pt x="8" y="25"/>
                    <a:pt x="17" y="29"/>
                  </a:cubicBezTo>
                  <a:cubicBezTo>
                    <a:pt x="25" y="33"/>
                    <a:pt x="33" y="36"/>
                    <a:pt x="39" y="42"/>
                  </a:cubicBezTo>
                  <a:cubicBezTo>
                    <a:pt x="43" y="47"/>
                    <a:pt x="54" y="65"/>
                    <a:pt x="54" y="69"/>
                  </a:cubicBezTo>
                  <a:cubicBezTo>
                    <a:pt x="55" y="70"/>
                    <a:pt x="55" y="71"/>
                    <a:pt x="56" y="72"/>
                  </a:cubicBezTo>
                  <a:cubicBezTo>
                    <a:pt x="58" y="73"/>
                    <a:pt x="60" y="72"/>
                    <a:pt x="61" y="71"/>
                  </a:cubicBezTo>
                  <a:cubicBezTo>
                    <a:pt x="81" y="58"/>
                    <a:pt x="66" y="40"/>
                    <a:pt x="64" y="22"/>
                  </a:cubicBezTo>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8" name="íšļïďé">
              <a:extLst>
                <a:ext uri="{FF2B5EF4-FFF2-40B4-BE49-F238E27FC236}">
                  <a16:creationId xmlns:a16="http://schemas.microsoft.com/office/drawing/2014/main" xmlns="" id="{2A02957B-1998-4A89-847F-4DA7E5B2E9E0}"/>
                </a:ext>
              </a:extLst>
            </p:cNvPr>
            <p:cNvSpPr/>
            <p:nvPr/>
          </p:nvSpPr>
          <p:spPr bwMode="auto">
            <a:xfrm>
              <a:off x="7505701" y="4437063"/>
              <a:ext cx="452438" cy="327025"/>
            </a:xfrm>
            <a:custGeom>
              <a:avLst/>
              <a:gdLst>
                <a:gd name="T0" fmla="*/ 98 w 278"/>
                <a:gd name="T1" fmla="*/ 83 h 201"/>
                <a:gd name="T2" fmla="*/ 54 w 278"/>
                <a:gd name="T3" fmla="*/ 16 h 201"/>
                <a:gd name="T4" fmla="*/ 32 w 278"/>
                <a:gd name="T5" fmla="*/ 0 h 201"/>
                <a:gd name="T6" fmla="*/ 1 w 278"/>
                <a:gd name="T7" fmla="*/ 10 h 201"/>
                <a:gd name="T8" fmla="*/ 52 w 278"/>
                <a:gd name="T9" fmla="*/ 170 h 201"/>
                <a:gd name="T10" fmla="*/ 116 w 278"/>
                <a:gd name="T11" fmla="*/ 192 h 201"/>
                <a:gd name="T12" fmla="*/ 210 w 278"/>
                <a:gd name="T13" fmla="*/ 191 h 201"/>
                <a:gd name="T14" fmla="*/ 258 w 278"/>
                <a:gd name="T15" fmla="*/ 176 h 201"/>
                <a:gd name="T16" fmla="*/ 276 w 278"/>
                <a:gd name="T17" fmla="*/ 111 h 201"/>
                <a:gd name="T18" fmla="*/ 220 w 278"/>
                <a:gd name="T19" fmla="*/ 83 h 201"/>
                <a:gd name="T20" fmla="*/ 128 w 278"/>
                <a:gd name="T21" fmla="*/ 97 h 201"/>
                <a:gd name="T22" fmla="*/ 111 w 278"/>
                <a:gd name="T23" fmla="*/ 96 h 201"/>
                <a:gd name="T24" fmla="*/ 101 w 278"/>
                <a:gd name="T25" fmla="*/ 87 h 201"/>
                <a:gd name="T26" fmla="*/ 98 w 278"/>
                <a:gd name="T27" fmla="*/ 83 h 2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78" h="201">
                  <a:moveTo>
                    <a:pt x="98" y="83"/>
                  </a:moveTo>
                  <a:cubicBezTo>
                    <a:pt x="82" y="61"/>
                    <a:pt x="70" y="37"/>
                    <a:pt x="54" y="16"/>
                  </a:cubicBezTo>
                  <a:cubicBezTo>
                    <a:pt x="46" y="6"/>
                    <a:pt x="46" y="2"/>
                    <a:pt x="32" y="0"/>
                  </a:cubicBezTo>
                  <a:cubicBezTo>
                    <a:pt x="29" y="0"/>
                    <a:pt x="0" y="8"/>
                    <a:pt x="1" y="10"/>
                  </a:cubicBezTo>
                  <a:cubicBezTo>
                    <a:pt x="14" y="65"/>
                    <a:pt x="31" y="118"/>
                    <a:pt x="52" y="170"/>
                  </a:cubicBezTo>
                  <a:cubicBezTo>
                    <a:pt x="64" y="201"/>
                    <a:pt x="86" y="192"/>
                    <a:pt x="116" y="192"/>
                  </a:cubicBezTo>
                  <a:cubicBezTo>
                    <a:pt x="147" y="191"/>
                    <a:pt x="179" y="191"/>
                    <a:pt x="210" y="191"/>
                  </a:cubicBezTo>
                  <a:cubicBezTo>
                    <a:pt x="228" y="190"/>
                    <a:pt x="247" y="189"/>
                    <a:pt x="258" y="176"/>
                  </a:cubicBezTo>
                  <a:cubicBezTo>
                    <a:pt x="271" y="160"/>
                    <a:pt x="278" y="130"/>
                    <a:pt x="276" y="111"/>
                  </a:cubicBezTo>
                  <a:cubicBezTo>
                    <a:pt x="272" y="76"/>
                    <a:pt x="247" y="79"/>
                    <a:pt x="220" y="83"/>
                  </a:cubicBezTo>
                  <a:cubicBezTo>
                    <a:pt x="189" y="87"/>
                    <a:pt x="159" y="92"/>
                    <a:pt x="128" y="97"/>
                  </a:cubicBezTo>
                  <a:cubicBezTo>
                    <a:pt x="122" y="98"/>
                    <a:pt x="116" y="99"/>
                    <a:pt x="111" y="96"/>
                  </a:cubicBezTo>
                  <a:cubicBezTo>
                    <a:pt x="107" y="94"/>
                    <a:pt x="104" y="91"/>
                    <a:pt x="101" y="87"/>
                  </a:cubicBezTo>
                  <a:cubicBezTo>
                    <a:pt x="100" y="86"/>
                    <a:pt x="99" y="84"/>
                    <a:pt x="98" y="83"/>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29" name="iṩ1iḑé">
              <a:extLst>
                <a:ext uri="{FF2B5EF4-FFF2-40B4-BE49-F238E27FC236}">
                  <a16:creationId xmlns:a16="http://schemas.microsoft.com/office/drawing/2014/main" xmlns="" id="{E4D669B9-6E9E-49A4-8CFA-77F3E5E2314F}"/>
                </a:ext>
              </a:extLst>
            </p:cNvPr>
            <p:cNvSpPr/>
            <p:nvPr/>
          </p:nvSpPr>
          <p:spPr bwMode="auto">
            <a:xfrm>
              <a:off x="7689851" y="5160963"/>
              <a:ext cx="615950" cy="319088"/>
            </a:xfrm>
            <a:custGeom>
              <a:avLst/>
              <a:gdLst>
                <a:gd name="T0" fmla="*/ 3 w 379"/>
                <a:gd name="T1" fmla="*/ 95 h 196"/>
                <a:gd name="T2" fmla="*/ 48 w 379"/>
                <a:gd name="T3" fmla="*/ 30 h 196"/>
                <a:gd name="T4" fmla="*/ 118 w 379"/>
                <a:gd name="T5" fmla="*/ 14 h 196"/>
                <a:gd name="T6" fmla="*/ 276 w 379"/>
                <a:gd name="T7" fmla="*/ 2 h 196"/>
                <a:gd name="T8" fmla="*/ 366 w 379"/>
                <a:gd name="T9" fmla="*/ 77 h 196"/>
                <a:gd name="T10" fmla="*/ 359 w 379"/>
                <a:gd name="T11" fmla="*/ 130 h 196"/>
                <a:gd name="T12" fmla="*/ 307 w 379"/>
                <a:gd name="T13" fmla="*/ 174 h 196"/>
                <a:gd name="T14" fmla="*/ 163 w 379"/>
                <a:gd name="T15" fmla="*/ 186 h 196"/>
                <a:gd name="T16" fmla="*/ 45 w 379"/>
                <a:gd name="T17" fmla="*/ 150 h 196"/>
                <a:gd name="T18" fmla="*/ 3 w 379"/>
                <a:gd name="T19" fmla="*/ 95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79" h="196">
                  <a:moveTo>
                    <a:pt x="3" y="95"/>
                  </a:moveTo>
                  <a:cubicBezTo>
                    <a:pt x="6" y="66"/>
                    <a:pt x="21" y="42"/>
                    <a:pt x="48" y="30"/>
                  </a:cubicBezTo>
                  <a:cubicBezTo>
                    <a:pt x="70" y="20"/>
                    <a:pt x="94" y="17"/>
                    <a:pt x="118" y="14"/>
                  </a:cubicBezTo>
                  <a:cubicBezTo>
                    <a:pt x="172" y="7"/>
                    <a:pt x="223" y="0"/>
                    <a:pt x="276" y="2"/>
                  </a:cubicBezTo>
                  <a:cubicBezTo>
                    <a:pt x="319" y="4"/>
                    <a:pt x="346" y="41"/>
                    <a:pt x="366" y="77"/>
                  </a:cubicBezTo>
                  <a:cubicBezTo>
                    <a:pt x="379" y="100"/>
                    <a:pt x="375" y="111"/>
                    <a:pt x="359" y="130"/>
                  </a:cubicBezTo>
                  <a:cubicBezTo>
                    <a:pt x="345" y="148"/>
                    <a:pt x="327" y="163"/>
                    <a:pt x="307" y="174"/>
                  </a:cubicBezTo>
                  <a:cubicBezTo>
                    <a:pt x="267" y="196"/>
                    <a:pt x="206" y="191"/>
                    <a:pt x="163" y="186"/>
                  </a:cubicBezTo>
                  <a:cubicBezTo>
                    <a:pt x="122" y="181"/>
                    <a:pt x="81" y="169"/>
                    <a:pt x="45" y="150"/>
                  </a:cubicBezTo>
                  <a:cubicBezTo>
                    <a:pt x="21" y="138"/>
                    <a:pt x="0" y="123"/>
                    <a:pt x="3" y="95"/>
                  </a:cubicBezTo>
                  <a:close/>
                </a:path>
              </a:pathLst>
            </a:custGeom>
            <a:solidFill>
              <a:srgbClr val="14253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0" name="îšḻíḍe">
              <a:extLst>
                <a:ext uri="{FF2B5EF4-FFF2-40B4-BE49-F238E27FC236}">
                  <a16:creationId xmlns:a16="http://schemas.microsoft.com/office/drawing/2014/main" xmlns="" id="{B066B2CB-6853-4374-8D10-02E48B2406E6}"/>
                </a:ext>
              </a:extLst>
            </p:cNvPr>
            <p:cNvSpPr/>
            <p:nvPr/>
          </p:nvSpPr>
          <p:spPr bwMode="auto">
            <a:xfrm>
              <a:off x="8061326" y="5424488"/>
              <a:ext cx="106363" cy="227013"/>
            </a:xfrm>
            <a:custGeom>
              <a:avLst/>
              <a:gdLst>
                <a:gd name="T0" fmla="*/ 41 w 65"/>
                <a:gd name="T1" fmla="*/ 21 h 140"/>
                <a:gd name="T2" fmla="*/ 60 w 65"/>
                <a:gd name="T3" fmla="*/ 72 h 140"/>
                <a:gd name="T4" fmla="*/ 65 w 65"/>
                <a:gd name="T5" fmla="*/ 101 h 140"/>
                <a:gd name="T6" fmla="*/ 23 w 65"/>
                <a:gd name="T7" fmla="*/ 119 h 140"/>
                <a:gd name="T8" fmla="*/ 6 w 65"/>
                <a:gd name="T9" fmla="*/ 89 h 140"/>
                <a:gd name="T10" fmla="*/ 23 w 65"/>
                <a:gd name="T11" fmla="*/ 77 h 140"/>
                <a:gd name="T12" fmla="*/ 30 w 65"/>
                <a:gd name="T13" fmla="*/ 55 h 140"/>
                <a:gd name="T14" fmla="*/ 16 w 65"/>
                <a:gd name="T15" fmla="*/ 14 h 140"/>
                <a:gd name="T16" fmla="*/ 22 w 65"/>
                <a:gd name="T17" fmla="*/ 1 h 140"/>
                <a:gd name="T18" fmla="*/ 32 w 65"/>
                <a:gd name="T19" fmla="*/ 4 h 140"/>
                <a:gd name="T20" fmla="*/ 37 w 65"/>
                <a:gd name="T21" fmla="*/ 13 h 140"/>
                <a:gd name="T22" fmla="*/ 41 w 65"/>
                <a:gd name="T23" fmla="*/ 21 h 1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65" h="140">
                  <a:moveTo>
                    <a:pt x="41" y="21"/>
                  </a:moveTo>
                  <a:cubicBezTo>
                    <a:pt x="48" y="38"/>
                    <a:pt x="54" y="55"/>
                    <a:pt x="60" y="72"/>
                  </a:cubicBezTo>
                  <a:cubicBezTo>
                    <a:pt x="63" y="82"/>
                    <a:pt x="65" y="91"/>
                    <a:pt x="65" y="101"/>
                  </a:cubicBezTo>
                  <a:cubicBezTo>
                    <a:pt x="64" y="123"/>
                    <a:pt x="39" y="140"/>
                    <a:pt x="23" y="119"/>
                  </a:cubicBezTo>
                  <a:cubicBezTo>
                    <a:pt x="15" y="110"/>
                    <a:pt x="10" y="99"/>
                    <a:pt x="6" y="89"/>
                  </a:cubicBezTo>
                  <a:cubicBezTo>
                    <a:pt x="0" y="73"/>
                    <a:pt x="12" y="82"/>
                    <a:pt x="23" y="77"/>
                  </a:cubicBezTo>
                  <a:cubicBezTo>
                    <a:pt x="35" y="71"/>
                    <a:pt x="35" y="67"/>
                    <a:pt x="30" y="55"/>
                  </a:cubicBezTo>
                  <a:cubicBezTo>
                    <a:pt x="23" y="40"/>
                    <a:pt x="15" y="31"/>
                    <a:pt x="16" y="14"/>
                  </a:cubicBezTo>
                  <a:cubicBezTo>
                    <a:pt x="16" y="9"/>
                    <a:pt x="18" y="3"/>
                    <a:pt x="22" y="1"/>
                  </a:cubicBezTo>
                  <a:cubicBezTo>
                    <a:pt x="25" y="0"/>
                    <a:pt x="29" y="1"/>
                    <a:pt x="32" y="4"/>
                  </a:cubicBezTo>
                  <a:cubicBezTo>
                    <a:pt x="34" y="6"/>
                    <a:pt x="36" y="10"/>
                    <a:pt x="37" y="13"/>
                  </a:cubicBezTo>
                  <a:cubicBezTo>
                    <a:pt x="39" y="16"/>
                    <a:pt x="40" y="18"/>
                    <a:pt x="41" y="21"/>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1" name="iṣḷîḋè">
              <a:extLst>
                <a:ext uri="{FF2B5EF4-FFF2-40B4-BE49-F238E27FC236}">
                  <a16:creationId xmlns:a16="http://schemas.microsoft.com/office/drawing/2014/main" xmlns="" id="{B0A68DB3-6514-4549-BC1C-473F1F9B226C}"/>
                </a:ext>
              </a:extLst>
            </p:cNvPr>
            <p:cNvSpPr/>
            <p:nvPr/>
          </p:nvSpPr>
          <p:spPr bwMode="auto">
            <a:xfrm>
              <a:off x="7742239" y="4549775"/>
              <a:ext cx="584200" cy="692150"/>
            </a:xfrm>
            <a:custGeom>
              <a:avLst/>
              <a:gdLst>
                <a:gd name="T0" fmla="*/ 157 w 360"/>
                <a:gd name="T1" fmla="*/ 7 h 427"/>
                <a:gd name="T2" fmla="*/ 99 w 360"/>
                <a:gd name="T3" fmla="*/ 8 h 427"/>
                <a:gd name="T4" fmla="*/ 82 w 360"/>
                <a:gd name="T5" fmla="*/ 46 h 427"/>
                <a:gd name="T6" fmla="*/ 57 w 360"/>
                <a:gd name="T7" fmla="*/ 184 h 427"/>
                <a:gd name="T8" fmla="*/ 49 w 360"/>
                <a:gd name="T9" fmla="*/ 252 h 427"/>
                <a:gd name="T10" fmla="*/ 52 w 360"/>
                <a:gd name="T11" fmla="*/ 305 h 427"/>
                <a:gd name="T12" fmla="*/ 32 w 360"/>
                <a:gd name="T13" fmla="*/ 340 h 427"/>
                <a:gd name="T14" fmla="*/ 12 w 360"/>
                <a:gd name="T15" fmla="*/ 346 h 427"/>
                <a:gd name="T16" fmla="*/ 3 w 360"/>
                <a:gd name="T17" fmla="*/ 363 h 427"/>
                <a:gd name="T18" fmla="*/ 11 w 360"/>
                <a:gd name="T19" fmla="*/ 369 h 427"/>
                <a:gd name="T20" fmla="*/ 59 w 360"/>
                <a:gd name="T21" fmla="*/ 396 h 427"/>
                <a:gd name="T22" fmla="*/ 97 w 360"/>
                <a:gd name="T23" fmla="*/ 415 h 427"/>
                <a:gd name="T24" fmla="*/ 155 w 360"/>
                <a:gd name="T25" fmla="*/ 425 h 427"/>
                <a:gd name="T26" fmla="*/ 308 w 360"/>
                <a:gd name="T27" fmla="*/ 408 h 427"/>
                <a:gd name="T28" fmla="*/ 354 w 360"/>
                <a:gd name="T29" fmla="*/ 357 h 427"/>
                <a:gd name="T30" fmla="*/ 320 w 360"/>
                <a:gd name="T31" fmla="*/ 267 h 427"/>
                <a:gd name="T32" fmla="*/ 287 w 360"/>
                <a:gd name="T33" fmla="*/ 155 h 427"/>
                <a:gd name="T34" fmla="*/ 252 w 360"/>
                <a:gd name="T35" fmla="*/ 54 h 427"/>
                <a:gd name="T36" fmla="*/ 220 w 360"/>
                <a:gd name="T37" fmla="*/ 15 h 427"/>
                <a:gd name="T38" fmla="*/ 157 w 360"/>
                <a:gd name="T39" fmla="*/ 7 h 4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60" h="427">
                  <a:moveTo>
                    <a:pt x="157" y="7"/>
                  </a:moveTo>
                  <a:cubicBezTo>
                    <a:pt x="137" y="4"/>
                    <a:pt x="116" y="0"/>
                    <a:pt x="99" y="8"/>
                  </a:cubicBezTo>
                  <a:cubicBezTo>
                    <a:pt x="85" y="14"/>
                    <a:pt x="85" y="32"/>
                    <a:pt x="82" y="46"/>
                  </a:cubicBezTo>
                  <a:cubicBezTo>
                    <a:pt x="71" y="91"/>
                    <a:pt x="63" y="137"/>
                    <a:pt x="57" y="184"/>
                  </a:cubicBezTo>
                  <a:cubicBezTo>
                    <a:pt x="54" y="206"/>
                    <a:pt x="49" y="229"/>
                    <a:pt x="49" y="252"/>
                  </a:cubicBezTo>
                  <a:cubicBezTo>
                    <a:pt x="49" y="270"/>
                    <a:pt x="54" y="287"/>
                    <a:pt x="52" y="305"/>
                  </a:cubicBezTo>
                  <a:cubicBezTo>
                    <a:pt x="51" y="319"/>
                    <a:pt x="45" y="335"/>
                    <a:pt x="32" y="340"/>
                  </a:cubicBezTo>
                  <a:cubicBezTo>
                    <a:pt x="26" y="343"/>
                    <a:pt x="19" y="343"/>
                    <a:pt x="12" y="346"/>
                  </a:cubicBezTo>
                  <a:cubicBezTo>
                    <a:pt x="6" y="349"/>
                    <a:pt x="0" y="357"/>
                    <a:pt x="3" y="363"/>
                  </a:cubicBezTo>
                  <a:cubicBezTo>
                    <a:pt x="5" y="366"/>
                    <a:pt x="8" y="368"/>
                    <a:pt x="11" y="369"/>
                  </a:cubicBezTo>
                  <a:cubicBezTo>
                    <a:pt x="27" y="378"/>
                    <a:pt x="43" y="387"/>
                    <a:pt x="59" y="396"/>
                  </a:cubicBezTo>
                  <a:cubicBezTo>
                    <a:pt x="71" y="403"/>
                    <a:pt x="84" y="410"/>
                    <a:pt x="97" y="415"/>
                  </a:cubicBezTo>
                  <a:cubicBezTo>
                    <a:pt x="115" y="421"/>
                    <a:pt x="135" y="424"/>
                    <a:pt x="155" y="425"/>
                  </a:cubicBezTo>
                  <a:cubicBezTo>
                    <a:pt x="207" y="427"/>
                    <a:pt x="258" y="422"/>
                    <a:pt x="308" y="408"/>
                  </a:cubicBezTo>
                  <a:cubicBezTo>
                    <a:pt x="334" y="401"/>
                    <a:pt x="360" y="388"/>
                    <a:pt x="354" y="357"/>
                  </a:cubicBezTo>
                  <a:cubicBezTo>
                    <a:pt x="347" y="326"/>
                    <a:pt x="334" y="295"/>
                    <a:pt x="320" y="267"/>
                  </a:cubicBezTo>
                  <a:cubicBezTo>
                    <a:pt x="303" y="233"/>
                    <a:pt x="298" y="191"/>
                    <a:pt x="287" y="155"/>
                  </a:cubicBezTo>
                  <a:cubicBezTo>
                    <a:pt x="275" y="121"/>
                    <a:pt x="264" y="88"/>
                    <a:pt x="252" y="54"/>
                  </a:cubicBezTo>
                  <a:cubicBezTo>
                    <a:pt x="246" y="38"/>
                    <a:pt x="235" y="23"/>
                    <a:pt x="220" y="15"/>
                  </a:cubicBezTo>
                  <a:cubicBezTo>
                    <a:pt x="200" y="4"/>
                    <a:pt x="178" y="9"/>
                    <a:pt x="157" y="7"/>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2" name="isḷîḋe">
              <a:extLst>
                <a:ext uri="{FF2B5EF4-FFF2-40B4-BE49-F238E27FC236}">
                  <a16:creationId xmlns:a16="http://schemas.microsoft.com/office/drawing/2014/main" xmlns="" id="{7DE54952-B672-4905-83A3-53B02A69866D}"/>
                </a:ext>
              </a:extLst>
            </p:cNvPr>
            <p:cNvSpPr/>
            <p:nvPr/>
          </p:nvSpPr>
          <p:spPr bwMode="auto">
            <a:xfrm>
              <a:off x="7799389" y="5416550"/>
              <a:ext cx="131763" cy="58738"/>
            </a:xfrm>
            <a:custGeom>
              <a:avLst/>
              <a:gdLst>
                <a:gd name="T0" fmla="*/ 33 w 81"/>
                <a:gd name="T1" fmla="*/ 35 h 36"/>
                <a:gd name="T2" fmla="*/ 19 w 81"/>
                <a:gd name="T3" fmla="*/ 36 h 36"/>
                <a:gd name="T4" fmla="*/ 4 w 81"/>
                <a:gd name="T5" fmla="*/ 33 h 36"/>
                <a:gd name="T6" fmla="*/ 4 w 81"/>
                <a:gd name="T7" fmla="*/ 16 h 36"/>
                <a:gd name="T8" fmla="*/ 19 w 81"/>
                <a:gd name="T9" fmla="*/ 7 h 36"/>
                <a:gd name="T10" fmla="*/ 63 w 81"/>
                <a:gd name="T11" fmla="*/ 0 h 36"/>
                <a:gd name="T12" fmla="*/ 68 w 81"/>
                <a:gd name="T13" fmla="*/ 1 h 36"/>
                <a:gd name="T14" fmla="*/ 72 w 81"/>
                <a:gd name="T15" fmla="*/ 7 h 36"/>
                <a:gd name="T16" fmla="*/ 33 w 81"/>
                <a:gd name="T17" fmla="*/ 35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1" h="36">
                  <a:moveTo>
                    <a:pt x="33" y="35"/>
                  </a:moveTo>
                  <a:cubicBezTo>
                    <a:pt x="28" y="36"/>
                    <a:pt x="23" y="36"/>
                    <a:pt x="19" y="36"/>
                  </a:cubicBezTo>
                  <a:cubicBezTo>
                    <a:pt x="14" y="36"/>
                    <a:pt x="8" y="36"/>
                    <a:pt x="4" y="33"/>
                  </a:cubicBezTo>
                  <a:cubicBezTo>
                    <a:pt x="0" y="29"/>
                    <a:pt x="0" y="21"/>
                    <a:pt x="4" y="16"/>
                  </a:cubicBezTo>
                  <a:cubicBezTo>
                    <a:pt x="8" y="11"/>
                    <a:pt x="14" y="9"/>
                    <a:pt x="19" y="7"/>
                  </a:cubicBezTo>
                  <a:cubicBezTo>
                    <a:pt x="34" y="2"/>
                    <a:pt x="48" y="1"/>
                    <a:pt x="63" y="0"/>
                  </a:cubicBezTo>
                  <a:cubicBezTo>
                    <a:pt x="65" y="0"/>
                    <a:pt x="66" y="0"/>
                    <a:pt x="68" y="1"/>
                  </a:cubicBezTo>
                  <a:cubicBezTo>
                    <a:pt x="70" y="2"/>
                    <a:pt x="71" y="4"/>
                    <a:pt x="72" y="7"/>
                  </a:cubicBezTo>
                  <a:cubicBezTo>
                    <a:pt x="81" y="32"/>
                    <a:pt x="50" y="34"/>
                    <a:pt x="33" y="35"/>
                  </a:cubicBezTo>
                  <a:close/>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3" name="í$ļídé">
              <a:extLst>
                <a:ext uri="{FF2B5EF4-FFF2-40B4-BE49-F238E27FC236}">
                  <a16:creationId xmlns:a16="http://schemas.microsoft.com/office/drawing/2014/main" xmlns="" id="{EBB9C675-D0D6-4879-9EE1-CE841423284D}"/>
                </a:ext>
              </a:extLst>
            </p:cNvPr>
            <p:cNvSpPr/>
            <p:nvPr/>
          </p:nvSpPr>
          <p:spPr bwMode="auto">
            <a:xfrm>
              <a:off x="8016876" y="5434013"/>
              <a:ext cx="125413" cy="134938"/>
            </a:xfrm>
            <a:custGeom>
              <a:avLst/>
              <a:gdLst>
                <a:gd name="T0" fmla="*/ 76 w 77"/>
                <a:gd name="T1" fmla="*/ 68 h 83"/>
                <a:gd name="T2" fmla="*/ 76 w 77"/>
                <a:gd name="T3" fmla="*/ 74 h 83"/>
                <a:gd name="T4" fmla="*/ 73 w 77"/>
                <a:gd name="T5" fmla="*/ 77 h 83"/>
                <a:gd name="T6" fmla="*/ 43 w 77"/>
                <a:gd name="T7" fmla="*/ 68 h 83"/>
                <a:gd name="T8" fmla="*/ 22 w 77"/>
                <a:gd name="T9" fmla="*/ 42 h 83"/>
                <a:gd name="T10" fmla="*/ 42 w 77"/>
                <a:gd name="T11" fmla="*/ 7 h 83"/>
                <a:gd name="T12" fmla="*/ 76 w 77"/>
                <a:gd name="T13" fmla="*/ 68 h 83"/>
              </a:gdLst>
              <a:ahLst/>
              <a:cxnLst>
                <a:cxn ang="0">
                  <a:pos x="T0" y="T1"/>
                </a:cxn>
                <a:cxn ang="0">
                  <a:pos x="T2" y="T3"/>
                </a:cxn>
                <a:cxn ang="0">
                  <a:pos x="T4" y="T5"/>
                </a:cxn>
                <a:cxn ang="0">
                  <a:pos x="T6" y="T7"/>
                </a:cxn>
                <a:cxn ang="0">
                  <a:pos x="T8" y="T9"/>
                </a:cxn>
                <a:cxn ang="0">
                  <a:pos x="T10" y="T11"/>
                </a:cxn>
                <a:cxn ang="0">
                  <a:pos x="T12" y="T13"/>
                </a:cxn>
              </a:cxnLst>
              <a:rect l="0" t="0" r="r" b="b"/>
              <a:pathLst>
                <a:path w="77" h="83">
                  <a:moveTo>
                    <a:pt x="76" y="68"/>
                  </a:moveTo>
                  <a:cubicBezTo>
                    <a:pt x="77" y="70"/>
                    <a:pt x="77" y="72"/>
                    <a:pt x="76" y="74"/>
                  </a:cubicBezTo>
                  <a:cubicBezTo>
                    <a:pt x="75" y="75"/>
                    <a:pt x="74" y="76"/>
                    <a:pt x="73" y="77"/>
                  </a:cubicBezTo>
                  <a:cubicBezTo>
                    <a:pt x="63" y="83"/>
                    <a:pt x="50" y="77"/>
                    <a:pt x="43" y="68"/>
                  </a:cubicBezTo>
                  <a:cubicBezTo>
                    <a:pt x="36" y="59"/>
                    <a:pt x="31" y="48"/>
                    <a:pt x="22" y="42"/>
                  </a:cubicBezTo>
                  <a:cubicBezTo>
                    <a:pt x="0" y="27"/>
                    <a:pt x="20" y="0"/>
                    <a:pt x="42" y="7"/>
                  </a:cubicBezTo>
                  <a:cubicBezTo>
                    <a:pt x="68" y="14"/>
                    <a:pt x="74" y="45"/>
                    <a:pt x="76" y="68"/>
                  </a:cubicBezTo>
                  <a:close/>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4" name="iṣļiďé">
              <a:extLst>
                <a:ext uri="{FF2B5EF4-FFF2-40B4-BE49-F238E27FC236}">
                  <a16:creationId xmlns:a16="http://schemas.microsoft.com/office/drawing/2014/main" xmlns="" id="{212256F8-C43C-4C0D-9968-682F4555221F}"/>
                </a:ext>
              </a:extLst>
            </p:cNvPr>
            <p:cNvSpPr/>
            <p:nvPr/>
          </p:nvSpPr>
          <p:spPr bwMode="auto">
            <a:xfrm>
              <a:off x="7593014" y="5099050"/>
              <a:ext cx="509588" cy="422275"/>
            </a:xfrm>
            <a:custGeom>
              <a:avLst/>
              <a:gdLst>
                <a:gd name="T0" fmla="*/ 50 w 314"/>
                <a:gd name="T1" fmla="*/ 135 h 260"/>
                <a:gd name="T2" fmla="*/ 7 w 314"/>
                <a:gd name="T3" fmla="*/ 84 h 260"/>
                <a:gd name="T4" fmla="*/ 33 w 314"/>
                <a:gd name="T5" fmla="*/ 16 h 260"/>
                <a:gd name="T6" fmla="*/ 111 w 314"/>
                <a:gd name="T7" fmla="*/ 38 h 260"/>
                <a:gd name="T8" fmla="*/ 245 w 314"/>
                <a:gd name="T9" fmla="*/ 144 h 260"/>
                <a:gd name="T10" fmla="*/ 313 w 314"/>
                <a:gd name="T11" fmla="*/ 199 h 260"/>
                <a:gd name="T12" fmla="*/ 278 w 314"/>
                <a:gd name="T13" fmla="*/ 258 h 260"/>
                <a:gd name="T14" fmla="*/ 50 w 314"/>
                <a:gd name="T15" fmla="*/ 135 h 26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14" h="260">
                  <a:moveTo>
                    <a:pt x="50" y="135"/>
                  </a:moveTo>
                  <a:cubicBezTo>
                    <a:pt x="32" y="122"/>
                    <a:pt x="14" y="107"/>
                    <a:pt x="7" y="84"/>
                  </a:cubicBezTo>
                  <a:cubicBezTo>
                    <a:pt x="0" y="61"/>
                    <a:pt x="10" y="29"/>
                    <a:pt x="33" y="16"/>
                  </a:cubicBezTo>
                  <a:cubicBezTo>
                    <a:pt x="62" y="0"/>
                    <a:pt x="91" y="19"/>
                    <a:pt x="111" y="38"/>
                  </a:cubicBezTo>
                  <a:cubicBezTo>
                    <a:pt x="154" y="76"/>
                    <a:pt x="200" y="110"/>
                    <a:pt x="245" y="144"/>
                  </a:cubicBezTo>
                  <a:cubicBezTo>
                    <a:pt x="260" y="156"/>
                    <a:pt x="313" y="199"/>
                    <a:pt x="313" y="199"/>
                  </a:cubicBezTo>
                  <a:cubicBezTo>
                    <a:pt x="314" y="205"/>
                    <a:pt x="286" y="260"/>
                    <a:pt x="278" y="258"/>
                  </a:cubicBezTo>
                  <a:cubicBezTo>
                    <a:pt x="196" y="237"/>
                    <a:pt x="116" y="184"/>
                    <a:pt x="50" y="135"/>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5" name="îṥḷiḍe">
              <a:extLst>
                <a:ext uri="{FF2B5EF4-FFF2-40B4-BE49-F238E27FC236}">
                  <a16:creationId xmlns:a16="http://schemas.microsoft.com/office/drawing/2014/main" xmlns="" id="{08248F6E-45AD-45ED-89C4-370A63BC971F}"/>
                </a:ext>
              </a:extLst>
            </p:cNvPr>
            <p:cNvSpPr/>
            <p:nvPr/>
          </p:nvSpPr>
          <p:spPr bwMode="auto">
            <a:xfrm>
              <a:off x="7932739" y="5137150"/>
              <a:ext cx="495300" cy="330200"/>
            </a:xfrm>
            <a:custGeom>
              <a:avLst/>
              <a:gdLst>
                <a:gd name="T0" fmla="*/ 255 w 305"/>
                <a:gd name="T1" fmla="*/ 139 h 203"/>
                <a:gd name="T2" fmla="*/ 298 w 305"/>
                <a:gd name="T3" fmla="*/ 98 h 203"/>
                <a:gd name="T4" fmla="*/ 275 w 305"/>
                <a:gd name="T5" fmla="*/ 23 h 203"/>
                <a:gd name="T6" fmla="*/ 199 w 305"/>
                <a:gd name="T7" fmla="*/ 25 h 203"/>
                <a:gd name="T8" fmla="*/ 69 w 305"/>
                <a:gd name="T9" fmla="*/ 97 h 203"/>
                <a:gd name="T10" fmla="*/ 2 w 305"/>
                <a:gd name="T11" fmla="*/ 135 h 203"/>
                <a:gd name="T12" fmla="*/ 33 w 305"/>
                <a:gd name="T13" fmla="*/ 203 h 203"/>
                <a:gd name="T14" fmla="*/ 255 w 305"/>
                <a:gd name="T15" fmla="*/ 139 h 20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5" h="203">
                  <a:moveTo>
                    <a:pt x="255" y="139"/>
                  </a:moveTo>
                  <a:cubicBezTo>
                    <a:pt x="273" y="130"/>
                    <a:pt x="291" y="119"/>
                    <a:pt x="298" y="98"/>
                  </a:cubicBezTo>
                  <a:cubicBezTo>
                    <a:pt x="305" y="77"/>
                    <a:pt x="297" y="43"/>
                    <a:pt x="275" y="23"/>
                  </a:cubicBezTo>
                  <a:cubicBezTo>
                    <a:pt x="247" y="0"/>
                    <a:pt x="220" y="12"/>
                    <a:pt x="199" y="25"/>
                  </a:cubicBezTo>
                  <a:cubicBezTo>
                    <a:pt x="158" y="52"/>
                    <a:pt x="113" y="74"/>
                    <a:pt x="69" y="97"/>
                  </a:cubicBezTo>
                  <a:cubicBezTo>
                    <a:pt x="54" y="105"/>
                    <a:pt x="2" y="135"/>
                    <a:pt x="2" y="135"/>
                  </a:cubicBezTo>
                  <a:cubicBezTo>
                    <a:pt x="0" y="140"/>
                    <a:pt x="26" y="203"/>
                    <a:pt x="33" y="203"/>
                  </a:cubicBezTo>
                  <a:cubicBezTo>
                    <a:pt x="112" y="202"/>
                    <a:pt x="190" y="170"/>
                    <a:pt x="255" y="139"/>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6" name="ïṩ1îḑé">
              <a:extLst>
                <a:ext uri="{FF2B5EF4-FFF2-40B4-BE49-F238E27FC236}">
                  <a16:creationId xmlns:a16="http://schemas.microsoft.com/office/drawing/2014/main" xmlns="" id="{B5F586A2-C2E5-46CE-8F94-E745F4343E22}"/>
                </a:ext>
              </a:extLst>
            </p:cNvPr>
            <p:cNvSpPr/>
            <p:nvPr/>
          </p:nvSpPr>
          <p:spPr bwMode="auto">
            <a:xfrm>
              <a:off x="7707314" y="5427663"/>
              <a:ext cx="228600" cy="111125"/>
            </a:xfrm>
            <a:custGeom>
              <a:avLst/>
              <a:gdLst>
                <a:gd name="T0" fmla="*/ 120 w 140"/>
                <a:gd name="T1" fmla="*/ 39 h 68"/>
                <a:gd name="T2" fmla="*/ 69 w 140"/>
                <a:gd name="T3" fmla="*/ 61 h 68"/>
                <a:gd name="T4" fmla="*/ 40 w 140"/>
                <a:gd name="T5" fmla="*/ 67 h 68"/>
                <a:gd name="T6" fmla="*/ 20 w 140"/>
                <a:gd name="T7" fmla="*/ 26 h 68"/>
                <a:gd name="T8" fmla="*/ 50 w 140"/>
                <a:gd name="T9" fmla="*/ 7 h 68"/>
                <a:gd name="T10" fmla="*/ 62 w 140"/>
                <a:gd name="T11" fmla="*/ 24 h 68"/>
                <a:gd name="T12" fmla="*/ 85 w 140"/>
                <a:gd name="T13" fmla="*/ 30 h 68"/>
                <a:gd name="T14" fmla="*/ 126 w 140"/>
                <a:gd name="T15" fmla="*/ 14 h 68"/>
                <a:gd name="T16" fmla="*/ 139 w 140"/>
                <a:gd name="T17" fmla="*/ 19 h 68"/>
                <a:gd name="T18" fmla="*/ 137 w 140"/>
                <a:gd name="T19" fmla="*/ 29 h 68"/>
                <a:gd name="T20" fmla="*/ 128 w 140"/>
                <a:gd name="T21" fmla="*/ 35 h 68"/>
                <a:gd name="T22" fmla="*/ 120 w 140"/>
                <a:gd name="T23" fmla="*/ 39 h 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40" h="68">
                  <a:moveTo>
                    <a:pt x="120" y="39"/>
                  </a:moveTo>
                  <a:cubicBezTo>
                    <a:pt x="103" y="47"/>
                    <a:pt x="86" y="55"/>
                    <a:pt x="69" y="61"/>
                  </a:cubicBezTo>
                  <a:cubicBezTo>
                    <a:pt x="60" y="64"/>
                    <a:pt x="50" y="67"/>
                    <a:pt x="40" y="67"/>
                  </a:cubicBezTo>
                  <a:cubicBezTo>
                    <a:pt x="18" y="68"/>
                    <a:pt x="0" y="43"/>
                    <a:pt x="20" y="26"/>
                  </a:cubicBezTo>
                  <a:cubicBezTo>
                    <a:pt x="29" y="18"/>
                    <a:pt x="39" y="12"/>
                    <a:pt x="50" y="7"/>
                  </a:cubicBezTo>
                  <a:cubicBezTo>
                    <a:pt x="66" y="0"/>
                    <a:pt x="57" y="13"/>
                    <a:pt x="62" y="24"/>
                  </a:cubicBezTo>
                  <a:cubicBezTo>
                    <a:pt x="69" y="36"/>
                    <a:pt x="73" y="36"/>
                    <a:pt x="85" y="30"/>
                  </a:cubicBezTo>
                  <a:cubicBezTo>
                    <a:pt x="99" y="22"/>
                    <a:pt x="109" y="14"/>
                    <a:pt x="126" y="14"/>
                  </a:cubicBezTo>
                  <a:cubicBezTo>
                    <a:pt x="131" y="14"/>
                    <a:pt x="136" y="15"/>
                    <a:pt x="139" y="19"/>
                  </a:cubicBezTo>
                  <a:cubicBezTo>
                    <a:pt x="140" y="22"/>
                    <a:pt x="139" y="26"/>
                    <a:pt x="137" y="29"/>
                  </a:cubicBezTo>
                  <a:cubicBezTo>
                    <a:pt x="134" y="32"/>
                    <a:pt x="131" y="34"/>
                    <a:pt x="128" y="35"/>
                  </a:cubicBezTo>
                  <a:cubicBezTo>
                    <a:pt x="125" y="37"/>
                    <a:pt x="122" y="38"/>
                    <a:pt x="120" y="39"/>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7" name="işļiḑê">
              <a:extLst>
                <a:ext uri="{FF2B5EF4-FFF2-40B4-BE49-F238E27FC236}">
                  <a16:creationId xmlns:a16="http://schemas.microsoft.com/office/drawing/2014/main" xmlns="" id="{BDEB3194-50D6-42F8-9B3D-B1484301A3AC}"/>
                </a:ext>
              </a:extLst>
            </p:cNvPr>
            <p:cNvSpPr/>
            <p:nvPr/>
          </p:nvSpPr>
          <p:spPr bwMode="auto">
            <a:xfrm>
              <a:off x="7612064" y="5070475"/>
              <a:ext cx="847725" cy="141288"/>
            </a:xfrm>
            <a:custGeom>
              <a:avLst/>
              <a:gdLst>
                <a:gd name="T0" fmla="*/ 0 w 534"/>
                <a:gd name="T1" fmla="*/ 75 h 89"/>
                <a:gd name="T2" fmla="*/ 239 w 534"/>
                <a:gd name="T3" fmla="*/ 0 h 89"/>
                <a:gd name="T4" fmla="*/ 534 w 534"/>
                <a:gd name="T5" fmla="*/ 15 h 89"/>
                <a:gd name="T6" fmla="*/ 367 w 534"/>
                <a:gd name="T7" fmla="*/ 89 h 89"/>
                <a:gd name="T8" fmla="*/ 0 w 534"/>
                <a:gd name="T9" fmla="*/ 75 h 89"/>
              </a:gdLst>
              <a:ahLst/>
              <a:cxnLst>
                <a:cxn ang="0">
                  <a:pos x="T0" y="T1"/>
                </a:cxn>
                <a:cxn ang="0">
                  <a:pos x="T2" y="T3"/>
                </a:cxn>
                <a:cxn ang="0">
                  <a:pos x="T4" y="T5"/>
                </a:cxn>
                <a:cxn ang="0">
                  <a:pos x="T6" y="T7"/>
                </a:cxn>
                <a:cxn ang="0">
                  <a:pos x="T8" y="T9"/>
                </a:cxn>
              </a:cxnLst>
              <a:rect l="0" t="0" r="r" b="b"/>
              <a:pathLst>
                <a:path w="534" h="89">
                  <a:moveTo>
                    <a:pt x="0" y="75"/>
                  </a:moveTo>
                  <a:lnTo>
                    <a:pt x="239" y="0"/>
                  </a:lnTo>
                  <a:lnTo>
                    <a:pt x="534" y="15"/>
                  </a:lnTo>
                  <a:lnTo>
                    <a:pt x="367" y="89"/>
                  </a:lnTo>
                  <a:lnTo>
                    <a:pt x="0" y="75"/>
                  </a:lnTo>
                  <a:close/>
                </a:path>
              </a:pathLst>
            </a:custGeom>
            <a:solidFill>
              <a:srgbClr val="DDDA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8" name="ïṥlïďè">
              <a:extLst>
                <a:ext uri="{FF2B5EF4-FFF2-40B4-BE49-F238E27FC236}">
                  <a16:creationId xmlns:a16="http://schemas.microsoft.com/office/drawing/2014/main" xmlns="" id="{BB36B230-D281-43A9-8A78-0CBE8A175AF8}"/>
                </a:ext>
              </a:extLst>
            </p:cNvPr>
            <p:cNvSpPr/>
            <p:nvPr/>
          </p:nvSpPr>
          <p:spPr bwMode="auto">
            <a:xfrm>
              <a:off x="7599364" y="4789488"/>
              <a:ext cx="595313" cy="407988"/>
            </a:xfrm>
            <a:custGeom>
              <a:avLst/>
              <a:gdLst>
                <a:gd name="T0" fmla="*/ 9 w 375"/>
                <a:gd name="T1" fmla="*/ 231 h 257"/>
                <a:gd name="T2" fmla="*/ 0 w 375"/>
                <a:gd name="T3" fmla="*/ 0 h 257"/>
                <a:gd name="T4" fmla="*/ 365 w 375"/>
                <a:gd name="T5" fmla="*/ 9 h 257"/>
                <a:gd name="T6" fmla="*/ 375 w 375"/>
                <a:gd name="T7" fmla="*/ 257 h 257"/>
                <a:gd name="T8" fmla="*/ 9 w 375"/>
                <a:gd name="T9" fmla="*/ 231 h 257"/>
              </a:gdLst>
              <a:ahLst/>
              <a:cxnLst>
                <a:cxn ang="0">
                  <a:pos x="T0" y="T1"/>
                </a:cxn>
                <a:cxn ang="0">
                  <a:pos x="T2" y="T3"/>
                </a:cxn>
                <a:cxn ang="0">
                  <a:pos x="T4" y="T5"/>
                </a:cxn>
                <a:cxn ang="0">
                  <a:pos x="T6" y="T7"/>
                </a:cxn>
                <a:cxn ang="0">
                  <a:pos x="T8" y="T9"/>
                </a:cxn>
              </a:cxnLst>
              <a:rect l="0" t="0" r="r" b="b"/>
              <a:pathLst>
                <a:path w="375" h="257">
                  <a:moveTo>
                    <a:pt x="9" y="231"/>
                  </a:moveTo>
                  <a:lnTo>
                    <a:pt x="0" y="0"/>
                  </a:lnTo>
                  <a:lnTo>
                    <a:pt x="365" y="9"/>
                  </a:lnTo>
                  <a:lnTo>
                    <a:pt x="375" y="257"/>
                  </a:lnTo>
                  <a:lnTo>
                    <a:pt x="9" y="231"/>
                  </a:lnTo>
                  <a:close/>
                </a:path>
              </a:pathLst>
            </a:custGeom>
            <a:solidFill>
              <a:srgbClr val="9EA6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39" name="ïsḷíḋê">
              <a:extLst>
                <a:ext uri="{FF2B5EF4-FFF2-40B4-BE49-F238E27FC236}">
                  <a16:creationId xmlns:a16="http://schemas.microsoft.com/office/drawing/2014/main" xmlns="" id="{36481F84-20F9-4ED5-AB09-9DAC26C5C206}"/>
                </a:ext>
              </a:extLst>
            </p:cNvPr>
            <p:cNvSpPr/>
            <p:nvPr/>
          </p:nvSpPr>
          <p:spPr bwMode="auto">
            <a:xfrm>
              <a:off x="7612064" y="5087938"/>
              <a:ext cx="857250" cy="133350"/>
            </a:xfrm>
            <a:custGeom>
              <a:avLst/>
              <a:gdLst>
                <a:gd name="T0" fmla="*/ 517 w 528"/>
                <a:gd name="T1" fmla="*/ 4 h 82"/>
                <a:gd name="T2" fmla="*/ 360 w 528"/>
                <a:gd name="T3" fmla="*/ 67 h 82"/>
                <a:gd name="T4" fmla="*/ 359 w 528"/>
                <a:gd name="T5" fmla="*/ 67 h 82"/>
                <a:gd name="T6" fmla="*/ 360 w 528"/>
                <a:gd name="T7" fmla="*/ 56 h 82"/>
                <a:gd name="T8" fmla="*/ 1 w 528"/>
                <a:gd name="T9" fmla="*/ 42 h 82"/>
                <a:gd name="T10" fmla="*/ 0 w 528"/>
                <a:gd name="T11" fmla="*/ 62 h 82"/>
                <a:gd name="T12" fmla="*/ 355 w 528"/>
                <a:gd name="T13" fmla="*/ 76 h 82"/>
                <a:gd name="T14" fmla="*/ 363 w 528"/>
                <a:gd name="T15" fmla="*/ 80 h 82"/>
                <a:gd name="T16" fmla="*/ 520 w 528"/>
                <a:gd name="T17" fmla="*/ 17 h 82"/>
                <a:gd name="T18" fmla="*/ 517 w 528"/>
                <a:gd name="T19" fmla="*/ 4 h 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28" h="82">
                  <a:moveTo>
                    <a:pt x="517" y="4"/>
                  </a:moveTo>
                  <a:cubicBezTo>
                    <a:pt x="465" y="25"/>
                    <a:pt x="412" y="46"/>
                    <a:pt x="360" y="67"/>
                  </a:cubicBezTo>
                  <a:cubicBezTo>
                    <a:pt x="359" y="67"/>
                    <a:pt x="359" y="67"/>
                    <a:pt x="359" y="67"/>
                  </a:cubicBezTo>
                  <a:cubicBezTo>
                    <a:pt x="360" y="56"/>
                    <a:pt x="360" y="56"/>
                    <a:pt x="360" y="56"/>
                  </a:cubicBezTo>
                  <a:cubicBezTo>
                    <a:pt x="1" y="42"/>
                    <a:pt x="1" y="42"/>
                    <a:pt x="1" y="42"/>
                  </a:cubicBezTo>
                  <a:cubicBezTo>
                    <a:pt x="0" y="62"/>
                    <a:pt x="0" y="62"/>
                    <a:pt x="0" y="62"/>
                  </a:cubicBezTo>
                  <a:cubicBezTo>
                    <a:pt x="355" y="76"/>
                    <a:pt x="355" y="76"/>
                    <a:pt x="355" y="76"/>
                  </a:cubicBezTo>
                  <a:cubicBezTo>
                    <a:pt x="356" y="79"/>
                    <a:pt x="359" y="82"/>
                    <a:pt x="363" y="80"/>
                  </a:cubicBezTo>
                  <a:cubicBezTo>
                    <a:pt x="415" y="59"/>
                    <a:pt x="468" y="38"/>
                    <a:pt x="520" y="17"/>
                  </a:cubicBezTo>
                  <a:cubicBezTo>
                    <a:pt x="528" y="14"/>
                    <a:pt x="525" y="0"/>
                    <a:pt x="517" y="4"/>
                  </a:cubicBezTo>
                  <a:close/>
                </a:path>
              </a:pathLst>
            </a:custGeom>
            <a:solidFill>
              <a:srgbClr val="9EA6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0" name="îSḷiḓé">
              <a:extLst>
                <a:ext uri="{FF2B5EF4-FFF2-40B4-BE49-F238E27FC236}">
                  <a16:creationId xmlns:a16="http://schemas.microsoft.com/office/drawing/2014/main" xmlns="" id="{13E8A6F1-2BAA-4E27-AC00-24DC5E3F11B2}"/>
                </a:ext>
              </a:extLst>
            </p:cNvPr>
            <p:cNvSpPr/>
            <p:nvPr/>
          </p:nvSpPr>
          <p:spPr bwMode="auto">
            <a:xfrm>
              <a:off x="8186739" y="5024438"/>
              <a:ext cx="101600" cy="152400"/>
            </a:xfrm>
            <a:custGeom>
              <a:avLst/>
              <a:gdLst>
                <a:gd name="T0" fmla="*/ 9 w 62"/>
                <a:gd name="T1" fmla="*/ 28 h 93"/>
                <a:gd name="T2" fmla="*/ 5 w 62"/>
                <a:gd name="T3" fmla="*/ 33 h 93"/>
                <a:gd name="T4" fmla="*/ 7 w 62"/>
                <a:gd name="T5" fmla="*/ 37 h 93"/>
                <a:gd name="T6" fmla="*/ 16 w 62"/>
                <a:gd name="T7" fmla="*/ 45 h 93"/>
                <a:gd name="T8" fmla="*/ 26 w 62"/>
                <a:gd name="T9" fmla="*/ 41 h 93"/>
                <a:gd name="T10" fmla="*/ 21 w 62"/>
                <a:gd name="T11" fmla="*/ 60 h 93"/>
                <a:gd name="T12" fmla="*/ 6 w 62"/>
                <a:gd name="T13" fmla="*/ 74 h 93"/>
                <a:gd name="T14" fmla="*/ 0 w 62"/>
                <a:gd name="T15" fmla="*/ 89 h 93"/>
                <a:gd name="T16" fmla="*/ 45 w 62"/>
                <a:gd name="T17" fmla="*/ 70 h 93"/>
                <a:gd name="T18" fmla="*/ 52 w 62"/>
                <a:gd name="T19" fmla="*/ 51 h 93"/>
                <a:gd name="T20" fmla="*/ 62 w 62"/>
                <a:gd name="T21" fmla="*/ 15 h 93"/>
                <a:gd name="T22" fmla="*/ 34 w 62"/>
                <a:gd name="T23" fmla="*/ 4 h 93"/>
                <a:gd name="T24" fmla="*/ 9 w 62"/>
                <a:gd name="T25" fmla="*/ 28 h 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2" h="93">
                  <a:moveTo>
                    <a:pt x="9" y="28"/>
                  </a:moveTo>
                  <a:cubicBezTo>
                    <a:pt x="8" y="30"/>
                    <a:pt x="6" y="31"/>
                    <a:pt x="5" y="33"/>
                  </a:cubicBezTo>
                  <a:cubicBezTo>
                    <a:pt x="5" y="35"/>
                    <a:pt x="6" y="36"/>
                    <a:pt x="7" y="37"/>
                  </a:cubicBezTo>
                  <a:cubicBezTo>
                    <a:pt x="9" y="41"/>
                    <a:pt x="12" y="44"/>
                    <a:pt x="16" y="45"/>
                  </a:cubicBezTo>
                  <a:cubicBezTo>
                    <a:pt x="19" y="46"/>
                    <a:pt x="24" y="45"/>
                    <a:pt x="26" y="41"/>
                  </a:cubicBezTo>
                  <a:cubicBezTo>
                    <a:pt x="29" y="47"/>
                    <a:pt x="26" y="55"/>
                    <a:pt x="21" y="60"/>
                  </a:cubicBezTo>
                  <a:cubicBezTo>
                    <a:pt x="16" y="64"/>
                    <a:pt x="10" y="68"/>
                    <a:pt x="6" y="74"/>
                  </a:cubicBezTo>
                  <a:cubicBezTo>
                    <a:pt x="2" y="78"/>
                    <a:pt x="1" y="83"/>
                    <a:pt x="0" y="89"/>
                  </a:cubicBezTo>
                  <a:cubicBezTo>
                    <a:pt x="17" y="93"/>
                    <a:pt x="36" y="85"/>
                    <a:pt x="45" y="70"/>
                  </a:cubicBezTo>
                  <a:cubicBezTo>
                    <a:pt x="48" y="64"/>
                    <a:pt x="50" y="57"/>
                    <a:pt x="52" y="51"/>
                  </a:cubicBezTo>
                  <a:cubicBezTo>
                    <a:pt x="55" y="39"/>
                    <a:pt x="59" y="27"/>
                    <a:pt x="62" y="15"/>
                  </a:cubicBezTo>
                  <a:cubicBezTo>
                    <a:pt x="53" y="9"/>
                    <a:pt x="45" y="0"/>
                    <a:pt x="34" y="4"/>
                  </a:cubicBezTo>
                  <a:cubicBezTo>
                    <a:pt x="26" y="8"/>
                    <a:pt x="17" y="23"/>
                    <a:pt x="9" y="28"/>
                  </a:cubicBezTo>
                  <a:close/>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1" name="îSḷîḓê">
              <a:extLst>
                <a:ext uri="{FF2B5EF4-FFF2-40B4-BE49-F238E27FC236}">
                  <a16:creationId xmlns:a16="http://schemas.microsoft.com/office/drawing/2014/main" xmlns="" id="{4B9B4B65-D3E3-46BE-9036-44EF64A1CBEC}"/>
                </a:ext>
              </a:extLst>
            </p:cNvPr>
            <p:cNvSpPr/>
            <p:nvPr/>
          </p:nvSpPr>
          <p:spPr bwMode="auto">
            <a:xfrm>
              <a:off x="8089901" y="4592638"/>
              <a:ext cx="258763" cy="506413"/>
            </a:xfrm>
            <a:custGeom>
              <a:avLst/>
              <a:gdLst>
                <a:gd name="T0" fmla="*/ 132 w 159"/>
                <a:gd name="T1" fmla="*/ 160 h 313"/>
                <a:gd name="T2" fmla="*/ 158 w 159"/>
                <a:gd name="T3" fmla="*/ 241 h 313"/>
                <a:gd name="T4" fmla="*/ 121 w 159"/>
                <a:gd name="T5" fmla="*/ 313 h 313"/>
                <a:gd name="T6" fmla="*/ 92 w 159"/>
                <a:gd name="T7" fmla="*/ 272 h 313"/>
                <a:gd name="T8" fmla="*/ 72 w 159"/>
                <a:gd name="T9" fmla="*/ 146 h 313"/>
                <a:gd name="T10" fmla="*/ 35 w 159"/>
                <a:gd name="T11" fmla="*/ 87 h 313"/>
                <a:gd name="T12" fmla="*/ 16 w 159"/>
                <a:gd name="T13" fmla="*/ 56 h 313"/>
                <a:gd name="T14" fmla="*/ 1 w 159"/>
                <a:gd name="T15" fmla="*/ 30 h 313"/>
                <a:gd name="T16" fmla="*/ 2 w 159"/>
                <a:gd name="T17" fmla="*/ 18 h 313"/>
                <a:gd name="T18" fmla="*/ 14 w 159"/>
                <a:gd name="T19" fmla="*/ 2 h 313"/>
                <a:gd name="T20" fmla="*/ 34 w 159"/>
                <a:gd name="T21" fmla="*/ 9 h 313"/>
                <a:gd name="T22" fmla="*/ 79 w 159"/>
                <a:gd name="T23" fmla="*/ 79 h 313"/>
                <a:gd name="T24" fmla="*/ 132 w 159"/>
                <a:gd name="T25" fmla="*/ 160 h 3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59" h="313">
                  <a:moveTo>
                    <a:pt x="132" y="160"/>
                  </a:moveTo>
                  <a:cubicBezTo>
                    <a:pt x="145" y="185"/>
                    <a:pt x="157" y="212"/>
                    <a:pt x="158" y="241"/>
                  </a:cubicBezTo>
                  <a:cubicBezTo>
                    <a:pt x="159" y="269"/>
                    <a:pt x="146" y="299"/>
                    <a:pt x="121" y="313"/>
                  </a:cubicBezTo>
                  <a:cubicBezTo>
                    <a:pt x="114" y="298"/>
                    <a:pt x="101" y="287"/>
                    <a:pt x="92" y="272"/>
                  </a:cubicBezTo>
                  <a:cubicBezTo>
                    <a:pt x="71" y="235"/>
                    <a:pt x="85" y="187"/>
                    <a:pt x="72" y="146"/>
                  </a:cubicBezTo>
                  <a:cubicBezTo>
                    <a:pt x="64" y="124"/>
                    <a:pt x="48" y="106"/>
                    <a:pt x="35" y="87"/>
                  </a:cubicBezTo>
                  <a:cubicBezTo>
                    <a:pt x="28" y="77"/>
                    <a:pt x="21" y="67"/>
                    <a:pt x="16" y="56"/>
                  </a:cubicBezTo>
                  <a:cubicBezTo>
                    <a:pt x="12" y="49"/>
                    <a:pt x="2" y="36"/>
                    <a:pt x="1" y="30"/>
                  </a:cubicBezTo>
                  <a:cubicBezTo>
                    <a:pt x="0" y="26"/>
                    <a:pt x="1" y="22"/>
                    <a:pt x="2" y="18"/>
                  </a:cubicBezTo>
                  <a:cubicBezTo>
                    <a:pt x="4" y="11"/>
                    <a:pt x="8" y="5"/>
                    <a:pt x="14" y="2"/>
                  </a:cubicBezTo>
                  <a:cubicBezTo>
                    <a:pt x="21" y="0"/>
                    <a:pt x="28" y="4"/>
                    <a:pt x="34" y="9"/>
                  </a:cubicBezTo>
                  <a:cubicBezTo>
                    <a:pt x="53" y="27"/>
                    <a:pt x="65" y="58"/>
                    <a:pt x="79" y="79"/>
                  </a:cubicBezTo>
                  <a:cubicBezTo>
                    <a:pt x="98" y="106"/>
                    <a:pt x="117" y="131"/>
                    <a:pt x="132" y="16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2" name="iŝḷïḋe">
              <a:extLst>
                <a:ext uri="{FF2B5EF4-FFF2-40B4-BE49-F238E27FC236}">
                  <a16:creationId xmlns:a16="http://schemas.microsoft.com/office/drawing/2014/main" xmlns="" id="{33BFCF41-2AAF-4218-B241-C7ADC02B9382}"/>
                </a:ext>
              </a:extLst>
            </p:cNvPr>
            <p:cNvSpPr/>
            <p:nvPr/>
          </p:nvSpPr>
          <p:spPr bwMode="auto">
            <a:xfrm>
              <a:off x="7913689" y="4276725"/>
              <a:ext cx="233363" cy="330200"/>
            </a:xfrm>
            <a:custGeom>
              <a:avLst/>
              <a:gdLst>
                <a:gd name="T0" fmla="*/ 75 w 143"/>
                <a:gd name="T1" fmla="*/ 194 h 203"/>
                <a:gd name="T2" fmla="*/ 73 w 143"/>
                <a:gd name="T3" fmla="*/ 196 h 203"/>
                <a:gd name="T4" fmla="*/ 59 w 143"/>
                <a:gd name="T5" fmla="*/ 201 h 203"/>
                <a:gd name="T6" fmla="*/ 39 w 143"/>
                <a:gd name="T7" fmla="*/ 202 h 203"/>
                <a:gd name="T8" fmla="*/ 31 w 143"/>
                <a:gd name="T9" fmla="*/ 147 h 203"/>
                <a:gd name="T10" fmla="*/ 0 w 143"/>
                <a:gd name="T11" fmla="*/ 119 h 203"/>
                <a:gd name="T12" fmla="*/ 1 w 143"/>
                <a:gd name="T13" fmla="*/ 104 h 203"/>
                <a:gd name="T14" fmla="*/ 12 w 143"/>
                <a:gd name="T15" fmla="*/ 44 h 203"/>
                <a:gd name="T16" fmla="*/ 18 w 143"/>
                <a:gd name="T17" fmla="*/ 24 h 203"/>
                <a:gd name="T18" fmla="*/ 47 w 143"/>
                <a:gd name="T19" fmla="*/ 6 h 203"/>
                <a:gd name="T20" fmla="*/ 126 w 143"/>
                <a:gd name="T21" fmla="*/ 26 h 203"/>
                <a:gd name="T22" fmla="*/ 139 w 143"/>
                <a:gd name="T23" fmla="*/ 45 h 203"/>
                <a:gd name="T24" fmla="*/ 136 w 143"/>
                <a:gd name="T25" fmla="*/ 83 h 203"/>
                <a:gd name="T26" fmla="*/ 128 w 143"/>
                <a:gd name="T27" fmla="*/ 118 h 203"/>
                <a:gd name="T28" fmla="*/ 108 w 143"/>
                <a:gd name="T29" fmla="*/ 152 h 203"/>
                <a:gd name="T30" fmla="*/ 89 w 143"/>
                <a:gd name="T31" fmla="*/ 158 h 203"/>
                <a:gd name="T32" fmla="*/ 75 w 143"/>
                <a:gd name="T33" fmla="*/ 194 h 2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3" h="203">
                  <a:moveTo>
                    <a:pt x="75" y="194"/>
                  </a:moveTo>
                  <a:cubicBezTo>
                    <a:pt x="75" y="194"/>
                    <a:pt x="74" y="195"/>
                    <a:pt x="73" y="196"/>
                  </a:cubicBezTo>
                  <a:cubicBezTo>
                    <a:pt x="69" y="199"/>
                    <a:pt x="64" y="200"/>
                    <a:pt x="59" y="201"/>
                  </a:cubicBezTo>
                  <a:cubicBezTo>
                    <a:pt x="52" y="202"/>
                    <a:pt x="46" y="203"/>
                    <a:pt x="39" y="202"/>
                  </a:cubicBezTo>
                  <a:cubicBezTo>
                    <a:pt x="19" y="196"/>
                    <a:pt x="28" y="161"/>
                    <a:pt x="31" y="147"/>
                  </a:cubicBezTo>
                  <a:cubicBezTo>
                    <a:pt x="17" y="142"/>
                    <a:pt x="2" y="134"/>
                    <a:pt x="0" y="119"/>
                  </a:cubicBezTo>
                  <a:cubicBezTo>
                    <a:pt x="0" y="114"/>
                    <a:pt x="1" y="109"/>
                    <a:pt x="1" y="104"/>
                  </a:cubicBezTo>
                  <a:cubicBezTo>
                    <a:pt x="5" y="84"/>
                    <a:pt x="8" y="64"/>
                    <a:pt x="12" y="44"/>
                  </a:cubicBezTo>
                  <a:cubicBezTo>
                    <a:pt x="13" y="37"/>
                    <a:pt x="14" y="30"/>
                    <a:pt x="18" y="24"/>
                  </a:cubicBezTo>
                  <a:cubicBezTo>
                    <a:pt x="24" y="13"/>
                    <a:pt x="36" y="9"/>
                    <a:pt x="47" y="6"/>
                  </a:cubicBezTo>
                  <a:cubicBezTo>
                    <a:pt x="75" y="0"/>
                    <a:pt x="105" y="6"/>
                    <a:pt x="126" y="26"/>
                  </a:cubicBezTo>
                  <a:cubicBezTo>
                    <a:pt x="132" y="31"/>
                    <a:pt x="137" y="37"/>
                    <a:pt x="139" y="45"/>
                  </a:cubicBezTo>
                  <a:cubicBezTo>
                    <a:pt x="143" y="57"/>
                    <a:pt x="140" y="71"/>
                    <a:pt x="136" y="83"/>
                  </a:cubicBezTo>
                  <a:cubicBezTo>
                    <a:pt x="133" y="95"/>
                    <a:pt x="131" y="107"/>
                    <a:pt x="128" y="118"/>
                  </a:cubicBezTo>
                  <a:cubicBezTo>
                    <a:pt x="124" y="131"/>
                    <a:pt x="119" y="147"/>
                    <a:pt x="108" y="152"/>
                  </a:cubicBezTo>
                  <a:cubicBezTo>
                    <a:pt x="102" y="155"/>
                    <a:pt x="94" y="154"/>
                    <a:pt x="89" y="158"/>
                  </a:cubicBezTo>
                  <a:cubicBezTo>
                    <a:pt x="77" y="167"/>
                    <a:pt x="83" y="184"/>
                    <a:pt x="75" y="194"/>
                  </a:cubicBezTo>
                  <a:close/>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3" name="ïšḻïḋè">
              <a:extLst>
                <a:ext uri="{FF2B5EF4-FFF2-40B4-BE49-F238E27FC236}">
                  <a16:creationId xmlns:a16="http://schemas.microsoft.com/office/drawing/2014/main" xmlns="" id="{B4AE6A4E-6ED8-4A95-80F1-432FEA98363B}"/>
                </a:ext>
              </a:extLst>
            </p:cNvPr>
            <p:cNvSpPr/>
            <p:nvPr/>
          </p:nvSpPr>
          <p:spPr bwMode="auto">
            <a:xfrm>
              <a:off x="7870826" y="4213225"/>
              <a:ext cx="198438" cy="311150"/>
            </a:xfrm>
            <a:custGeom>
              <a:avLst/>
              <a:gdLst>
                <a:gd name="T0" fmla="*/ 66 w 122"/>
                <a:gd name="T1" fmla="*/ 66 h 191"/>
                <a:gd name="T2" fmla="*/ 64 w 122"/>
                <a:gd name="T3" fmla="*/ 69 h 191"/>
                <a:gd name="T4" fmla="*/ 57 w 122"/>
                <a:gd name="T5" fmla="*/ 88 h 191"/>
                <a:gd name="T6" fmla="*/ 35 w 122"/>
                <a:gd name="T7" fmla="*/ 111 h 191"/>
                <a:gd name="T8" fmla="*/ 35 w 122"/>
                <a:gd name="T9" fmla="*/ 136 h 191"/>
                <a:gd name="T10" fmla="*/ 25 w 122"/>
                <a:gd name="T11" fmla="*/ 163 h 191"/>
                <a:gd name="T12" fmla="*/ 31 w 122"/>
                <a:gd name="T13" fmla="*/ 191 h 191"/>
                <a:gd name="T14" fmla="*/ 13 w 122"/>
                <a:gd name="T15" fmla="*/ 183 h 191"/>
                <a:gd name="T16" fmla="*/ 8 w 122"/>
                <a:gd name="T17" fmla="*/ 171 h 191"/>
                <a:gd name="T18" fmla="*/ 8 w 122"/>
                <a:gd name="T19" fmla="*/ 154 h 191"/>
                <a:gd name="T20" fmla="*/ 1 w 122"/>
                <a:gd name="T21" fmla="*/ 132 h 191"/>
                <a:gd name="T22" fmla="*/ 9 w 122"/>
                <a:gd name="T23" fmla="*/ 102 h 191"/>
                <a:gd name="T24" fmla="*/ 9 w 122"/>
                <a:gd name="T25" fmla="*/ 54 h 191"/>
                <a:gd name="T26" fmla="*/ 30 w 122"/>
                <a:gd name="T27" fmla="*/ 35 h 191"/>
                <a:gd name="T28" fmla="*/ 41 w 122"/>
                <a:gd name="T29" fmla="*/ 17 h 191"/>
                <a:gd name="T30" fmla="*/ 58 w 122"/>
                <a:gd name="T31" fmla="*/ 4 h 191"/>
                <a:gd name="T32" fmla="*/ 70 w 122"/>
                <a:gd name="T33" fmla="*/ 5 h 191"/>
                <a:gd name="T34" fmla="*/ 90 w 122"/>
                <a:gd name="T35" fmla="*/ 1 h 191"/>
                <a:gd name="T36" fmla="*/ 118 w 122"/>
                <a:gd name="T37" fmla="*/ 21 h 191"/>
                <a:gd name="T38" fmla="*/ 111 w 122"/>
                <a:gd name="T39" fmla="*/ 42 h 191"/>
                <a:gd name="T40" fmla="*/ 66 w 122"/>
                <a:gd name="T41" fmla="*/ 66 h 1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22" h="191">
                  <a:moveTo>
                    <a:pt x="66" y="66"/>
                  </a:moveTo>
                  <a:cubicBezTo>
                    <a:pt x="65" y="67"/>
                    <a:pt x="65" y="68"/>
                    <a:pt x="64" y="69"/>
                  </a:cubicBezTo>
                  <a:cubicBezTo>
                    <a:pt x="61" y="75"/>
                    <a:pt x="61" y="82"/>
                    <a:pt x="57" y="88"/>
                  </a:cubicBezTo>
                  <a:cubicBezTo>
                    <a:pt x="52" y="97"/>
                    <a:pt x="39" y="101"/>
                    <a:pt x="35" y="111"/>
                  </a:cubicBezTo>
                  <a:cubicBezTo>
                    <a:pt x="32" y="119"/>
                    <a:pt x="36" y="128"/>
                    <a:pt x="35" y="136"/>
                  </a:cubicBezTo>
                  <a:cubicBezTo>
                    <a:pt x="34" y="146"/>
                    <a:pt x="26" y="153"/>
                    <a:pt x="25" y="163"/>
                  </a:cubicBezTo>
                  <a:cubicBezTo>
                    <a:pt x="24" y="171"/>
                    <a:pt x="27" y="183"/>
                    <a:pt x="31" y="191"/>
                  </a:cubicBezTo>
                  <a:cubicBezTo>
                    <a:pt x="30" y="188"/>
                    <a:pt x="16" y="186"/>
                    <a:pt x="13" y="183"/>
                  </a:cubicBezTo>
                  <a:cubicBezTo>
                    <a:pt x="8" y="179"/>
                    <a:pt x="8" y="177"/>
                    <a:pt x="8" y="171"/>
                  </a:cubicBezTo>
                  <a:cubicBezTo>
                    <a:pt x="7" y="165"/>
                    <a:pt x="10" y="160"/>
                    <a:pt x="8" y="154"/>
                  </a:cubicBezTo>
                  <a:cubicBezTo>
                    <a:pt x="7" y="147"/>
                    <a:pt x="2" y="140"/>
                    <a:pt x="1" y="132"/>
                  </a:cubicBezTo>
                  <a:cubicBezTo>
                    <a:pt x="0" y="122"/>
                    <a:pt x="7" y="112"/>
                    <a:pt x="9" y="102"/>
                  </a:cubicBezTo>
                  <a:cubicBezTo>
                    <a:pt x="12" y="86"/>
                    <a:pt x="1" y="68"/>
                    <a:pt x="9" y="54"/>
                  </a:cubicBezTo>
                  <a:cubicBezTo>
                    <a:pt x="14" y="46"/>
                    <a:pt x="23" y="42"/>
                    <a:pt x="30" y="35"/>
                  </a:cubicBezTo>
                  <a:cubicBezTo>
                    <a:pt x="35" y="30"/>
                    <a:pt x="37" y="23"/>
                    <a:pt x="41" y="17"/>
                  </a:cubicBezTo>
                  <a:cubicBezTo>
                    <a:pt x="45" y="11"/>
                    <a:pt x="51" y="5"/>
                    <a:pt x="58" y="4"/>
                  </a:cubicBezTo>
                  <a:cubicBezTo>
                    <a:pt x="62" y="4"/>
                    <a:pt x="66" y="5"/>
                    <a:pt x="70" y="5"/>
                  </a:cubicBezTo>
                  <a:cubicBezTo>
                    <a:pt x="77" y="5"/>
                    <a:pt x="83" y="2"/>
                    <a:pt x="90" y="1"/>
                  </a:cubicBezTo>
                  <a:cubicBezTo>
                    <a:pt x="100" y="0"/>
                    <a:pt x="114" y="12"/>
                    <a:pt x="118" y="21"/>
                  </a:cubicBezTo>
                  <a:cubicBezTo>
                    <a:pt x="122" y="30"/>
                    <a:pt x="118" y="36"/>
                    <a:pt x="111" y="42"/>
                  </a:cubicBezTo>
                  <a:cubicBezTo>
                    <a:pt x="100" y="51"/>
                    <a:pt x="76" y="54"/>
                    <a:pt x="66" y="66"/>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4" name="íšḷîḋe">
              <a:extLst>
                <a:ext uri="{FF2B5EF4-FFF2-40B4-BE49-F238E27FC236}">
                  <a16:creationId xmlns:a16="http://schemas.microsoft.com/office/drawing/2014/main" xmlns="" id="{373B27D2-D811-4EB5-B5A1-03DFCDDD22CC}"/>
                </a:ext>
              </a:extLst>
            </p:cNvPr>
            <p:cNvSpPr/>
            <p:nvPr/>
          </p:nvSpPr>
          <p:spPr bwMode="auto">
            <a:xfrm>
              <a:off x="8007351" y="4203700"/>
              <a:ext cx="234950" cy="385763"/>
            </a:xfrm>
            <a:custGeom>
              <a:avLst/>
              <a:gdLst>
                <a:gd name="T0" fmla="*/ 122 w 145"/>
                <a:gd name="T1" fmla="*/ 53 h 238"/>
                <a:gd name="T2" fmla="*/ 137 w 145"/>
                <a:gd name="T3" fmla="*/ 68 h 238"/>
                <a:gd name="T4" fmla="*/ 142 w 145"/>
                <a:gd name="T5" fmla="*/ 108 h 238"/>
                <a:gd name="T6" fmla="*/ 139 w 145"/>
                <a:gd name="T7" fmla="*/ 143 h 238"/>
                <a:gd name="T8" fmla="*/ 123 w 145"/>
                <a:gd name="T9" fmla="*/ 163 h 238"/>
                <a:gd name="T10" fmla="*/ 94 w 145"/>
                <a:gd name="T11" fmla="*/ 175 h 238"/>
                <a:gd name="T12" fmla="*/ 88 w 145"/>
                <a:gd name="T13" fmla="*/ 208 h 238"/>
                <a:gd name="T14" fmla="*/ 70 w 145"/>
                <a:gd name="T15" fmla="*/ 214 h 238"/>
                <a:gd name="T16" fmla="*/ 54 w 145"/>
                <a:gd name="T17" fmla="*/ 228 h 238"/>
                <a:gd name="T18" fmla="*/ 36 w 145"/>
                <a:gd name="T19" fmla="*/ 237 h 238"/>
                <a:gd name="T20" fmla="*/ 45 w 145"/>
                <a:gd name="T21" fmla="*/ 209 h 238"/>
                <a:gd name="T22" fmla="*/ 54 w 145"/>
                <a:gd name="T23" fmla="*/ 188 h 238"/>
                <a:gd name="T24" fmla="*/ 44 w 145"/>
                <a:gd name="T25" fmla="*/ 172 h 238"/>
                <a:gd name="T26" fmla="*/ 49 w 145"/>
                <a:gd name="T27" fmla="*/ 165 h 238"/>
                <a:gd name="T28" fmla="*/ 59 w 145"/>
                <a:gd name="T29" fmla="*/ 132 h 238"/>
                <a:gd name="T30" fmla="*/ 40 w 145"/>
                <a:gd name="T31" fmla="*/ 103 h 238"/>
                <a:gd name="T32" fmla="*/ 30 w 145"/>
                <a:gd name="T33" fmla="*/ 80 h 238"/>
                <a:gd name="T34" fmla="*/ 15 w 145"/>
                <a:gd name="T35" fmla="*/ 59 h 238"/>
                <a:gd name="T36" fmla="*/ 3 w 145"/>
                <a:gd name="T37" fmla="*/ 42 h 238"/>
                <a:gd name="T38" fmla="*/ 5 w 145"/>
                <a:gd name="T39" fmla="*/ 22 h 238"/>
                <a:gd name="T40" fmla="*/ 20 w 145"/>
                <a:gd name="T41" fmla="*/ 11 h 238"/>
                <a:gd name="T42" fmla="*/ 56 w 145"/>
                <a:gd name="T43" fmla="*/ 4 h 238"/>
                <a:gd name="T44" fmla="*/ 75 w 145"/>
                <a:gd name="T45" fmla="*/ 12 h 238"/>
                <a:gd name="T46" fmla="*/ 89 w 145"/>
                <a:gd name="T47" fmla="*/ 14 h 238"/>
                <a:gd name="T48" fmla="*/ 110 w 145"/>
                <a:gd name="T49" fmla="*/ 25 h 238"/>
                <a:gd name="T50" fmla="*/ 117 w 145"/>
                <a:gd name="T51" fmla="*/ 43 h 238"/>
                <a:gd name="T52" fmla="*/ 122 w 145"/>
                <a:gd name="T53" fmla="*/ 53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45" h="238">
                  <a:moveTo>
                    <a:pt x="122" y="53"/>
                  </a:moveTo>
                  <a:cubicBezTo>
                    <a:pt x="127" y="58"/>
                    <a:pt x="133" y="62"/>
                    <a:pt x="137" y="68"/>
                  </a:cubicBezTo>
                  <a:cubicBezTo>
                    <a:pt x="145" y="79"/>
                    <a:pt x="144" y="94"/>
                    <a:pt x="142" y="108"/>
                  </a:cubicBezTo>
                  <a:cubicBezTo>
                    <a:pt x="140" y="120"/>
                    <a:pt x="143" y="131"/>
                    <a:pt x="139" y="143"/>
                  </a:cubicBezTo>
                  <a:cubicBezTo>
                    <a:pt x="137" y="152"/>
                    <a:pt x="131" y="159"/>
                    <a:pt x="123" y="163"/>
                  </a:cubicBezTo>
                  <a:cubicBezTo>
                    <a:pt x="114" y="167"/>
                    <a:pt x="100" y="166"/>
                    <a:pt x="94" y="175"/>
                  </a:cubicBezTo>
                  <a:cubicBezTo>
                    <a:pt x="88" y="185"/>
                    <a:pt x="97" y="200"/>
                    <a:pt x="88" y="208"/>
                  </a:cubicBezTo>
                  <a:cubicBezTo>
                    <a:pt x="83" y="212"/>
                    <a:pt x="76" y="212"/>
                    <a:pt x="70" y="214"/>
                  </a:cubicBezTo>
                  <a:cubicBezTo>
                    <a:pt x="63" y="217"/>
                    <a:pt x="59" y="223"/>
                    <a:pt x="54" y="228"/>
                  </a:cubicBezTo>
                  <a:cubicBezTo>
                    <a:pt x="49" y="233"/>
                    <a:pt x="43" y="238"/>
                    <a:pt x="36" y="237"/>
                  </a:cubicBezTo>
                  <a:cubicBezTo>
                    <a:pt x="37" y="226"/>
                    <a:pt x="39" y="218"/>
                    <a:pt x="45" y="209"/>
                  </a:cubicBezTo>
                  <a:cubicBezTo>
                    <a:pt x="49" y="204"/>
                    <a:pt x="59" y="195"/>
                    <a:pt x="54" y="188"/>
                  </a:cubicBezTo>
                  <a:cubicBezTo>
                    <a:pt x="52" y="182"/>
                    <a:pt x="43" y="178"/>
                    <a:pt x="44" y="172"/>
                  </a:cubicBezTo>
                  <a:cubicBezTo>
                    <a:pt x="45" y="169"/>
                    <a:pt x="47" y="167"/>
                    <a:pt x="49" y="165"/>
                  </a:cubicBezTo>
                  <a:cubicBezTo>
                    <a:pt x="58" y="156"/>
                    <a:pt x="61" y="144"/>
                    <a:pt x="59" y="132"/>
                  </a:cubicBezTo>
                  <a:cubicBezTo>
                    <a:pt x="57" y="120"/>
                    <a:pt x="49" y="110"/>
                    <a:pt x="40" y="103"/>
                  </a:cubicBezTo>
                  <a:cubicBezTo>
                    <a:pt x="29" y="94"/>
                    <a:pt x="32" y="92"/>
                    <a:pt x="30" y="80"/>
                  </a:cubicBezTo>
                  <a:cubicBezTo>
                    <a:pt x="29" y="68"/>
                    <a:pt x="24" y="64"/>
                    <a:pt x="15" y="59"/>
                  </a:cubicBezTo>
                  <a:cubicBezTo>
                    <a:pt x="7" y="53"/>
                    <a:pt x="5" y="50"/>
                    <a:pt x="3" y="42"/>
                  </a:cubicBezTo>
                  <a:cubicBezTo>
                    <a:pt x="2" y="35"/>
                    <a:pt x="0" y="28"/>
                    <a:pt x="5" y="22"/>
                  </a:cubicBezTo>
                  <a:cubicBezTo>
                    <a:pt x="9" y="17"/>
                    <a:pt x="14" y="14"/>
                    <a:pt x="20" y="11"/>
                  </a:cubicBezTo>
                  <a:cubicBezTo>
                    <a:pt x="31" y="6"/>
                    <a:pt x="44" y="0"/>
                    <a:pt x="56" y="4"/>
                  </a:cubicBezTo>
                  <a:cubicBezTo>
                    <a:pt x="63" y="6"/>
                    <a:pt x="69" y="10"/>
                    <a:pt x="75" y="12"/>
                  </a:cubicBezTo>
                  <a:cubicBezTo>
                    <a:pt x="80" y="13"/>
                    <a:pt x="85" y="13"/>
                    <a:pt x="89" y="14"/>
                  </a:cubicBezTo>
                  <a:cubicBezTo>
                    <a:pt x="97" y="15"/>
                    <a:pt x="105" y="19"/>
                    <a:pt x="110" y="25"/>
                  </a:cubicBezTo>
                  <a:cubicBezTo>
                    <a:pt x="116" y="31"/>
                    <a:pt x="115" y="36"/>
                    <a:pt x="117" y="43"/>
                  </a:cubicBezTo>
                  <a:cubicBezTo>
                    <a:pt x="118" y="47"/>
                    <a:pt x="120" y="50"/>
                    <a:pt x="122" y="53"/>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5" name="íṥlídè">
              <a:extLst>
                <a:ext uri="{FF2B5EF4-FFF2-40B4-BE49-F238E27FC236}">
                  <a16:creationId xmlns:a16="http://schemas.microsoft.com/office/drawing/2014/main" xmlns="" id="{5ED280F5-4E35-4F2C-B9E7-1F042C9E0A1D}"/>
                </a:ext>
              </a:extLst>
            </p:cNvPr>
            <p:cNvSpPr/>
            <p:nvPr/>
          </p:nvSpPr>
          <p:spPr bwMode="auto">
            <a:xfrm>
              <a:off x="8129589" y="4141788"/>
              <a:ext cx="225425" cy="233363"/>
            </a:xfrm>
            <a:custGeom>
              <a:avLst/>
              <a:gdLst>
                <a:gd name="T0" fmla="*/ 14 w 138"/>
                <a:gd name="T1" fmla="*/ 41 h 143"/>
                <a:gd name="T2" fmla="*/ 24 w 138"/>
                <a:gd name="T3" fmla="*/ 23 h 143"/>
                <a:gd name="T4" fmla="*/ 37 w 138"/>
                <a:gd name="T5" fmla="*/ 25 h 143"/>
                <a:gd name="T6" fmla="*/ 57 w 138"/>
                <a:gd name="T7" fmla="*/ 8 h 143"/>
                <a:gd name="T8" fmla="*/ 60 w 138"/>
                <a:gd name="T9" fmla="*/ 6 h 143"/>
                <a:gd name="T10" fmla="*/ 65 w 138"/>
                <a:gd name="T11" fmla="*/ 7 h 143"/>
                <a:gd name="T12" fmla="*/ 91 w 138"/>
                <a:gd name="T13" fmla="*/ 1 h 143"/>
                <a:gd name="T14" fmla="*/ 114 w 138"/>
                <a:gd name="T15" fmla="*/ 19 h 143"/>
                <a:gd name="T16" fmla="*/ 113 w 138"/>
                <a:gd name="T17" fmla="*/ 33 h 143"/>
                <a:gd name="T18" fmla="*/ 135 w 138"/>
                <a:gd name="T19" fmla="*/ 81 h 143"/>
                <a:gd name="T20" fmla="*/ 121 w 138"/>
                <a:gd name="T21" fmla="*/ 114 h 143"/>
                <a:gd name="T22" fmla="*/ 128 w 138"/>
                <a:gd name="T23" fmla="*/ 136 h 143"/>
                <a:gd name="T24" fmla="*/ 116 w 138"/>
                <a:gd name="T25" fmla="*/ 142 h 143"/>
                <a:gd name="T26" fmla="*/ 104 w 138"/>
                <a:gd name="T27" fmla="*/ 133 h 143"/>
                <a:gd name="T28" fmla="*/ 91 w 138"/>
                <a:gd name="T29" fmla="*/ 113 h 143"/>
                <a:gd name="T30" fmla="*/ 72 w 138"/>
                <a:gd name="T31" fmla="*/ 100 h 143"/>
                <a:gd name="T32" fmla="*/ 49 w 138"/>
                <a:gd name="T33" fmla="*/ 101 h 143"/>
                <a:gd name="T34" fmla="*/ 35 w 138"/>
                <a:gd name="T35" fmla="*/ 90 h 143"/>
                <a:gd name="T36" fmla="*/ 18 w 138"/>
                <a:gd name="T37" fmla="*/ 87 h 143"/>
                <a:gd name="T38" fmla="*/ 6 w 138"/>
                <a:gd name="T39" fmla="*/ 77 h 143"/>
                <a:gd name="T40" fmla="*/ 7 w 138"/>
                <a:gd name="T41" fmla="*/ 72 h 143"/>
                <a:gd name="T42" fmla="*/ 0 w 138"/>
                <a:gd name="T43" fmla="*/ 64 h 143"/>
                <a:gd name="T44" fmla="*/ 11 w 138"/>
                <a:gd name="T45" fmla="*/ 57 h 143"/>
                <a:gd name="T46" fmla="*/ 14 w 138"/>
                <a:gd name="T47" fmla="*/ 41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38" h="143">
                  <a:moveTo>
                    <a:pt x="14" y="41"/>
                  </a:moveTo>
                  <a:cubicBezTo>
                    <a:pt x="14" y="34"/>
                    <a:pt x="17" y="24"/>
                    <a:pt x="24" y="23"/>
                  </a:cubicBezTo>
                  <a:cubicBezTo>
                    <a:pt x="28" y="22"/>
                    <a:pt x="32" y="25"/>
                    <a:pt x="37" y="25"/>
                  </a:cubicBezTo>
                  <a:cubicBezTo>
                    <a:pt x="46" y="25"/>
                    <a:pt x="51" y="15"/>
                    <a:pt x="57" y="8"/>
                  </a:cubicBezTo>
                  <a:cubicBezTo>
                    <a:pt x="58" y="7"/>
                    <a:pt x="59" y="6"/>
                    <a:pt x="60" y="6"/>
                  </a:cubicBezTo>
                  <a:cubicBezTo>
                    <a:pt x="62" y="6"/>
                    <a:pt x="64" y="7"/>
                    <a:pt x="65" y="7"/>
                  </a:cubicBezTo>
                  <a:cubicBezTo>
                    <a:pt x="74" y="10"/>
                    <a:pt x="82" y="3"/>
                    <a:pt x="91" y="1"/>
                  </a:cubicBezTo>
                  <a:cubicBezTo>
                    <a:pt x="101" y="0"/>
                    <a:pt x="113" y="8"/>
                    <a:pt x="114" y="19"/>
                  </a:cubicBezTo>
                  <a:cubicBezTo>
                    <a:pt x="114" y="24"/>
                    <a:pt x="113" y="28"/>
                    <a:pt x="113" y="33"/>
                  </a:cubicBezTo>
                  <a:cubicBezTo>
                    <a:pt x="114" y="51"/>
                    <a:pt x="138" y="63"/>
                    <a:pt x="135" y="81"/>
                  </a:cubicBezTo>
                  <a:cubicBezTo>
                    <a:pt x="133" y="93"/>
                    <a:pt x="119" y="102"/>
                    <a:pt x="121" y="114"/>
                  </a:cubicBezTo>
                  <a:cubicBezTo>
                    <a:pt x="123" y="122"/>
                    <a:pt x="131" y="129"/>
                    <a:pt x="128" y="136"/>
                  </a:cubicBezTo>
                  <a:cubicBezTo>
                    <a:pt x="127" y="141"/>
                    <a:pt x="121" y="143"/>
                    <a:pt x="116" y="142"/>
                  </a:cubicBezTo>
                  <a:cubicBezTo>
                    <a:pt x="111" y="141"/>
                    <a:pt x="107" y="137"/>
                    <a:pt x="104" y="133"/>
                  </a:cubicBezTo>
                  <a:cubicBezTo>
                    <a:pt x="99" y="127"/>
                    <a:pt x="96" y="120"/>
                    <a:pt x="91" y="113"/>
                  </a:cubicBezTo>
                  <a:cubicBezTo>
                    <a:pt x="87" y="106"/>
                    <a:pt x="80" y="100"/>
                    <a:pt x="72" y="100"/>
                  </a:cubicBezTo>
                  <a:cubicBezTo>
                    <a:pt x="65" y="99"/>
                    <a:pt x="57" y="104"/>
                    <a:pt x="49" y="101"/>
                  </a:cubicBezTo>
                  <a:cubicBezTo>
                    <a:pt x="44" y="99"/>
                    <a:pt x="40" y="92"/>
                    <a:pt x="35" y="90"/>
                  </a:cubicBezTo>
                  <a:cubicBezTo>
                    <a:pt x="29" y="87"/>
                    <a:pt x="23" y="88"/>
                    <a:pt x="18" y="87"/>
                  </a:cubicBezTo>
                  <a:cubicBezTo>
                    <a:pt x="12" y="87"/>
                    <a:pt x="5" y="82"/>
                    <a:pt x="6" y="77"/>
                  </a:cubicBezTo>
                  <a:cubicBezTo>
                    <a:pt x="7" y="75"/>
                    <a:pt x="7" y="74"/>
                    <a:pt x="7" y="72"/>
                  </a:cubicBezTo>
                  <a:cubicBezTo>
                    <a:pt x="7" y="69"/>
                    <a:pt x="0" y="67"/>
                    <a:pt x="0" y="64"/>
                  </a:cubicBezTo>
                  <a:cubicBezTo>
                    <a:pt x="4" y="60"/>
                    <a:pt x="8" y="62"/>
                    <a:pt x="11" y="57"/>
                  </a:cubicBezTo>
                  <a:cubicBezTo>
                    <a:pt x="14" y="52"/>
                    <a:pt x="13" y="46"/>
                    <a:pt x="14" y="41"/>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6" name="ïş1ïḑé">
              <a:extLst>
                <a:ext uri="{FF2B5EF4-FFF2-40B4-BE49-F238E27FC236}">
                  <a16:creationId xmlns:a16="http://schemas.microsoft.com/office/drawing/2014/main" xmlns="" id="{A8CF6C02-0BB0-4F29-AF1D-119CE4DFC9E0}"/>
                </a:ext>
              </a:extLst>
            </p:cNvPr>
            <p:cNvSpPr/>
            <p:nvPr/>
          </p:nvSpPr>
          <p:spPr bwMode="auto">
            <a:xfrm>
              <a:off x="7369176" y="3670300"/>
              <a:ext cx="557213" cy="752475"/>
            </a:xfrm>
            <a:custGeom>
              <a:avLst/>
              <a:gdLst>
                <a:gd name="T0" fmla="*/ 313 w 342"/>
                <a:gd name="T1" fmla="*/ 224 h 464"/>
                <a:gd name="T2" fmla="*/ 67 w 342"/>
                <a:gd name="T3" fmla="*/ 464 h 464"/>
                <a:gd name="T4" fmla="*/ 29 w 342"/>
                <a:gd name="T5" fmla="*/ 122 h 464"/>
                <a:gd name="T6" fmla="*/ 223 w 342"/>
                <a:gd name="T7" fmla="*/ 28 h 464"/>
                <a:gd name="T8" fmla="*/ 313 w 342"/>
                <a:gd name="T9" fmla="*/ 224 h 464"/>
              </a:gdLst>
              <a:ahLst/>
              <a:cxnLst>
                <a:cxn ang="0">
                  <a:pos x="T0" y="T1"/>
                </a:cxn>
                <a:cxn ang="0">
                  <a:pos x="T2" y="T3"/>
                </a:cxn>
                <a:cxn ang="0">
                  <a:pos x="T4" y="T5"/>
                </a:cxn>
                <a:cxn ang="0">
                  <a:pos x="T6" y="T7"/>
                </a:cxn>
                <a:cxn ang="0">
                  <a:pos x="T8" y="T9"/>
                </a:cxn>
              </a:cxnLst>
              <a:rect l="0" t="0" r="r" b="b"/>
              <a:pathLst>
                <a:path w="342" h="464">
                  <a:moveTo>
                    <a:pt x="313" y="224"/>
                  </a:moveTo>
                  <a:cubicBezTo>
                    <a:pt x="284" y="304"/>
                    <a:pt x="67" y="464"/>
                    <a:pt x="67" y="464"/>
                  </a:cubicBezTo>
                  <a:cubicBezTo>
                    <a:pt x="67" y="464"/>
                    <a:pt x="0" y="202"/>
                    <a:pt x="29" y="122"/>
                  </a:cubicBezTo>
                  <a:cubicBezTo>
                    <a:pt x="58" y="42"/>
                    <a:pt x="145" y="0"/>
                    <a:pt x="223" y="28"/>
                  </a:cubicBezTo>
                  <a:cubicBezTo>
                    <a:pt x="302" y="57"/>
                    <a:pt x="342" y="144"/>
                    <a:pt x="313" y="224"/>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7" name="i$ḷíḓe">
              <a:extLst>
                <a:ext uri="{FF2B5EF4-FFF2-40B4-BE49-F238E27FC236}">
                  <a16:creationId xmlns:a16="http://schemas.microsoft.com/office/drawing/2014/main" xmlns="" id="{76DD68F1-B03D-4BD2-823E-CBEDF1728112}"/>
                </a:ext>
              </a:extLst>
            </p:cNvPr>
            <p:cNvSpPr/>
            <p:nvPr/>
          </p:nvSpPr>
          <p:spPr bwMode="auto">
            <a:xfrm>
              <a:off x="7521576" y="3808413"/>
              <a:ext cx="260350" cy="263525"/>
            </a:xfrm>
            <a:custGeom>
              <a:avLst/>
              <a:gdLst>
                <a:gd name="T0" fmla="*/ 147 w 161"/>
                <a:gd name="T1" fmla="*/ 106 h 163"/>
                <a:gd name="T2" fmla="*/ 56 w 161"/>
                <a:gd name="T3" fmla="*/ 150 h 163"/>
                <a:gd name="T4" fmla="*/ 14 w 161"/>
                <a:gd name="T5" fmla="*/ 58 h 163"/>
                <a:gd name="T6" fmla="*/ 105 w 161"/>
                <a:gd name="T7" fmla="*/ 14 h 163"/>
                <a:gd name="T8" fmla="*/ 147 w 161"/>
                <a:gd name="T9" fmla="*/ 106 h 163"/>
              </a:gdLst>
              <a:ahLst/>
              <a:cxnLst>
                <a:cxn ang="0">
                  <a:pos x="T0" y="T1"/>
                </a:cxn>
                <a:cxn ang="0">
                  <a:pos x="T2" y="T3"/>
                </a:cxn>
                <a:cxn ang="0">
                  <a:pos x="T4" y="T5"/>
                </a:cxn>
                <a:cxn ang="0">
                  <a:pos x="T6" y="T7"/>
                </a:cxn>
                <a:cxn ang="0">
                  <a:pos x="T8" y="T9"/>
                </a:cxn>
              </a:cxnLst>
              <a:rect l="0" t="0" r="r" b="b"/>
              <a:pathLst>
                <a:path w="161" h="163">
                  <a:moveTo>
                    <a:pt x="147" y="106"/>
                  </a:moveTo>
                  <a:cubicBezTo>
                    <a:pt x="134" y="143"/>
                    <a:pt x="93" y="163"/>
                    <a:pt x="56" y="150"/>
                  </a:cubicBezTo>
                  <a:cubicBezTo>
                    <a:pt x="19" y="137"/>
                    <a:pt x="0" y="95"/>
                    <a:pt x="14" y="58"/>
                  </a:cubicBezTo>
                  <a:cubicBezTo>
                    <a:pt x="27" y="20"/>
                    <a:pt x="68" y="0"/>
                    <a:pt x="105" y="14"/>
                  </a:cubicBezTo>
                  <a:cubicBezTo>
                    <a:pt x="142" y="27"/>
                    <a:pt x="161" y="68"/>
                    <a:pt x="147" y="106"/>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8" name="îşḻîḍè">
              <a:extLst>
                <a:ext uri="{FF2B5EF4-FFF2-40B4-BE49-F238E27FC236}">
                  <a16:creationId xmlns:a16="http://schemas.microsoft.com/office/drawing/2014/main" xmlns="" id="{35369C0C-FC05-4178-8BE6-475290B1A684}"/>
                </a:ext>
              </a:extLst>
            </p:cNvPr>
            <p:cNvSpPr/>
            <p:nvPr/>
          </p:nvSpPr>
          <p:spPr bwMode="auto">
            <a:xfrm>
              <a:off x="7424738" y="3730625"/>
              <a:ext cx="428625" cy="284163"/>
            </a:xfrm>
            <a:custGeom>
              <a:avLst/>
              <a:gdLst>
                <a:gd name="T0" fmla="*/ 136 w 264"/>
                <a:gd name="T1" fmla="*/ 0 h 175"/>
                <a:gd name="T2" fmla="*/ 11 w 264"/>
                <a:gd name="T3" fmla="*/ 89 h 175"/>
                <a:gd name="T4" fmla="*/ 9 w 264"/>
                <a:gd name="T5" fmla="*/ 175 h 175"/>
                <a:gd name="T6" fmla="*/ 15 w 264"/>
                <a:gd name="T7" fmla="*/ 107 h 175"/>
                <a:gd name="T8" fmla="*/ 140 w 264"/>
                <a:gd name="T9" fmla="*/ 18 h 175"/>
                <a:gd name="T10" fmla="*/ 184 w 264"/>
                <a:gd name="T11" fmla="*/ 25 h 175"/>
                <a:gd name="T12" fmla="*/ 264 w 264"/>
                <a:gd name="T13" fmla="*/ 109 h 175"/>
                <a:gd name="T14" fmla="*/ 179 w 264"/>
                <a:gd name="T15" fmla="*/ 8 h 175"/>
                <a:gd name="T16" fmla="*/ 136 w 264"/>
                <a:gd name="T17" fmla="*/ 0 h 1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4" h="175">
                  <a:moveTo>
                    <a:pt x="136" y="0"/>
                  </a:moveTo>
                  <a:cubicBezTo>
                    <a:pt x="82" y="0"/>
                    <a:pt x="31" y="35"/>
                    <a:pt x="11" y="89"/>
                  </a:cubicBezTo>
                  <a:cubicBezTo>
                    <a:pt x="0" y="118"/>
                    <a:pt x="0" y="148"/>
                    <a:pt x="9" y="175"/>
                  </a:cubicBezTo>
                  <a:cubicBezTo>
                    <a:pt x="5" y="153"/>
                    <a:pt x="7" y="129"/>
                    <a:pt x="15" y="107"/>
                  </a:cubicBezTo>
                  <a:cubicBezTo>
                    <a:pt x="35" y="52"/>
                    <a:pt x="86" y="18"/>
                    <a:pt x="140" y="18"/>
                  </a:cubicBezTo>
                  <a:cubicBezTo>
                    <a:pt x="154" y="18"/>
                    <a:pt x="169" y="20"/>
                    <a:pt x="184" y="25"/>
                  </a:cubicBezTo>
                  <a:cubicBezTo>
                    <a:pt x="223" y="39"/>
                    <a:pt x="252" y="71"/>
                    <a:pt x="264" y="109"/>
                  </a:cubicBezTo>
                  <a:cubicBezTo>
                    <a:pt x="256" y="64"/>
                    <a:pt x="225" y="24"/>
                    <a:pt x="179" y="8"/>
                  </a:cubicBezTo>
                  <a:cubicBezTo>
                    <a:pt x="165" y="3"/>
                    <a:pt x="150" y="0"/>
                    <a:pt x="136"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49" name="ïšḷíďê">
              <a:extLst>
                <a:ext uri="{FF2B5EF4-FFF2-40B4-BE49-F238E27FC236}">
                  <a16:creationId xmlns:a16="http://schemas.microsoft.com/office/drawing/2014/main" xmlns="" id="{D253F958-774B-4926-8E2C-7E19D74DCEE5}"/>
                </a:ext>
              </a:extLst>
            </p:cNvPr>
            <p:cNvSpPr/>
            <p:nvPr/>
          </p:nvSpPr>
          <p:spPr bwMode="auto">
            <a:xfrm>
              <a:off x="7478713" y="4032250"/>
              <a:ext cx="400050" cy="390525"/>
            </a:xfrm>
            <a:custGeom>
              <a:avLst/>
              <a:gdLst>
                <a:gd name="T0" fmla="*/ 0 w 246"/>
                <a:gd name="T1" fmla="*/ 241 h 241"/>
                <a:gd name="T2" fmla="*/ 0 w 246"/>
                <a:gd name="T3" fmla="*/ 241 h 241"/>
                <a:gd name="T4" fmla="*/ 0 w 246"/>
                <a:gd name="T5" fmla="*/ 241 h 241"/>
                <a:gd name="T6" fmla="*/ 246 w 246"/>
                <a:gd name="T7" fmla="*/ 0 h 241"/>
                <a:gd name="T8" fmla="*/ 246 w 246"/>
                <a:gd name="T9" fmla="*/ 1 h 241"/>
                <a:gd name="T10" fmla="*/ 246 w 246"/>
                <a:gd name="T11" fmla="*/ 0 h 241"/>
              </a:gdLst>
              <a:ahLst/>
              <a:cxnLst>
                <a:cxn ang="0">
                  <a:pos x="T0" y="T1"/>
                </a:cxn>
                <a:cxn ang="0">
                  <a:pos x="T2" y="T3"/>
                </a:cxn>
                <a:cxn ang="0">
                  <a:pos x="T4" y="T5"/>
                </a:cxn>
                <a:cxn ang="0">
                  <a:pos x="T6" y="T7"/>
                </a:cxn>
                <a:cxn ang="0">
                  <a:pos x="T8" y="T9"/>
                </a:cxn>
                <a:cxn ang="0">
                  <a:pos x="T10" y="T11"/>
                </a:cxn>
              </a:cxnLst>
              <a:rect l="0" t="0" r="r" b="b"/>
              <a:pathLst>
                <a:path w="246" h="241">
                  <a:moveTo>
                    <a:pt x="0" y="241"/>
                  </a:moveTo>
                  <a:cubicBezTo>
                    <a:pt x="0" y="241"/>
                    <a:pt x="0" y="241"/>
                    <a:pt x="0" y="241"/>
                  </a:cubicBezTo>
                  <a:cubicBezTo>
                    <a:pt x="0" y="241"/>
                    <a:pt x="0" y="241"/>
                    <a:pt x="0" y="241"/>
                  </a:cubicBezTo>
                  <a:moveTo>
                    <a:pt x="246" y="0"/>
                  </a:moveTo>
                  <a:cubicBezTo>
                    <a:pt x="246" y="1"/>
                    <a:pt x="246" y="1"/>
                    <a:pt x="246" y="1"/>
                  </a:cubicBezTo>
                  <a:cubicBezTo>
                    <a:pt x="246" y="1"/>
                    <a:pt x="246" y="1"/>
                    <a:pt x="246" y="0"/>
                  </a:cubicBezTo>
                </a:path>
              </a:pathLst>
            </a:cu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0" name="iSḻîḋe">
              <a:extLst>
                <a:ext uri="{FF2B5EF4-FFF2-40B4-BE49-F238E27FC236}">
                  <a16:creationId xmlns:a16="http://schemas.microsoft.com/office/drawing/2014/main" xmlns="" id="{265DF3D2-031F-426C-BD25-CD5343DF61E6}"/>
                </a:ext>
              </a:extLst>
            </p:cNvPr>
            <p:cNvSpPr/>
            <p:nvPr/>
          </p:nvSpPr>
          <p:spPr bwMode="auto">
            <a:xfrm>
              <a:off x="7456488" y="4014788"/>
              <a:ext cx="428625" cy="407988"/>
            </a:xfrm>
            <a:custGeom>
              <a:avLst/>
              <a:gdLst>
                <a:gd name="T0" fmla="*/ 264 w 264"/>
                <a:gd name="T1" fmla="*/ 0 h 252"/>
                <a:gd name="T2" fmla="*/ 218 w 264"/>
                <a:gd name="T3" fmla="*/ 56 h 252"/>
                <a:gd name="T4" fmla="*/ 58 w 264"/>
                <a:gd name="T5" fmla="*/ 156 h 252"/>
                <a:gd name="T6" fmla="*/ 0 w 264"/>
                <a:gd name="T7" fmla="*/ 185 h 252"/>
                <a:gd name="T8" fmla="*/ 14 w 264"/>
                <a:gd name="T9" fmla="*/ 252 h 252"/>
                <a:gd name="T10" fmla="*/ 14 w 264"/>
                <a:gd name="T11" fmla="*/ 252 h 252"/>
                <a:gd name="T12" fmla="*/ 14 w 264"/>
                <a:gd name="T13" fmla="*/ 252 h 252"/>
                <a:gd name="T14" fmla="*/ 260 w 264"/>
                <a:gd name="T15" fmla="*/ 12 h 252"/>
                <a:gd name="T16" fmla="*/ 260 w 264"/>
                <a:gd name="T17" fmla="*/ 12 h 252"/>
                <a:gd name="T18" fmla="*/ 260 w 264"/>
                <a:gd name="T19" fmla="*/ 11 h 252"/>
                <a:gd name="T20" fmla="*/ 264 w 264"/>
                <a:gd name="T21" fmla="*/ 0 h 2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64" h="252">
                  <a:moveTo>
                    <a:pt x="264" y="0"/>
                  </a:moveTo>
                  <a:cubicBezTo>
                    <a:pt x="250" y="20"/>
                    <a:pt x="235" y="38"/>
                    <a:pt x="218" y="56"/>
                  </a:cubicBezTo>
                  <a:cubicBezTo>
                    <a:pt x="170" y="103"/>
                    <a:pt x="117" y="125"/>
                    <a:pt x="58" y="156"/>
                  </a:cubicBezTo>
                  <a:cubicBezTo>
                    <a:pt x="39" y="166"/>
                    <a:pt x="20" y="176"/>
                    <a:pt x="0" y="185"/>
                  </a:cubicBezTo>
                  <a:cubicBezTo>
                    <a:pt x="7" y="224"/>
                    <a:pt x="14" y="252"/>
                    <a:pt x="14" y="252"/>
                  </a:cubicBezTo>
                  <a:cubicBezTo>
                    <a:pt x="14" y="252"/>
                    <a:pt x="14" y="252"/>
                    <a:pt x="14" y="252"/>
                  </a:cubicBezTo>
                  <a:cubicBezTo>
                    <a:pt x="14" y="252"/>
                    <a:pt x="14" y="252"/>
                    <a:pt x="14" y="252"/>
                  </a:cubicBezTo>
                  <a:cubicBezTo>
                    <a:pt x="14" y="252"/>
                    <a:pt x="231" y="92"/>
                    <a:pt x="260" y="12"/>
                  </a:cubicBezTo>
                  <a:cubicBezTo>
                    <a:pt x="260" y="12"/>
                    <a:pt x="260" y="12"/>
                    <a:pt x="260" y="12"/>
                  </a:cubicBezTo>
                  <a:cubicBezTo>
                    <a:pt x="260" y="12"/>
                    <a:pt x="260" y="12"/>
                    <a:pt x="260" y="11"/>
                  </a:cubicBezTo>
                  <a:cubicBezTo>
                    <a:pt x="262" y="7"/>
                    <a:pt x="263" y="3"/>
                    <a:pt x="264"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1" name="îṧļidè">
              <a:extLst>
                <a:ext uri="{FF2B5EF4-FFF2-40B4-BE49-F238E27FC236}">
                  <a16:creationId xmlns:a16="http://schemas.microsoft.com/office/drawing/2014/main" xmlns="" id="{27641E7C-D603-4EA3-8AFE-6FD6D20392A0}"/>
                </a:ext>
              </a:extLst>
            </p:cNvPr>
            <p:cNvSpPr/>
            <p:nvPr/>
          </p:nvSpPr>
          <p:spPr bwMode="auto">
            <a:xfrm>
              <a:off x="5311776" y="3638550"/>
              <a:ext cx="65088" cy="152400"/>
            </a:xfrm>
            <a:custGeom>
              <a:avLst/>
              <a:gdLst>
                <a:gd name="T0" fmla="*/ 26 w 40"/>
                <a:gd name="T1" fmla="*/ 54 h 93"/>
                <a:gd name="T2" fmla="*/ 1 w 40"/>
                <a:gd name="T3" fmla="*/ 93 h 93"/>
                <a:gd name="T4" fmla="*/ 0 w 40"/>
                <a:gd name="T5" fmla="*/ 12 h 93"/>
                <a:gd name="T6" fmla="*/ 1 w 40"/>
                <a:gd name="T7" fmla="*/ 6 h 93"/>
                <a:gd name="T8" fmla="*/ 6 w 40"/>
                <a:gd name="T9" fmla="*/ 4 h 93"/>
                <a:gd name="T10" fmla="*/ 26 w 40"/>
                <a:gd name="T11" fmla="*/ 54 h 93"/>
              </a:gdLst>
              <a:ahLst/>
              <a:cxnLst>
                <a:cxn ang="0">
                  <a:pos x="T0" y="T1"/>
                </a:cxn>
                <a:cxn ang="0">
                  <a:pos x="T2" y="T3"/>
                </a:cxn>
                <a:cxn ang="0">
                  <a:pos x="T4" y="T5"/>
                </a:cxn>
                <a:cxn ang="0">
                  <a:pos x="T6" y="T7"/>
                </a:cxn>
                <a:cxn ang="0">
                  <a:pos x="T8" y="T9"/>
                </a:cxn>
                <a:cxn ang="0">
                  <a:pos x="T10" y="T11"/>
                </a:cxn>
              </a:cxnLst>
              <a:rect l="0" t="0" r="r" b="b"/>
              <a:pathLst>
                <a:path w="40" h="93">
                  <a:moveTo>
                    <a:pt x="26" y="54"/>
                  </a:moveTo>
                  <a:cubicBezTo>
                    <a:pt x="19" y="68"/>
                    <a:pt x="11" y="81"/>
                    <a:pt x="1" y="93"/>
                  </a:cubicBezTo>
                  <a:cubicBezTo>
                    <a:pt x="5" y="66"/>
                    <a:pt x="4" y="39"/>
                    <a:pt x="0" y="12"/>
                  </a:cubicBezTo>
                  <a:cubicBezTo>
                    <a:pt x="0" y="10"/>
                    <a:pt x="0" y="8"/>
                    <a:pt x="1" y="6"/>
                  </a:cubicBezTo>
                  <a:cubicBezTo>
                    <a:pt x="2" y="5"/>
                    <a:pt x="4" y="4"/>
                    <a:pt x="6" y="4"/>
                  </a:cubicBezTo>
                  <a:cubicBezTo>
                    <a:pt x="40" y="0"/>
                    <a:pt x="37" y="30"/>
                    <a:pt x="26" y="54"/>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2" name="işlíḓe">
              <a:extLst>
                <a:ext uri="{FF2B5EF4-FFF2-40B4-BE49-F238E27FC236}">
                  <a16:creationId xmlns:a16="http://schemas.microsoft.com/office/drawing/2014/main" xmlns="" id="{7BB473F8-0155-428C-BCC2-96D587ADA35F}"/>
                </a:ext>
              </a:extLst>
            </p:cNvPr>
            <p:cNvSpPr/>
            <p:nvPr/>
          </p:nvSpPr>
          <p:spPr bwMode="auto">
            <a:xfrm>
              <a:off x="5092701" y="3543300"/>
              <a:ext cx="279400" cy="357188"/>
            </a:xfrm>
            <a:custGeom>
              <a:avLst/>
              <a:gdLst>
                <a:gd name="T0" fmla="*/ 81 w 172"/>
                <a:gd name="T1" fmla="*/ 178 h 220"/>
                <a:gd name="T2" fmla="*/ 74 w 172"/>
                <a:gd name="T3" fmla="*/ 173 h 220"/>
                <a:gd name="T4" fmla="*/ 90 w 172"/>
                <a:gd name="T5" fmla="*/ 14 h 220"/>
                <a:gd name="T6" fmla="*/ 136 w 172"/>
                <a:gd name="T7" fmla="*/ 153 h 220"/>
                <a:gd name="T8" fmla="*/ 119 w 172"/>
                <a:gd name="T9" fmla="*/ 176 h 220"/>
                <a:gd name="T10" fmla="*/ 125 w 172"/>
                <a:gd name="T11" fmla="*/ 205 h 220"/>
                <a:gd name="T12" fmla="*/ 105 w 172"/>
                <a:gd name="T13" fmla="*/ 219 h 220"/>
                <a:gd name="T14" fmla="*/ 85 w 172"/>
                <a:gd name="T15" fmla="*/ 206 h 220"/>
                <a:gd name="T16" fmla="*/ 81 w 172"/>
                <a:gd name="T17" fmla="*/ 178 h 2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2" h="220">
                  <a:moveTo>
                    <a:pt x="81" y="178"/>
                  </a:moveTo>
                  <a:cubicBezTo>
                    <a:pt x="78" y="176"/>
                    <a:pt x="76" y="175"/>
                    <a:pt x="74" y="173"/>
                  </a:cubicBezTo>
                  <a:cubicBezTo>
                    <a:pt x="43" y="148"/>
                    <a:pt x="0" y="30"/>
                    <a:pt x="90" y="14"/>
                  </a:cubicBezTo>
                  <a:cubicBezTo>
                    <a:pt x="172" y="0"/>
                    <a:pt x="156" y="109"/>
                    <a:pt x="136" y="153"/>
                  </a:cubicBezTo>
                  <a:cubicBezTo>
                    <a:pt x="132" y="161"/>
                    <a:pt x="127" y="170"/>
                    <a:pt x="119" y="176"/>
                  </a:cubicBezTo>
                  <a:cubicBezTo>
                    <a:pt x="116" y="178"/>
                    <a:pt x="126" y="201"/>
                    <a:pt x="125" y="205"/>
                  </a:cubicBezTo>
                  <a:cubicBezTo>
                    <a:pt x="123" y="214"/>
                    <a:pt x="114" y="220"/>
                    <a:pt x="105" y="219"/>
                  </a:cubicBezTo>
                  <a:cubicBezTo>
                    <a:pt x="98" y="219"/>
                    <a:pt x="89" y="212"/>
                    <a:pt x="85" y="206"/>
                  </a:cubicBezTo>
                  <a:cubicBezTo>
                    <a:pt x="82" y="202"/>
                    <a:pt x="84" y="179"/>
                    <a:pt x="81" y="178"/>
                  </a:cubicBezTo>
                  <a:close/>
                </a:path>
              </a:pathLst>
            </a:custGeom>
            <a:solidFill>
              <a:srgbClr val="C67D7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3" name="îş1íďe">
              <a:extLst>
                <a:ext uri="{FF2B5EF4-FFF2-40B4-BE49-F238E27FC236}">
                  <a16:creationId xmlns:a16="http://schemas.microsoft.com/office/drawing/2014/main" xmlns="" id="{B68F1716-10C9-4B8B-8319-CB816011C99D}"/>
                </a:ext>
              </a:extLst>
            </p:cNvPr>
            <p:cNvSpPr/>
            <p:nvPr/>
          </p:nvSpPr>
          <p:spPr bwMode="auto">
            <a:xfrm>
              <a:off x="5083176" y="3530600"/>
              <a:ext cx="119063" cy="257175"/>
            </a:xfrm>
            <a:custGeom>
              <a:avLst/>
              <a:gdLst>
                <a:gd name="T0" fmla="*/ 73 w 73"/>
                <a:gd name="T1" fmla="*/ 152 h 159"/>
                <a:gd name="T2" fmla="*/ 48 w 73"/>
                <a:gd name="T3" fmla="*/ 151 h 159"/>
                <a:gd name="T4" fmla="*/ 12 w 73"/>
                <a:gd name="T5" fmla="*/ 50 h 159"/>
                <a:gd name="T6" fmla="*/ 67 w 73"/>
                <a:gd name="T7" fmla="*/ 40 h 159"/>
                <a:gd name="T8" fmla="*/ 58 w 73"/>
                <a:gd name="T9" fmla="*/ 87 h 159"/>
                <a:gd name="T10" fmla="*/ 73 w 73"/>
                <a:gd name="T11" fmla="*/ 152 h 159"/>
              </a:gdLst>
              <a:ahLst/>
              <a:cxnLst>
                <a:cxn ang="0">
                  <a:pos x="T0" y="T1"/>
                </a:cxn>
                <a:cxn ang="0">
                  <a:pos x="T2" y="T3"/>
                </a:cxn>
                <a:cxn ang="0">
                  <a:pos x="T4" y="T5"/>
                </a:cxn>
                <a:cxn ang="0">
                  <a:pos x="T6" y="T7"/>
                </a:cxn>
                <a:cxn ang="0">
                  <a:pos x="T8" y="T9"/>
                </a:cxn>
                <a:cxn ang="0">
                  <a:pos x="T10" y="T11"/>
                </a:cxn>
              </a:cxnLst>
              <a:rect l="0" t="0" r="r" b="b"/>
              <a:pathLst>
                <a:path w="73" h="159">
                  <a:moveTo>
                    <a:pt x="73" y="152"/>
                  </a:moveTo>
                  <a:cubicBezTo>
                    <a:pt x="67" y="159"/>
                    <a:pt x="56" y="156"/>
                    <a:pt x="48" y="151"/>
                  </a:cubicBezTo>
                  <a:cubicBezTo>
                    <a:pt x="16" y="130"/>
                    <a:pt x="0" y="87"/>
                    <a:pt x="12" y="50"/>
                  </a:cubicBezTo>
                  <a:cubicBezTo>
                    <a:pt x="21" y="20"/>
                    <a:pt x="63" y="0"/>
                    <a:pt x="67" y="40"/>
                  </a:cubicBezTo>
                  <a:cubicBezTo>
                    <a:pt x="68" y="54"/>
                    <a:pt x="58" y="72"/>
                    <a:pt x="58" y="87"/>
                  </a:cubicBezTo>
                  <a:cubicBezTo>
                    <a:pt x="59" y="109"/>
                    <a:pt x="67" y="131"/>
                    <a:pt x="73" y="152"/>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4" name="íšlïḍe">
              <a:extLst>
                <a:ext uri="{FF2B5EF4-FFF2-40B4-BE49-F238E27FC236}">
                  <a16:creationId xmlns:a16="http://schemas.microsoft.com/office/drawing/2014/main" xmlns="" id="{B96C6883-78CA-459B-A482-088C03813505}"/>
                </a:ext>
              </a:extLst>
            </p:cNvPr>
            <p:cNvSpPr/>
            <p:nvPr/>
          </p:nvSpPr>
          <p:spPr bwMode="auto">
            <a:xfrm>
              <a:off x="5164138" y="3476625"/>
              <a:ext cx="342900" cy="234950"/>
            </a:xfrm>
            <a:custGeom>
              <a:avLst/>
              <a:gdLst>
                <a:gd name="T0" fmla="*/ 131 w 211"/>
                <a:gd name="T1" fmla="*/ 26 h 145"/>
                <a:gd name="T2" fmla="*/ 211 w 211"/>
                <a:gd name="T3" fmla="*/ 135 h 145"/>
                <a:gd name="T4" fmla="*/ 107 w 211"/>
                <a:gd name="T5" fmla="*/ 124 h 145"/>
                <a:gd name="T6" fmla="*/ 16 w 211"/>
                <a:gd name="T7" fmla="*/ 45 h 145"/>
                <a:gd name="T8" fmla="*/ 131 w 211"/>
                <a:gd name="T9" fmla="*/ 26 h 145"/>
              </a:gdLst>
              <a:ahLst/>
              <a:cxnLst>
                <a:cxn ang="0">
                  <a:pos x="T0" y="T1"/>
                </a:cxn>
                <a:cxn ang="0">
                  <a:pos x="T2" y="T3"/>
                </a:cxn>
                <a:cxn ang="0">
                  <a:pos x="T4" y="T5"/>
                </a:cxn>
                <a:cxn ang="0">
                  <a:pos x="T6" y="T7"/>
                </a:cxn>
                <a:cxn ang="0">
                  <a:pos x="T8" y="T9"/>
                </a:cxn>
              </a:cxnLst>
              <a:rect l="0" t="0" r="r" b="b"/>
              <a:pathLst>
                <a:path w="211" h="145">
                  <a:moveTo>
                    <a:pt x="131" y="26"/>
                  </a:moveTo>
                  <a:cubicBezTo>
                    <a:pt x="167" y="53"/>
                    <a:pt x="179" y="103"/>
                    <a:pt x="211" y="135"/>
                  </a:cubicBezTo>
                  <a:cubicBezTo>
                    <a:pt x="177" y="145"/>
                    <a:pt x="138" y="141"/>
                    <a:pt x="107" y="124"/>
                  </a:cubicBezTo>
                  <a:cubicBezTo>
                    <a:pt x="76" y="106"/>
                    <a:pt x="0" y="88"/>
                    <a:pt x="16" y="45"/>
                  </a:cubicBezTo>
                  <a:cubicBezTo>
                    <a:pt x="32" y="0"/>
                    <a:pt x="99" y="2"/>
                    <a:pt x="131" y="26"/>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5" name="îṩ1iďé">
              <a:extLst>
                <a:ext uri="{FF2B5EF4-FFF2-40B4-BE49-F238E27FC236}">
                  <a16:creationId xmlns:a16="http://schemas.microsoft.com/office/drawing/2014/main" xmlns="" id="{80B73AA2-CB9B-4608-9AAD-6EB4EF11EDC3}"/>
                </a:ext>
              </a:extLst>
            </p:cNvPr>
            <p:cNvSpPr/>
            <p:nvPr/>
          </p:nvSpPr>
          <p:spPr bwMode="auto">
            <a:xfrm>
              <a:off x="5300663" y="5495925"/>
              <a:ext cx="114300" cy="88900"/>
            </a:xfrm>
            <a:custGeom>
              <a:avLst/>
              <a:gdLst>
                <a:gd name="T0" fmla="*/ 10 w 70"/>
                <a:gd name="T1" fmla="*/ 0 h 55"/>
                <a:gd name="T2" fmla="*/ 3 w 70"/>
                <a:gd name="T3" fmla="*/ 8 h 55"/>
                <a:gd name="T4" fmla="*/ 0 w 70"/>
                <a:gd name="T5" fmla="*/ 17 h 55"/>
                <a:gd name="T6" fmla="*/ 20 w 70"/>
                <a:gd name="T7" fmla="*/ 47 h 55"/>
                <a:gd name="T8" fmla="*/ 39 w 70"/>
                <a:gd name="T9" fmla="*/ 55 h 55"/>
                <a:gd name="T10" fmla="*/ 60 w 70"/>
                <a:gd name="T11" fmla="*/ 53 h 55"/>
                <a:gd name="T12" fmla="*/ 64 w 70"/>
                <a:gd name="T13" fmla="*/ 42 h 55"/>
                <a:gd name="T14" fmla="*/ 44 w 70"/>
                <a:gd name="T15" fmla="*/ 31 h 55"/>
                <a:gd name="T16" fmla="*/ 46 w 70"/>
                <a:gd name="T17" fmla="*/ 7 h 55"/>
                <a:gd name="T18" fmla="*/ 10 w 70"/>
                <a:gd name="T19"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0" h="55">
                  <a:moveTo>
                    <a:pt x="10" y="0"/>
                  </a:moveTo>
                  <a:cubicBezTo>
                    <a:pt x="3" y="8"/>
                    <a:pt x="3" y="8"/>
                    <a:pt x="3" y="8"/>
                  </a:cubicBezTo>
                  <a:cubicBezTo>
                    <a:pt x="0" y="17"/>
                    <a:pt x="0" y="17"/>
                    <a:pt x="0" y="17"/>
                  </a:cubicBezTo>
                  <a:cubicBezTo>
                    <a:pt x="20" y="47"/>
                    <a:pt x="20" y="47"/>
                    <a:pt x="20" y="47"/>
                  </a:cubicBezTo>
                  <a:cubicBezTo>
                    <a:pt x="39" y="55"/>
                    <a:pt x="39" y="55"/>
                    <a:pt x="39" y="55"/>
                  </a:cubicBezTo>
                  <a:cubicBezTo>
                    <a:pt x="60" y="53"/>
                    <a:pt x="60" y="53"/>
                    <a:pt x="60" y="53"/>
                  </a:cubicBezTo>
                  <a:cubicBezTo>
                    <a:pt x="60" y="53"/>
                    <a:pt x="70" y="50"/>
                    <a:pt x="64" y="42"/>
                  </a:cubicBezTo>
                  <a:cubicBezTo>
                    <a:pt x="59" y="35"/>
                    <a:pt x="44" y="31"/>
                    <a:pt x="44" y="31"/>
                  </a:cubicBezTo>
                  <a:cubicBezTo>
                    <a:pt x="46" y="7"/>
                    <a:pt x="46" y="7"/>
                    <a:pt x="46" y="7"/>
                  </a:cubicBezTo>
                  <a:lnTo>
                    <a:pt x="10" y="0"/>
                  </a:ln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6" name="ïṩ1îďê">
              <a:extLst>
                <a:ext uri="{FF2B5EF4-FFF2-40B4-BE49-F238E27FC236}">
                  <a16:creationId xmlns:a16="http://schemas.microsoft.com/office/drawing/2014/main" xmlns="" id="{E7623F37-3033-46E3-956C-69641187995F}"/>
                </a:ext>
              </a:extLst>
            </p:cNvPr>
            <p:cNvSpPr/>
            <p:nvPr/>
          </p:nvSpPr>
          <p:spPr bwMode="auto">
            <a:xfrm>
              <a:off x="5160963" y="5470525"/>
              <a:ext cx="76200" cy="106363"/>
            </a:xfrm>
            <a:custGeom>
              <a:avLst/>
              <a:gdLst>
                <a:gd name="T0" fmla="*/ 18 w 48"/>
                <a:gd name="T1" fmla="*/ 17 h 67"/>
                <a:gd name="T2" fmla="*/ 15 w 48"/>
                <a:gd name="T3" fmla="*/ 32 h 67"/>
                <a:gd name="T4" fmla="*/ 0 w 48"/>
                <a:gd name="T5" fmla="*/ 59 h 67"/>
                <a:gd name="T6" fmla="*/ 7 w 48"/>
                <a:gd name="T7" fmla="*/ 67 h 67"/>
                <a:gd name="T8" fmla="*/ 32 w 48"/>
                <a:gd name="T9" fmla="*/ 65 h 67"/>
                <a:gd name="T10" fmla="*/ 48 w 48"/>
                <a:gd name="T11" fmla="*/ 44 h 67"/>
                <a:gd name="T12" fmla="*/ 48 w 48"/>
                <a:gd name="T13" fmla="*/ 0 h 67"/>
                <a:gd name="T14" fmla="*/ 19 w 48"/>
                <a:gd name="T15" fmla="*/ 3 h 67"/>
                <a:gd name="T16" fmla="*/ 18 w 48"/>
                <a:gd name="T17" fmla="*/ 17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8" h="67">
                  <a:moveTo>
                    <a:pt x="18" y="17"/>
                  </a:moveTo>
                  <a:lnTo>
                    <a:pt x="15" y="32"/>
                  </a:lnTo>
                  <a:lnTo>
                    <a:pt x="0" y="59"/>
                  </a:lnTo>
                  <a:lnTo>
                    <a:pt x="7" y="67"/>
                  </a:lnTo>
                  <a:lnTo>
                    <a:pt x="32" y="65"/>
                  </a:lnTo>
                  <a:lnTo>
                    <a:pt x="48" y="44"/>
                  </a:lnTo>
                  <a:lnTo>
                    <a:pt x="48" y="0"/>
                  </a:lnTo>
                  <a:lnTo>
                    <a:pt x="19" y="3"/>
                  </a:lnTo>
                  <a:lnTo>
                    <a:pt x="18" y="17"/>
                  </a:ln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7" name="îṡḻîḍè">
              <a:extLst>
                <a:ext uri="{FF2B5EF4-FFF2-40B4-BE49-F238E27FC236}">
                  <a16:creationId xmlns:a16="http://schemas.microsoft.com/office/drawing/2014/main" xmlns="" id="{DD6EF09D-F02E-4D70-AE49-1C54E575441A}"/>
                </a:ext>
              </a:extLst>
            </p:cNvPr>
            <p:cNvSpPr/>
            <p:nvPr/>
          </p:nvSpPr>
          <p:spPr bwMode="auto">
            <a:xfrm>
              <a:off x="5111751" y="4537075"/>
              <a:ext cx="255588" cy="969963"/>
            </a:xfrm>
            <a:custGeom>
              <a:avLst/>
              <a:gdLst>
                <a:gd name="T0" fmla="*/ 15 w 161"/>
                <a:gd name="T1" fmla="*/ 0 h 611"/>
                <a:gd name="T2" fmla="*/ 0 w 161"/>
                <a:gd name="T3" fmla="*/ 83 h 611"/>
                <a:gd name="T4" fmla="*/ 43 w 161"/>
                <a:gd name="T5" fmla="*/ 611 h 611"/>
                <a:gd name="T6" fmla="*/ 87 w 161"/>
                <a:gd name="T7" fmla="*/ 602 h 611"/>
                <a:gd name="T8" fmla="*/ 161 w 161"/>
                <a:gd name="T9" fmla="*/ 17 h 611"/>
                <a:gd name="T10" fmla="*/ 15 w 161"/>
                <a:gd name="T11" fmla="*/ 0 h 611"/>
              </a:gdLst>
              <a:ahLst/>
              <a:cxnLst>
                <a:cxn ang="0">
                  <a:pos x="T0" y="T1"/>
                </a:cxn>
                <a:cxn ang="0">
                  <a:pos x="T2" y="T3"/>
                </a:cxn>
                <a:cxn ang="0">
                  <a:pos x="T4" y="T5"/>
                </a:cxn>
                <a:cxn ang="0">
                  <a:pos x="T6" y="T7"/>
                </a:cxn>
                <a:cxn ang="0">
                  <a:pos x="T8" y="T9"/>
                </a:cxn>
                <a:cxn ang="0">
                  <a:pos x="T10" y="T11"/>
                </a:cxn>
              </a:cxnLst>
              <a:rect l="0" t="0" r="r" b="b"/>
              <a:pathLst>
                <a:path w="161" h="611">
                  <a:moveTo>
                    <a:pt x="15" y="0"/>
                  </a:moveTo>
                  <a:lnTo>
                    <a:pt x="0" y="83"/>
                  </a:lnTo>
                  <a:lnTo>
                    <a:pt x="43" y="611"/>
                  </a:lnTo>
                  <a:lnTo>
                    <a:pt x="87" y="602"/>
                  </a:lnTo>
                  <a:lnTo>
                    <a:pt x="161" y="17"/>
                  </a:lnTo>
                  <a:lnTo>
                    <a:pt x="15" y="0"/>
                  </a:ln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8" name="iṩ1îďê">
              <a:extLst>
                <a:ext uri="{FF2B5EF4-FFF2-40B4-BE49-F238E27FC236}">
                  <a16:creationId xmlns:a16="http://schemas.microsoft.com/office/drawing/2014/main" xmlns="" id="{3BD01FEB-21E1-46EB-9A36-B513B2E2D47C}"/>
                </a:ext>
              </a:extLst>
            </p:cNvPr>
            <p:cNvSpPr/>
            <p:nvPr/>
          </p:nvSpPr>
          <p:spPr bwMode="auto">
            <a:xfrm>
              <a:off x="5300663" y="4513263"/>
              <a:ext cx="219075" cy="1012825"/>
            </a:xfrm>
            <a:custGeom>
              <a:avLst/>
              <a:gdLst>
                <a:gd name="T0" fmla="*/ 129 w 138"/>
                <a:gd name="T1" fmla="*/ 4 h 638"/>
                <a:gd name="T2" fmla="*/ 138 w 138"/>
                <a:gd name="T3" fmla="*/ 345 h 638"/>
                <a:gd name="T4" fmla="*/ 52 w 138"/>
                <a:gd name="T5" fmla="*/ 638 h 638"/>
                <a:gd name="T6" fmla="*/ 0 w 138"/>
                <a:gd name="T7" fmla="*/ 620 h 638"/>
                <a:gd name="T8" fmla="*/ 43 w 138"/>
                <a:gd name="T9" fmla="*/ 357 h 638"/>
                <a:gd name="T10" fmla="*/ 5 w 138"/>
                <a:gd name="T11" fmla="*/ 0 h 638"/>
                <a:gd name="T12" fmla="*/ 129 w 138"/>
                <a:gd name="T13" fmla="*/ 4 h 638"/>
              </a:gdLst>
              <a:ahLst/>
              <a:cxnLst>
                <a:cxn ang="0">
                  <a:pos x="T0" y="T1"/>
                </a:cxn>
                <a:cxn ang="0">
                  <a:pos x="T2" y="T3"/>
                </a:cxn>
                <a:cxn ang="0">
                  <a:pos x="T4" y="T5"/>
                </a:cxn>
                <a:cxn ang="0">
                  <a:pos x="T6" y="T7"/>
                </a:cxn>
                <a:cxn ang="0">
                  <a:pos x="T8" y="T9"/>
                </a:cxn>
                <a:cxn ang="0">
                  <a:pos x="T10" y="T11"/>
                </a:cxn>
                <a:cxn ang="0">
                  <a:pos x="T12" y="T13"/>
                </a:cxn>
              </a:cxnLst>
              <a:rect l="0" t="0" r="r" b="b"/>
              <a:pathLst>
                <a:path w="138" h="638">
                  <a:moveTo>
                    <a:pt x="129" y="4"/>
                  </a:moveTo>
                  <a:lnTo>
                    <a:pt x="138" y="345"/>
                  </a:lnTo>
                  <a:lnTo>
                    <a:pt x="52" y="638"/>
                  </a:lnTo>
                  <a:lnTo>
                    <a:pt x="0" y="620"/>
                  </a:lnTo>
                  <a:lnTo>
                    <a:pt x="43" y="357"/>
                  </a:lnTo>
                  <a:lnTo>
                    <a:pt x="5" y="0"/>
                  </a:lnTo>
                  <a:lnTo>
                    <a:pt x="129" y="4"/>
                  </a:ln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59" name="îṥ1îḋè">
              <a:extLst>
                <a:ext uri="{FF2B5EF4-FFF2-40B4-BE49-F238E27FC236}">
                  <a16:creationId xmlns:a16="http://schemas.microsoft.com/office/drawing/2014/main" xmlns="" id="{2FB00329-1464-4388-8AA5-CA4F081F8166}"/>
                </a:ext>
              </a:extLst>
            </p:cNvPr>
            <p:cNvSpPr/>
            <p:nvPr/>
          </p:nvSpPr>
          <p:spPr bwMode="auto">
            <a:xfrm>
              <a:off x="5300663" y="4513263"/>
              <a:ext cx="219075" cy="1012825"/>
            </a:xfrm>
            <a:custGeom>
              <a:avLst/>
              <a:gdLst>
                <a:gd name="T0" fmla="*/ 129 w 138"/>
                <a:gd name="T1" fmla="*/ 4 h 638"/>
                <a:gd name="T2" fmla="*/ 138 w 138"/>
                <a:gd name="T3" fmla="*/ 345 h 638"/>
                <a:gd name="T4" fmla="*/ 52 w 138"/>
                <a:gd name="T5" fmla="*/ 638 h 638"/>
                <a:gd name="T6" fmla="*/ 0 w 138"/>
                <a:gd name="T7" fmla="*/ 620 h 638"/>
                <a:gd name="T8" fmla="*/ 43 w 138"/>
                <a:gd name="T9" fmla="*/ 357 h 638"/>
                <a:gd name="T10" fmla="*/ 5 w 138"/>
                <a:gd name="T11" fmla="*/ 0 h 638"/>
                <a:gd name="T12" fmla="*/ 129 w 138"/>
                <a:gd name="T13" fmla="*/ 4 h 638"/>
              </a:gdLst>
              <a:ahLst/>
              <a:cxnLst>
                <a:cxn ang="0">
                  <a:pos x="T0" y="T1"/>
                </a:cxn>
                <a:cxn ang="0">
                  <a:pos x="T2" y="T3"/>
                </a:cxn>
                <a:cxn ang="0">
                  <a:pos x="T4" y="T5"/>
                </a:cxn>
                <a:cxn ang="0">
                  <a:pos x="T6" y="T7"/>
                </a:cxn>
                <a:cxn ang="0">
                  <a:pos x="T8" y="T9"/>
                </a:cxn>
                <a:cxn ang="0">
                  <a:pos x="T10" y="T11"/>
                </a:cxn>
                <a:cxn ang="0">
                  <a:pos x="T12" y="T13"/>
                </a:cxn>
              </a:cxnLst>
              <a:rect l="0" t="0" r="r" b="b"/>
              <a:pathLst>
                <a:path w="138" h="638">
                  <a:moveTo>
                    <a:pt x="129" y="4"/>
                  </a:moveTo>
                  <a:lnTo>
                    <a:pt x="138" y="345"/>
                  </a:lnTo>
                  <a:lnTo>
                    <a:pt x="52" y="638"/>
                  </a:lnTo>
                  <a:lnTo>
                    <a:pt x="0" y="620"/>
                  </a:lnTo>
                  <a:lnTo>
                    <a:pt x="43" y="357"/>
                  </a:lnTo>
                  <a:lnTo>
                    <a:pt x="5" y="0"/>
                  </a:lnTo>
                  <a:lnTo>
                    <a:pt x="129" y="4"/>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0" name="ïṣlíḍé">
              <a:extLst>
                <a:ext uri="{FF2B5EF4-FFF2-40B4-BE49-F238E27FC236}">
                  <a16:creationId xmlns:a16="http://schemas.microsoft.com/office/drawing/2014/main" xmlns="" id="{195EF1FE-D6DA-4DB3-8714-2CD88FF88BC3}"/>
                </a:ext>
              </a:extLst>
            </p:cNvPr>
            <p:cNvSpPr/>
            <p:nvPr/>
          </p:nvSpPr>
          <p:spPr bwMode="auto">
            <a:xfrm>
              <a:off x="5062538" y="3830638"/>
              <a:ext cx="463550" cy="795338"/>
            </a:xfrm>
            <a:custGeom>
              <a:avLst/>
              <a:gdLst>
                <a:gd name="T0" fmla="*/ 20 w 285"/>
                <a:gd name="T1" fmla="*/ 89 h 490"/>
                <a:gd name="T2" fmla="*/ 8 w 285"/>
                <a:gd name="T3" fmla="*/ 146 h 490"/>
                <a:gd name="T4" fmla="*/ 1 w 285"/>
                <a:gd name="T5" fmla="*/ 254 h 490"/>
                <a:gd name="T6" fmla="*/ 5 w 285"/>
                <a:gd name="T7" fmla="*/ 380 h 490"/>
                <a:gd name="T8" fmla="*/ 11 w 285"/>
                <a:gd name="T9" fmla="*/ 442 h 490"/>
                <a:gd name="T10" fmla="*/ 19 w 285"/>
                <a:gd name="T11" fmla="*/ 487 h 490"/>
                <a:gd name="T12" fmla="*/ 41 w 285"/>
                <a:gd name="T13" fmla="*/ 488 h 490"/>
                <a:gd name="T14" fmla="*/ 235 w 285"/>
                <a:gd name="T15" fmla="*/ 468 h 490"/>
                <a:gd name="T16" fmla="*/ 265 w 285"/>
                <a:gd name="T17" fmla="*/ 461 h 490"/>
                <a:gd name="T18" fmla="*/ 281 w 285"/>
                <a:gd name="T19" fmla="*/ 419 h 490"/>
                <a:gd name="T20" fmla="*/ 285 w 285"/>
                <a:gd name="T21" fmla="*/ 360 h 490"/>
                <a:gd name="T22" fmla="*/ 275 w 285"/>
                <a:gd name="T23" fmla="*/ 239 h 490"/>
                <a:gd name="T24" fmla="*/ 248 w 285"/>
                <a:gd name="T25" fmla="*/ 96 h 490"/>
                <a:gd name="T26" fmla="*/ 216 w 285"/>
                <a:gd name="T27" fmla="*/ 49 h 490"/>
                <a:gd name="T28" fmla="*/ 158 w 285"/>
                <a:gd name="T29" fmla="*/ 23 h 490"/>
                <a:gd name="T30" fmla="*/ 155 w 285"/>
                <a:gd name="T31" fmla="*/ 22 h 490"/>
                <a:gd name="T32" fmla="*/ 153 w 285"/>
                <a:gd name="T33" fmla="*/ 20 h 490"/>
                <a:gd name="T34" fmla="*/ 149 w 285"/>
                <a:gd name="T35" fmla="*/ 6 h 490"/>
                <a:gd name="T36" fmla="*/ 146 w 285"/>
                <a:gd name="T37" fmla="*/ 1 h 490"/>
                <a:gd name="T38" fmla="*/ 140 w 285"/>
                <a:gd name="T39" fmla="*/ 1 h 490"/>
                <a:gd name="T40" fmla="*/ 92 w 285"/>
                <a:gd name="T41" fmla="*/ 12 h 490"/>
                <a:gd name="T42" fmla="*/ 93 w 285"/>
                <a:gd name="T43" fmla="*/ 23 h 490"/>
                <a:gd name="T44" fmla="*/ 86 w 285"/>
                <a:gd name="T45" fmla="*/ 32 h 490"/>
                <a:gd name="T46" fmla="*/ 40 w 285"/>
                <a:gd name="T47" fmla="*/ 63 h 490"/>
                <a:gd name="T48" fmla="*/ 20 w 285"/>
                <a:gd name="T49" fmla="*/ 89 h 4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85" h="490">
                  <a:moveTo>
                    <a:pt x="20" y="89"/>
                  </a:moveTo>
                  <a:cubicBezTo>
                    <a:pt x="12" y="106"/>
                    <a:pt x="10" y="125"/>
                    <a:pt x="8" y="146"/>
                  </a:cubicBezTo>
                  <a:cubicBezTo>
                    <a:pt x="3" y="182"/>
                    <a:pt x="1" y="218"/>
                    <a:pt x="1" y="254"/>
                  </a:cubicBezTo>
                  <a:cubicBezTo>
                    <a:pt x="0" y="296"/>
                    <a:pt x="2" y="338"/>
                    <a:pt x="5" y="380"/>
                  </a:cubicBezTo>
                  <a:cubicBezTo>
                    <a:pt x="7" y="401"/>
                    <a:pt x="9" y="422"/>
                    <a:pt x="11" y="442"/>
                  </a:cubicBezTo>
                  <a:cubicBezTo>
                    <a:pt x="12" y="453"/>
                    <a:pt x="8" y="481"/>
                    <a:pt x="19" y="487"/>
                  </a:cubicBezTo>
                  <a:cubicBezTo>
                    <a:pt x="26" y="490"/>
                    <a:pt x="34" y="489"/>
                    <a:pt x="41" y="488"/>
                  </a:cubicBezTo>
                  <a:cubicBezTo>
                    <a:pt x="106" y="481"/>
                    <a:pt x="170" y="475"/>
                    <a:pt x="235" y="468"/>
                  </a:cubicBezTo>
                  <a:cubicBezTo>
                    <a:pt x="246" y="467"/>
                    <a:pt x="256" y="466"/>
                    <a:pt x="265" y="461"/>
                  </a:cubicBezTo>
                  <a:cubicBezTo>
                    <a:pt x="281" y="452"/>
                    <a:pt x="279" y="434"/>
                    <a:pt x="281" y="419"/>
                  </a:cubicBezTo>
                  <a:cubicBezTo>
                    <a:pt x="284" y="400"/>
                    <a:pt x="285" y="380"/>
                    <a:pt x="285" y="360"/>
                  </a:cubicBezTo>
                  <a:cubicBezTo>
                    <a:pt x="284" y="320"/>
                    <a:pt x="278" y="279"/>
                    <a:pt x="275" y="239"/>
                  </a:cubicBezTo>
                  <a:cubicBezTo>
                    <a:pt x="272" y="195"/>
                    <a:pt x="265" y="137"/>
                    <a:pt x="248" y="96"/>
                  </a:cubicBezTo>
                  <a:cubicBezTo>
                    <a:pt x="241" y="78"/>
                    <a:pt x="230" y="62"/>
                    <a:pt x="216" y="49"/>
                  </a:cubicBezTo>
                  <a:cubicBezTo>
                    <a:pt x="198" y="32"/>
                    <a:pt x="182" y="28"/>
                    <a:pt x="158" y="23"/>
                  </a:cubicBezTo>
                  <a:cubicBezTo>
                    <a:pt x="157" y="23"/>
                    <a:pt x="156" y="23"/>
                    <a:pt x="155" y="22"/>
                  </a:cubicBezTo>
                  <a:cubicBezTo>
                    <a:pt x="154" y="22"/>
                    <a:pt x="154" y="21"/>
                    <a:pt x="153" y="20"/>
                  </a:cubicBezTo>
                  <a:cubicBezTo>
                    <a:pt x="152" y="15"/>
                    <a:pt x="150" y="10"/>
                    <a:pt x="149" y="6"/>
                  </a:cubicBezTo>
                  <a:cubicBezTo>
                    <a:pt x="148" y="4"/>
                    <a:pt x="148" y="2"/>
                    <a:pt x="146" y="1"/>
                  </a:cubicBezTo>
                  <a:cubicBezTo>
                    <a:pt x="144" y="0"/>
                    <a:pt x="142" y="1"/>
                    <a:pt x="140" y="1"/>
                  </a:cubicBezTo>
                  <a:cubicBezTo>
                    <a:pt x="124" y="5"/>
                    <a:pt x="108" y="8"/>
                    <a:pt x="92" y="12"/>
                  </a:cubicBezTo>
                  <a:cubicBezTo>
                    <a:pt x="93" y="16"/>
                    <a:pt x="94" y="20"/>
                    <a:pt x="93" y="23"/>
                  </a:cubicBezTo>
                  <a:cubicBezTo>
                    <a:pt x="93" y="27"/>
                    <a:pt x="90" y="31"/>
                    <a:pt x="86" y="32"/>
                  </a:cubicBezTo>
                  <a:cubicBezTo>
                    <a:pt x="70" y="38"/>
                    <a:pt x="53" y="51"/>
                    <a:pt x="40" y="63"/>
                  </a:cubicBezTo>
                  <a:cubicBezTo>
                    <a:pt x="30" y="71"/>
                    <a:pt x="24" y="80"/>
                    <a:pt x="20" y="89"/>
                  </a:cubicBezTo>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1" name="íṧ1îḑè">
              <a:extLst>
                <a:ext uri="{FF2B5EF4-FFF2-40B4-BE49-F238E27FC236}">
                  <a16:creationId xmlns:a16="http://schemas.microsoft.com/office/drawing/2014/main" xmlns="" id="{83D11CC7-77C4-4270-A788-CB7780F61534}"/>
                </a:ext>
              </a:extLst>
            </p:cNvPr>
            <p:cNvSpPr/>
            <p:nvPr/>
          </p:nvSpPr>
          <p:spPr bwMode="auto">
            <a:xfrm>
              <a:off x="5262563" y="3822700"/>
              <a:ext cx="639763" cy="904875"/>
            </a:xfrm>
            <a:custGeom>
              <a:avLst/>
              <a:gdLst>
                <a:gd name="T0" fmla="*/ 372 w 394"/>
                <a:gd name="T1" fmla="*/ 239 h 558"/>
                <a:gd name="T2" fmla="*/ 116 w 394"/>
                <a:gd name="T3" fmla="*/ 558 h 558"/>
                <a:gd name="T4" fmla="*/ 22 w 394"/>
                <a:gd name="T5" fmla="*/ 160 h 558"/>
                <a:gd name="T6" fmla="*/ 238 w 394"/>
                <a:gd name="T7" fmla="*/ 22 h 558"/>
                <a:gd name="T8" fmla="*/ 372 w 394"/>
                <a:gd name="T9" fmla="*/ 239 h 558"/>
              </a:gdLst>
              <a:ahLst/>
              <a:cxnLst>
                <a:cxn ang="0">
                  <a:pos x="T0" y="T1"/>
                </a:cxn>
                <a:cxn ang="0">
                  <a:pos x="T2" y="T3"/>
                </a:cxn>
                <a:cxn ang="0">
                  <a:pos x="T4" y="T5"/>
                </a:cxn>
                <a:cxn ang="0">
                  <a:pos x="T6" y="T7"/>
                </a:cxn>
                <a:cxn ang="0">
                  <a:pos x="T8" y="T9"/>
                </a:cxn>
              </a:cxnLst>
              <a:rect l="0" t="0" r="r" b="b"/>
              <a:pathLst>
                <a:path w="394" h="558">
                  <a:moveTo>
                    <a:pt x="372" y="239"/>
                  </a:moveTo>
                  <a:cubicBezTo>
                    <a:pt x="350" y="338"/>
                    <a:pt x="116" y="558"/>
                    <a:pt x="116" y="558"/>
                  </a:cubicBezTo>
                  <a:cubicBezTo>
                    <a:pt x="116" y="558"/>
                    <a:pt x="0" y="259"/>
                    <a:pt x="22" y="160"/>
                  </a:cubicBezTo>
                  <a:cubicBezTo>
                    <a:pt x="45" y="62"/>
                    <a:pt x="141" y="0"/>
                    <a:pt x="238" y="22"/>
                  </a:cubicBezTo>
                  <a:cubicBezTo>
                    <a:pt x="334" y="43"/>
                    <a:pt x="394" y="141"/>
                    <a:pt x="372" y="239"/>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2" name="iṧ1iďé">
              <a:extLst>
                <a:ext uri="{FF2B5EF4-FFF2-40B4-BE49-F238E27FC236}">
                  <a16:creationId xmlns:a16="http://schemas.microsoft.com/office/drawing/2014/main" xmlns="" id="{A41710FD-1353-45DC-9C64-ABD0453EE017}"/>
                </a:ext>
              </a:extLst>
            </p:cNvPr>
            <p:cNvSpPr/>
            <p:nvPr/>
          </p:nvSpPr>
          <p:spPr bwMode="auto">
            <a:xfrm>
              <a:off x="5434013" y="3981450"/>
              <a:ext cx="303213" cy="304800"/>
            </a:xfrm>
            <a:custGeom>
              <a:avLst/>
              <a:gdLst>
                <a:gd name="T0" fmla="*/ 175 w 186"/>
                <a:gd name="T1" fmla="*/ 113 h 188"/>
                <a:gd name="T2" fmla="*/ 74 w 186"/>
                <a:gd name="T3" fmla="*/ 178 h 188"/>
                <a:gd name="T4" fmla="*/ 11 w 186"/>
                <a:gd name="T5" fmla="*/ 75 h 188"/>
                <a:gd name="T6" fmla="*/ 112 w 186"/>
                <a:gd name="T7" fmla="*/ 10 h 188"/>
                <a:gd name="T8" fmla="*/ 175 w 186"/>
                <a:gd name="T9" fmla="*/ 113 h 188"/>
              </a:gdLst>
              <a:ahLst/>
              <a:cxnLst>
                <a:cxn ang="0">
                  <a:pos x="T0" y="T1"/>
                </a:cxn>
                <a:cxn ang="0">
                  <a:pos x="T2" y="T3"/>
                </a:cxn>
                <a:cxn ang="0">
                  <a:pos x="T4" y="T5"/>
                </a:cxn>
                <a:cxn ang="0">
                  <a:pos x="T6" y="T7"/>
                </a:cxn>
                <a:cxn ang="0">
                  <a:pos x="T8" y="T9"/>
                </a:cxn>
              </a:cxnLst>
              <a:rect l="0" t="0" r="r" b="b"/>
              <a:pathLst>
                <a:path w="186" h="188">
                  <a:moveTo>
                    <a:pt x="175" y="113"/>
                  </a:moveTo>
                  <a:cubicBezTo>
                    <a:pt x="165" y="159"/>
                    <a:pt x="120" y="188"/>
                    <a:pt x="74" y="178"/>
                  </a:cubicBezTo>
                  <a:cubicBezTo>
                    <a:pt x="29" y="168"/>
                    <a:pt x="0" y="122"/>
                    <a:pt x="11" y="75"/>
                  </a:cubicBezTo>
                  <a:cubicBezTo>
                    <a:pt x="21" y="29"/>
                    <a:pt x="67" y="0"/>
                    <a:pt x="112" y="10"/>
                  </a:cubicBezTo>
                  <a:cubicBezTo>
                    <a:pt x="157" y="20"/>
                    <a:pt x="186" y="66"/>
                    <a:pt x="175" y="113"/>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3" name="íŝľïďê">
              <a:extLst>
                <a:ext uri="{FF2B5EF4-FFF2-40B4-BE49-F238E27FC236}">
                  <a16:creationId xmlns:a16="http://schemas.microsoft.com/office/drawing/2014/main" xmlns="" id="{3D4FFD12-E650-437B-86B9-BDB7E3548DA4}"/>
                </a:ext>
              </a:extLst>
            </p:cNvPr>
            <p:cNvSpPr/>
            <p:nvPr/>
          </p:nvSpPr>
          <p:spPr bwMode="auto">
            <a:xfrm>
              <a:off x="5316538" y="3886200"/>
              <a:ext cx="503238" cy="366713"/>
            </a:xfrm>
            <a:custGeom>
              <a:avLst/>
              <a:gdLst>
                <a:gd name="T0" fmla="*/ 162 w 310"/>
                <a:gd name="T1" fmla="*/ 0 h 226"/>
                <a:gd name="T2" fmla="*/ 9 w 310"/>
                <a:gd name="T3" fmla="*/ 124 h 226"/>
                <a:gd name="T4" fmla="*/ 19 w 310"/>
                <a:gd name="T5" fmla="*/ 226 h 226"/>
                <a:gd name="T6" fmla="*/ 16 w 310"/>
                <a:gd name="T7" fmla="*/ 144 h 226"/>
                <a:gd name="T8" fmla="*/ 169 w 310"/>
                <a:gd name="T9" fmla="*/ 19 h 226"/>
                <a:gd name="T10" fmla="*/ 203 w 310"/>
                <a:gd name="T11" fmla="*/ 23 h 226"/>
                <a:gd name="T12" fmla="*/ 310 w 310"/>
                <a:gd name="T13" fmla="*/ 111 h 226"/>
                <a:gd name="T14" fmla="*/ 195 w 310"/>
                <a:gd name="T15" fmla="*/ 3 h 226"/>
                <a:gd name="T16" fmla="*/ 162 w 310"/>
                <a:gd name="T17" fmla="*/ 0 h 2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10" h="226">
                  <a:moveTo>
                    <a:pt x="162" y="0"/>
                  </a:moveTo>
                  <a:cubicBezTo>
                    <a:pt x="90" y="0"/>
                    <a:pt x="25" y="50"/>
                    <a:pt x="9" y="124"/>
                  </a:cubicBezTo>
                  <a:cubicBezTo>
                    <a:pt x="0" y="160"/>
                    <a:pt x="5" y="195"/>
                    <a:pt x="19" y="226"/>
                  </a:cubicBezTo>
                  <a:cubicBezTo>
                    <a:pt x="11" y="200"/>
                    <a:pt x="10" y="172"/>
                    <a:pt x="16" y="144"/>
                  </a:cubicBezTo>
                  <a:cubicBezTo>
                    <a:pt x="33" y="70"/>
                    <a:pt x="98" y="19"/>
                    <a:pt x="169" y="19"/>
                  </a:cubicBezTo>
                  <a:cubicBezTo>
                    <a:pt x="180" y="19"/>
                    <a:pt x="191" y="21"/>
                    <a:pt x="203" y="23"/>
                  </a:cubicBezTo>
                  <a:cubicBezTo>
                    <a:pt x="252" y="34"/>
                    <a:pt x="290" y="68"/>
                    <a:pt x="310" y="111"/>
                  </a:cubicBezTo>
                  <a:cubicBezTo>
                    <a:pt x="294" y="59"/>
                    <a:pt x="252" y="16"/>
                    <a:pt x="195" y="3"/>
                  </a:cubicBezTo>
                  <a:cubicBezTo>
                    <a:pt x="184" y="1"/>
                    <a:pt x="173" y="0"/>
                    <a:pt x="162"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4" name="iSľiḑè">
              <a:extLst>
                <a:ext uri="{FF2B5EF4-FFF2-40B4-BE49-F238E27FC236}">
                  <a16:creationId xmlns:a16="http://schemas.microsoft.com/office/drawing/2014/main" xmlns="" id="{FC34B686-708F-45F3-A7B0-FA188DF41AC3}"/>
                </a:ext>
              </a:extLst>
            </p:cNvPr>
            <p:cNvSpPr/>
            <p:nvPr/>
          </p:nvSpPr>
          <p:spPr bwMode="auto">
            <a:xfrm>
              <a:off x="5410201" y="4186238"/>
              <a:ext cx="461963" cy="541338"/>
            </a:xfrm>
            <a:custGeom>
              <a:avLst/>
              <a:gdLst>
                <a:gd name="T0" fmla="*/ 284 w 284"/>
                <a:gd name="T1" fmla="*/ 0 h 334"/>
                <a:gd name="T2" fmla="*/ 237 w 284"/>
                <a:gd name="T3" fmla="*/ 73 h 334"/>
                <a:gd name="T4" fmla="*/ 64 w 284"/>
                <a:gd name="T5" fmla="*/ 215 h 334"/>
                <a:gd name="T6" fmla="*/ 0 w 284"/>
                <a:gd name="T7" fmla="*/ 257 h 334"/>
                <a:gd name="T8" fmla="*/ 25 w 284"/>
                <a:gd name="T9" fmla="*/ 334 h 334"/>
                <a:gd name="T10" fmla="*/ 281 w 284"/>
                <a:gd name="T11" fmla="*/ 15 h 334"/>
                <a:gd name="T12" fmla="*/ 284 w 284"/>
                <a:gd name="T13" fmla="*/ 0 h 334"/>
              </a:gdLst>
              <a:ahLst/>
              <a:cxnLst>
                <a:cxn ang="0">
                  <a:pos x="T0" y="T1"/>
                </a:cxn>
                <a:cxn ang="0">
                  <a:pos x="T2" y="T3"/>
                </a:cxn>
                <a:cxn ang="0">
                  <a:pos x="T4" y="T5"/>
                </a:cxn>
                <a:cxn ang="0">
                  <a:pos x="T6" y="T7"/>
                </a:cxn>
                <a:cxn ang="0">
                  <a:pos x="T8" y="T9"/>
                </a:cxn>
                <a:cxn ang="0">
                  <a:pos x="T10" y="T11"/>
                </a:cxn>
                <a:cxn ang="0">
                  <a:pos x="T12" y="T13"/>
                </a:cxn>
              </a:cxnLst>
              <a:rect l="0" t="0" r="r" b="b"/>
              <a:pathLst>
                <a:path w="284" h="334">
                  <a:moveTo>
                    <a:pt x="284" y="0"/>
                  </a:moveTo>
                  <a:cubicBezTo>
                    <a:pt x="271" y="26"/>
                    <a:pt x="255" y="50"/>
                    <a:pt x="237" y="73"/>
                  </a:cubicBezTo>
                  <a:cubicBezTo>
                    <a:pt x="188" y="136"/>
                    <a:pt x="129" y="170"/>
                    <a:pt x="64" y="215"/>
                  </a:cubicBezTo>
                  <a:cubicBezTo>
                    <a:pt x="43" y="229"/>
                    <a:pt x="22" y="244"/>
                    <a:pt x="0" y="257"/>
                  </a:cubicBezTo>
                  <a:cubicBezTo>
                    <a:pt x="14" y="303"/>
                    <a:pt x="25" y="334"/>
                    <a:pt x="25" y="334"/>
                  </a:cubicBezTo>
                  <a:cubicBezTo>
                    <a:pt x="25" y="334"/>
                    <a:pt x="259" y="114"/>
                    <a:pt x="281" y="15"/>
                  </a:cubicBezTo>
                  <a:cubicBezTo>
                    <a:pt x="282" y="10"/>
                    <a:pt x="283" y="5"/>
                    <a:pt x="284"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5" name="îslîḓè">
              <a:extLst>
                <a:ext uri="{FF2B5EF4-FFF2-40B4-BE49-F238E27FC236}">
                  <a16:creationId xmlns:a16="http://schemas.microsoft.com/office/drawing/2014/main" xmlns="" id="{586C4BD5-BC34-47B4-B26E-37F42EB0194C}"/>
                </a:ext>
              </a:extLst>
            </p:cNvPr>
            <p:cNvSpPr/>
            <p:nvPr/>
          </p:nvSpPr>
          <p:spPr bwMode="auto">
            <a:xfrm>
              <a:off x="5322888" y="4313238"/>
              <a:ext cx="128588" cy="90488"/>
            </a:xfrm>
            <a:custGeom>
              <a:avLst/>
              <a:gdLst>
                <a:gd name="T0" fmla="*/ 22 w 79"/>
                <a:gd name="T1" fmla="*/ 42 h 56"/>
                <a:gd name="T2" fmla="*/ 43 w 79"/>
                <a:gd name="T3" fmla="*/ 53 h 56"/>
                <a:gd name="T4" fmla="*/ 48 w 79"/>
                <a:gd name="T5" fmla="*/ 55 h 56"/>
                <a:gd name="T6" fmla="*/ 55 w 79"/>
                <a:gd name="T7" fmla="*/ 55 h 56"/>
                <a:gd name="T8" fmla="*/ 64 w 79"/>
                <a:gd name="T9" fmla="*/ 52 h 56"/>
                <a:gd name="T10" fmla="*/ 70 w 79"/>
                <a:gd name="T11" fmla="*/ 50 h 56"/>
                <a:gd name="T12" fmla="*/ 78 w 79"/>
                <a:gd name="T13" fmla="*/ 37 h 56"/>
                <a:gd name="T14" fmla="*/ 78 w 79"/>
                <a:gd name="T15" fmla="*/ 33 h 56"/>
                <a:gd name="T16" fmla="*/ 74 w 79"/>
                <a:gd name="T17" fmla="*/ 30 h 56"/>
                <a:gd name="T18" fmla="*/ 61 w 79"/>
                <a:gd name="T19" fmla="*/ 28 h 56"/>
                <a:gd name="T20" fmla="*/ 47 w 79"/>
                <a:gd name="T21" fmla="*/ 19 h 56"/>
                <a:gd name="T22" fmla="*/ 54 w 79"/>
                <a:gd name="T23" fmla="*/ 16 h 56"/>
                <a:gd name="T24" fmla="*/ 59 w 79"/>
                <a:gd name="T25" fmla="*/ 13 h 56"/>
                <a:gd name="T26" fmla="*/ 54 w 79"/>
                <a:gd name="T27" fmla="*/ 7 h 56"/>
                <a:gd name="T28" fmla="*/ 37 w 79"/>
                <a:gd name="T29" fmla="*/ 6 h 56"/>
                <a:gd name="T30" fmla="*/ 8 w 79"/>
                <a:gd name="T31" fmla="*/ 8 h 56"/>
                <a:gd name="T32" fmla="*/ 0 w 79"/>
                <a:gd name="T33" fmla="*/ 24 h 56"/>
                <a:gd name="T34" fmla="*/ 15 w 79"/>
                <a:gd name="T35" fmla="*/ 37 h 56"/>
                <a:gd name="T36" fmla="*/ 22 w 79"/>
                <a:gd name="T37" fmla="*/ 42 h 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79" h="56">
                  <a:moveTo>
                    <a:pt x="22" y="42"/>
                  </a:moveTo>
                  <a:cubicBezTo>
                    <a:pt x="29" y="47"/>
                    <a:pt x="36" y="50"/>
                    <a:pt x="43" y="53"/>
                  </a:cubicBezTo>
                  <a:cubicBezTo>
                    <a:pt x="44" y="54"/>
                    <a:pt x="46" y="55"/>
                    <a:pt x="48" y="55"/>
                  </a:cubicBezTo>
                  <a:cubicBezTo>
                    <a:pt x="50" y="56"/>
                    <a:pt x="53" y="55"/>
                    <a:pt x="55" y="55"/>
                  </a:cubicBezTo>
                  <a:cubicBezTo>
                    <a:pt x="58" y="54"/>
                    <a:pt x="61" y="53"/>
                    <a:pt x="64" y="52"/>
                  </a:cubicBezTo>
                  <a:cubicBezTo>
                    <a:pt x="66" y="52"/>
                    <a:pt x="69" y="51"/>
                    <a:pt x="70" y="50"/>
                  </a:cubicBezTo>
                  <a:cubicBezTo>
                    <a:pt x="75" y="47"/>
                    <a:pt x="77" y="42"/>
                    <a:pt x="78" y="37"/>
                  </a:cubicBezTo>
                  <a:cubicBezTo>
                    <a:pt x="78" y="36"/>
                    <a:pt x="79" y="34"/>
                    <a:pt x="78" y="33"/>
                  </a:cubicBezTo>
                  <a:cubicBezTo>
                    <a:pt x="78" y="32"/>
                    <a:pt x="76" y="30"/>
                    <a:pt x="74" y="30"/>
                  </a:cubicBezTo>
                  <a:cubicBezTo>
                    <a:pt x="69" y="30"/>
                    <a:pt x="67" y="31"/>
                    <a:pt x="61" y="28"/>
                  </a:cubicBezTo>
                  <a:cubicBezTo>
                    <a:pt x="56" y="25"/>
                    <a:pt x="51" y="22"/>
                    <a:pt x="47" y="19"/>
                  </a:cubicBezTo>
                  <a:cubicBezTo>
                    <a:pt x="48" y="17"/>
                    <a:pt x="51" y="17"/>
                    <a:pt x="54" y="16"/>
                  </a:cubicBezTo>
                  <a:cubicBezTo>
                    <a:pt x="56" y="16"/>
                    <a:pt x="58" y="15"/>
                    <a:pt x="59" y="13"/>
                  </a:cubicBezTo>
                  <a:cubicBezTo>
                    <a:pt x="60" y="10"/>
                    <a:pt x="57" y="8"/>
                    <a:pt x="54" y="7"/>
                  </a:cubicBezTo>
                  <a:cubicBezTo>
                    <a:pt x="48" y="5"/>
                    <a:pt x="42" y="7"/>
                    <a:pt x="37" y="6"/>
                  </a:cubicBezTo>
                  <a:cubicBezTo>
                    <a:pt x="28" y="6"/>
                    <a:pt x="14" y="0"/>
                    <a:pt x="8" y="8"/>
                  </a:cubicBezTo>
                  <a:cubicBezTo>
                    <a:pt x="5" y="12"/>
                    <a:pt x="3" y="19"/>
                    <a:pt x="0" y="24"/>
                  </a:cubicBezTo>
                  <a:cubicBezTo>
                    <a:pt x="5" y="29"/>
                    <a:pt x="10" y="33"/>
                    <a:pt x="15" y="37"/>
                  </a:cubicBezTo>
                  <a:cubicBezTo>
                    <a:pt x="17" y="39"/>
                    <a:pt x="20" y="41"/>
                    <a:pt x="22" y="42"/>
                  </a:cubicBezTo>
                  <a:close/>
                </a:path>
              </a:pathLst>
            </a:custGeom>
            <a:solidFill>
              <a:srgbClr val="C67D7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6" name="îSḻiḋé">
              <a:extLst>
                <a:ext uri="{FF2B5EF4-FFF2-40B4-BE49-F238E27FC236}">
                  <a16:creationId xmlns:a16="http://schemas.microsoft.com/office/drawing/2014/main" xmlns="" id="{CF04C4C2-ABD1-488F-8C4D-5913A81B8A51}"/>
                </a:ext>
              </a:extLst>
            </p:cNvPr>
            <p:cNvSpPr/>
            <p:nvPr/>
          </p:nvSpPr>
          <p:spPr bwMode="auto">
            <a:xfrm>
              <a:off x="4968876" y="3895725"/>
              <a:ext cx="385763" cy="479425"/>
            </a:xfrm>
            <a:custGeom>
              <a:avLst/>
              <a:gdLst>
                <a:gd name="T0" fmla="*/ 63 w 238"/>
                <a:gd name="T1" fmla="*/ 60 h 295"/>
                <a:gd name="T2" fmla="*/ 79 w 238"/>
                <a:gd name="T3" fmla="*/ 38 h 295"/>
                <a:gd name="T4" fmla="*/ 129 w 238"/>
                <a:gd name="T5" fmla="*/ 5 h 295"/>
                <a:gd name="T6" fmla="*/ 151 w 238"/>
                <a:gd name="T7" fmla="*/ 54 h 295"/>
                <a:gd name="T8" fmla="*/ 92 w 238"/>
                <a:gd name="T9" fmla="*/ 160 h 295"/>
                <a:gd name="T10" fmla="*/ 238 w 238"/>
                <a:gd name="T11" fmla="*/ 258 h 295"/>
                <a:gd name="T12" fmla="*/ 223 w 238"/>
                <a:gd name="T13" fmla="*/ 285 h 295"/>
                <a:gd name="T14" fmla="*/ 123 w 238"/>
                <a:gd name="T15" fmla="*/ 254 h 295"/>
                <a:gd name="T16" fmla="*/ 8 w 238"/>
                <a:gd name="T17" fmla="*/ 184 h 295"/>
                <a:gd name="T18" fmla="*/ 2 w 238"/>
                <a:gd name="T19" fmla="*/ 176 h 295"/>
                <a:gd name="T20" fmla="*/ 4 w 238"/>
                <a:gd name="T21" fmla="*/ 163 h 295"/>
                <a:gd name="T22" fmla="*/ 63 w 238"/>
                <a:gd name="T23" fmla="*/ 60 h 2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38" h="295">
                  <a:moveTo>
                    <a:pt x="63" y="60"/>
                  </a:moveTo>
                  <a:cubicBezTo>
                    <a:pt x="69" y="53"/>
                    <a:pt x="74" y="45"/>
                    <a:pt x="79" y="38"/>
                  </a:cubicBezTo>
                  <a:cubicBezTo>
                    <a:pt x="91" y="22"/>
                    <a:pt x="108" y="0"/>
                    <a:pt x="129" y="5"/>
                  </a:cubicBezTo>
                  <a:cubicBezTo>
                    <a:pt x="154" y="10"/>
                    <a:pt x="157" y="34"/>
                    <a:pt x="151" y="54"/>
                  </a:cubicBezTo>
                  <a:cubicBezTo>
                    <a:pt x="145" y="76"/>
                    <a:pt x="98" y="138"/>
                    <a:pt x="92" y="160"/>
                  </a:cubicBezTo>
                  <a:cubicBezTo>
                    <a:pt x="92" y="160"/>
                    <a:pt x="183" y="221"/>
                    <a:pt x="238" y="258"/>
                  </a:cubicBezTo>
                  <a:cubicBezTo>
                    <a:pt x="234" y="265"/>
                    <a:pt x="231" y="280"/>
                    <a:pt x="223" y="285"/>
                  </a:cubicBezTo>
                  <a:cubicBezTo>
                    <a:pt x="205" y="295"/>
                    <a:pt x="141" y="262"/>
                    <a:pt x="123" y="254"/>
                  </a:cubicBezTo>
                  <a:cubicBezTo>
                    <a:pt x="82" y="237"/>
                    <a:pt x="43" y="213"/>
                    <a:pt x="8" y="184"/>
                  </a:cubicBezTo>
                  <a:cubicBezTo>
                    <a:pt x="6" y="182"/>
                    <a:pt x="3" y="180"/>
                    <a:pt x="2" y="176"/>
                  </a:cubicBezTo>
                  <a:cubicBezTo>
                    <a:pt x="0" y="172"/>
                    <a:pt x="2" y="167"/>
                    <a:pt x="4" y="163"/>
                  </a:cubicBezTo>
                  <a:cubicBezTo>
                    <a:pt x="21" y="127"/>
                    <a:pt x="41" y="93"/>
                    <a:pt x="63" y="60"/>
                  </a:cubicBez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7" name="íṡḻïḑe">
              <a:extLst>
                <a:ext uri="{FF2B5EF4-FFF2-40B4-BE49-F238E27FC236}">
                  <a16:creationId xmlns:a16="http://schemas.microsoft.com/office/drawing/2014/main" xmlns="" id="{220CEBFA-8172-4892-9107-54727201F74C}"/>
                </a:ext>
              </a:extLst>
            </p:cNvPr>
            <p:cNvSpPr/>
            <p:nvPr/>
          </p:nvSpPr>
          <p:spPr bwMode="auto">
            <a:xfrm>
              <a:off x="5638801" y="4437063"/>
              <a:ext cx="92075" cy="123825"/>
            </a:xfrm>
            <a:custGeom>
              <a:avLst/>
              <a:gdLst>
                <a:gd name="T0" fmla="*/ 40 w 56"/>
                <a:gd name="T1" fmla="*/ 70 h 76"/>
                <a:gd name="T2" fmla="*/ 22 w 56"/>
                <a:gd name="T3" fmla="*/ 73 h 76"/>
                <a:gd name="T4" fmla="*/ 12 w 56"/>
                <a:gd name="T5" fmla="*/ 62 h 76"/>
                <a:gd name="T6" fmla="*/ 4 w 56"/>
                <a:gd name="T7" fmla="*/ 40 h 76"/>
                <a:gd name="T8" fmla="*/ 36 w 56"/>
                <a:gd name="T9" fmla="*/ 13 h 76"/>
                <a:gd name="T10" fmla="*/ 40 w 56"/>
                <a:gd name="T11" fmla="*/ 70 h 76"/>
              </a:gdLst>
              <a:ahLst/>
              <a:cxnLst>
                <a:cxn ang="0">
                  <a:pos x="T0" y="T1"/>
                </a:cxn>
                <a:cxn ang="0">
                  <a:pos x="T2" y="T3"/>
                </a:cxn>
                <a:cxn ang="0">
                  <a:pos x="T4" y="T5"/>
                </a:cxn>
                <a:cxn ang="0">
                  <a:pos x="T6" y="T7"/>
                </a:cxn>
                <a:cxn ang="0">
                  <a:pos x="T8" y="T9"/>
                </a:cxn>
                <a:cxn ang="0">
                  <a:pos x="T10" y="T11"/>
                </a:cxn>
              </a:cxnLst>
              <a:rect l="0" t="0" r="r" b="b"/>
              <a:pathLst>
                <a:path w="56" h="76">
                  <a:moveTo>
                    <a:pt x="40" y="70"/>
                  </a:moveTo>
                  <a:cubicBezTo>
                    <a:pt x="35" y="74"/>
                    <a:pt x="27" y="76"/>
                    <a:pt x="22" y="73"/>
                  </a:cubicBezTo>
                  <a:cubicBezTo>
                    <a:pt x="17" y="71"/>
                    <a:pt x="15" y="67"/>
                    <a:pt x="12" y="62"/>
                  </a:cubicBezTo>
                  <a:cubicBezTo>
                    <a:pt x="9" y="55"/>
                    <a:pt x="6" y="48"/>
                    <a:pt x="4" y="40"/>
                  </a:cubicBezTo>
                  <a:cubicBezTo>
                    <a:pt x="0" y="20"/>
                    <a:pt x="16" y="0"/>
                    <a:pt x="36" y="13"/>
                  </a:cubicBezTo>
                  <a:cubicBezTo>
                    <a:pt x="53" y="25"/>
                    <a:pt x="56" y="57"/>
                    <a:pt x="40" y="70"/>
                  </a:cubicBez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8" name="ïṥļîḋé">
              <a:extLst>
                <a:ext uri="{FF2B5EF4-FFF2-40B4-BE49-F238E27FC236}">
                  <a16:creationId xmlns:a16="http://schemas.microsoft.com/office/drawing/2014/main" xmlns="" id="{9369E930-520D-4545-8D37-DEA88907CE01}"/>
                </a:ext>
              </a:extLst>
            </p:cNvPr>
            <p:cNvSpPr/>
            <p:nvPr/>
          </p:nvSpPr>
          <p:spPr bwMode="auto">
            <a:xfrm>
              <a:off x="5597526" y="4468813"/>
              <a:ext cx="104775" cy="90488"/>
            </a:xfrm>
            <a:custGeom>
              <a:avLst/>
              <a:gdLst>
                <a:gd name="T0" fmla="*/ 15 w 65"/>
                <a:gd name="T1" fmla="*/ 52 h 56"/>
                <a:gd name="T2" fmla="*/ 2 w 65"/>
                <a:gd name="T3" fmla="*/ 42 h 56"/>
                <a:gd name="T4" fmla="*/ 3 w 65"/>
                <a:gd name="T5" fmla="*/ 23 h 56"/>
                <a:gd name="T6" fmla="*/ 16 w 65"/>
                <a:gd name="T7" fmla="*/ 19 h 56"/>
                <a:gd name="T8" fmla="*/ 28 w 65"/>
                <a:gd name="T9" fmla="*/ 22 h 56"/>
                <a:gd name="T10" fmla="*/ 21 w 65"/>
                <a:gd name="T11" fmla="*/ 9 h 56"/>
                <a:gd name="T12" fmla="*/ 22 w 65"/>
                <a:gd name="T13" fmla="*/ 2 h 56"/>
                <a:gd name="T14" fmla="*/ 24 w 65"/>
                <a:gd name="T15" fmla="*/ 0 h 56"/>
                <a:gd name="T16" fmla="*/ 25 w 65"/>
                <a:gd name="T17" fmla="*/ 0 h 56"/>
                <a:gd name="T18" fmla="*/ 55 w 65"/>
                <a:gd name="T19" fmla="*/ 12 h 56"/>
                <a:gd name="T20" fmla="*/ 56 w 65"/>
                <a:gd name="T21" fmla="*/ 43 h 56"/>
                <a:gd name="T22" fmla="*/ 17 w 65"/>
                <a:gd name="T23" fmla="*/ 52 h 56"/>
                <a:gd name="T24" fmla="*/ 15 w 65"/>
                <a:gd name="T25" fmla="*/ 52 h 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5" h="56">
                  <a:moveTo>
                    <a:pt x="15" y="52"/>
                  </a:moveTo>
                  <a:cubicBezTo>
                    <a:pt x="10" y="50"/>
                    <a:pt x="4" y="47"/>
                    <a:pt x="2" y="42"/>
                  </a:cubicBezTo>
                  <a:cubicBezTo>
                    <a:pt x="0" y="36"/>
                    <a:pt x="2" y="28"/>
                    <a:pt x="3" y="23"/>
                  </a:cubicBezTo>
                  <a:cubicBezTo>
                    <a:pt x="5" y="17"/>
                    <a:pt x="11" y="18"/>
                    <a:pt x="16" y="19"/>
                  </a:cubicBezTo>
                  <a:cubicBezTo>
                    <a:pt x="20" y="21"/>
                    <a:pt x="24" y="22"/>
                    <a:pt x="28" y="22"/>
                  </a:cubicBezTo>
                  <a:cubicBezTo>
                    <a:pt x="28" y="16"/>
                    <a:pt x="22" y="14"/>
                    <a:pt x="21" y="9"/>
                  </a:cubicBezTo>
                  <a:cubicBezTo>
                    <a:pt x="21" y="6"/>
                    <a:pt x="22" y="4"/>
                    <a:pt x="22" y="2"/>
                  </a:cubicBezTo>
                  <a:cubicBezTo>
                    <a:pt x="23" y="1"/>
                    <a:pt x="23" y="0"/>
                    <a:pt x="24" y="0"/>
                  </a:cubicBezTo>
                  <a:cubicBezTo>
                    <a:pt x="24" y="0"/>
                    <a:pt x="25" y="0"/>
                    <a:pt x="25" y="0"/>
                  </a:cubicBezTo>
                  <a:cubicBezTo>
                    <a:pt x="35" y="6"/>
                    <a:pt x="46" y="4"/>
                    <a:pt x="55" y="12"/>
                  </a:cubicBezTo>
                  <a:cubicBezTo>
                    <a:pt x="65" y="21"/>
                    <a:pt x="65" y="33"/>
                    <a:pt x="56" y="43"/>
                  </a:cubicBezTo>
                  <a:cubicBezTo>
                    <a:pt x="46" y="53"/>
                    <a:pt x="29" y="56"/>
                    <a:pt x="17" y="52"/>
                  </a:cubicBezTo>
                  <a:cubicBezTo>
                    <a:pt x="16" y="52"/>
                    <a:pt x="15" y="52"/>
                    <a:pt x="15" y="52"/>
                  </a:cubicBezTo>
                  <a:close/>
                </a:path>
              </a:pathLst>
            </a:custGeom>
            <a:solidFill>
              <a:srgbClr val="C67D7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69" name="ïSḷíḍè">
              <a:extLst>
                <a:ext uri="{FF2B5EF4-FFF2-40B4-BE49-F238E27FC236}">
                  <a16:creationId xmlns:a16="http://schemas.microsoft.com/office/drawing/2014/main" xmlns="" id="{676A75F8-5FC5-431B-ABAF-D4ECB9BD0AAE}"/>
                </a:ext>
              </a:extLst>
            </p:cNvPr>
            <p:cNvSpPr/>
            <p:nvPr/>
          </p:nvSpPr>
          <p:spPr bwMode="auto">
            <a:xfrm>
              <a:off x="6176963" y="3394075"/>
              <a:ext cx="101600" cy="149225"/>
            </a:xfrm>
            <a:custGeom>
              <a:avLst/>
              <a:gdLst>
                <a:gd name="T0" fmla="*/ 59 w 62"/>
                <a:gd name="T1" fmla="*/ 57 h 92"/>
                <a:gd name="T2" fmla="*/ 53 w 62"/>
                <a:gd name="T3" fmla="*/ 37 h 92"/>
                <a:gd name="T4" fmla="*/ 54 w 62"/>
                <a:gd name="T5" fmla="*/ 20 h 92"/>
                <a:gd name="T6" fmla="*/ 45 w 62"/>
                <a:gd name="T7" fmla="*/ 0 h 92"/>
                <a:gd name="T8" fmla="*/ 33 w 62"/>
                <a:gd name="T9" fmla="*/ 15 h 92"/>
                <a:gd name="T10" fmla="*/ 36 w 62"/>
                <a:gd name="T11" fmla="*/ 21 h 92"/>
                <a:gd name="T12" fmla="*/ 32 w 62"/>
                <a:gd name="T13" fmla="*/ 33 h 92"/>
                <a:gd name="T14" fmla="*/ 7 w 62"/>
                <a:gd name="T15" fmla="*/ 52 h 92"/>
                <a:gd name="T16" fmla="*/ 2 w 62"/>
                <a:gd name="T17" fmla="*/ 56 h 92"/>
                <a:gd name="T18" fmla="*/ 1 w 62"/>
                <a:gd name="T19" fmla="*/ 63 h 92"/>
                <a:gd name="T20" fmla="*/ 9 w 62"/>
                <a:gd name="T21" fmla="*/ 66 h 92"/>
                <a:gd name="T22" fmla="*/ 40 w 62"/>
                <a:gd name="T23" fmla="*/ 90 h 92"/>
                <a:gd name="T24" fmla="*/ 61 w 62"/>
                <a:gd name="T25" fmla="*/ 68 h 92"/>
                <a:gd name="T26" fmla="*/ 59 w 62"/>
                <a:gd name="T27" fmla="*/ 57 h 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62" h="92">
                  <a:moveTo>
                    <a:pt x="59" y="57"/>
                  </a:moveTo>
                  <a:cubicBezTo>
                    <a:pt x="58" y="50"/>
                    <a:pt x="54" y="43"/>
                    <a:pt x="53" y="37"/>
                  </a:cubicBezTo>
                  <a:cubicBezTo>
                    <a:pt x="52" y="31"/>
                    <a:pt x="55" y="25"/>
                    <a:pt x="54" y="20"/>
                  </a:cubicBezTo>
                  <a:cubicBezTo>
                    <a:pt x="54" y="14"/>
                    <a:pt x="53" y="0"/>
                    <a:pt x="45" y="0"/>
                  </a:cubicBezTo>
                  <a:cubicBezTo>
                    <a:pt x="38" y="0"/>
                    <a:pt x="32" y="8"/>
                    <a:pt x="33" y="15"/>
                  </a:cubicBezTo>
                  <a:cubicBezTo>
                    <a:pt x="33" y="18"/>
                    <a:pt x="36" y="18"/>
                    <a:pt x="36" y="21"/>
                  </a:cubicBezTo>
                  <a:cubicBezTo>
                    <a:pt x="38" y="26"/>
                    <a:pt x="35" y="30"/>
                    <a:pt x="32" y="33"/>
                  </a:cubicBezTo>
                  <a:cubicBezTo>
                    <a:pt x="25" y="41"/>
                    <a:pt x="15" y="46"/>
                    <a:pt x="7" y="52"/>
                  </a:cubicBezTo>
                  <a:cubicBezTo>
                    <a:pt x="5" y="53"/>
                    <a:pt x="3" y="55"/>
                    <a:pt x="2" y="56"/>
                  </a:cubicBezTo>
                  <a:cubicBezTo>
                    <a:pt x="1" y="58"/>
                    <a:pt x="0" y="61"/>
                    <a:pt x="1" y="63"/>
                  </a:cubicBezTo>
                  <a:cubicBezTo>
                    <a:pt x="3" y="65"/>
                    <a:pt x="6" y="65"/>
                    <a:pt x="9" y="66"/>
                  </a:cubicBezTo>
                  <a:cubicBezTo>
                    <a:pt x="24" y="68"/>
                    <a:pt x="26" y="86"/>
                    <a:pt x="40" y="90"/>
                  </a:cubicBezTo>
                  <a:cubicBezTo>
                    <a:pt x="50" y="92"/>
                    <a:pt x="62" y="79"/>
                    <a:pt x="61" y="68"/>
                  </a:cubicBezTo>
                  <a:cubicBezTo>
                    <a:pt x="61" y="64"/>
                    <a:pt x="60" y="60"/>
                    <a:pt x="59" y="57"/>
                  </a:cubicBezTo>
                  <a:close/>
                </a:path>
              </a:pathLst>
            </a:custGeom>
            <a:solidFill>
              <a:srgbClr val="EFBFA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0" name="islîdè">
              <a:extLst>
                <a:ext uri="{FF2B5EF4-FFF2-40B4-BE49-F238E27FC236}">
                  <a16:creationId xmlns:a16="http://schemas.microsoft.com/office/drawing/2014/main" xmlns="" id="{1F8CC436-6F76-4AB3-9FAC-563F6B88B5CF}"/>
                </a:ext>
              </a:extLst>
            </p:cNvPr>
            <p:cNvSpPr/>
            <p:nvPr/>
          </p:nvSpPr>
          <p:spPr bwMode="auto">
            <a:xfrm>
              <a:off x="6189663" y="3486150"/>
              <a:ext cx="533400" cy="719138"/>
            </a:xfrm>
            <a:custGeom>
              <a:avLst/>
              <a:gdLst>
                <a:gd name="T0" fmla="*/ 137 w 328"/>
                <a:gd name="T1" fmla="*/ 133 h 443"/>
                <a:gd name="T2" fmla="*/ 129 w 328"/>
                <a:gd name="T3" fmla="*/ 117 h 443"/>
                <a:gd name="T4" fmla="*/ 95 w 328"/>
                <a:gd name="T5" fmla="*/ 63 h 443"/>
                <a:gd name="T6" fmla="*/ 67 w 328"/>
                <a:gd name="T7" fmla="*/ 15 h 443"/>
                <a:gd name="T8" fmla="*/ 17 w 328"/>
                <a:gd name="T9" fmla="*/ 23 h 443"/>
                <a:gd name="T10" fmla="*/ 11 w 328"/>
                <a:gd name="T11" fmla="*/ 53 h 443"/>
                <a:gd name="T12" fmla="*/ 203 w 328"/>
                <a:gd name="T13" fmla="*/ 404 h 443"/>
                <a:gd name="T14" fmla="*/ 216 w 328"/>
                <a:gd name="T15" fmla="*/ 415 h 443"/>
                <a:gd name="T16" fmla="*/ 328 w 328"/>
                <a:gd name="T17" fmla="*/ 260 h 443"/>
                <a:gd name="T18" fmla="*/ 326 w 328"/>
                <a:gd name="T19" fmla="*/ 253 h 443"/>
                <a:gd name="T20" fmla="*/ 320 w 328"/>
                <a:gd name="T21" fmla="*/ 248 h 443"/>
                <a:gd name="T22" fmla="*/ 194 w 328"/>
                <a:gd name="T23" fmla="*/ 205 h 443"/>
                <a:gd name="T24" fmla="*/ 137 w 328"/>
                <a:gd name="T25" fmla="*/ 133 h 4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28" h="443">
                  <a:moveTo>
                    <a:pt x="137" y="133"/>
                  </a:moveTo>
                  <a:cubicBezTo>
                    <a:pt x="134" y="128"/>
                    <a:pt x="131" y="122"/>
                    <a:pt x="129" y="117"/>
                  </a:cubicBezTo>
                  <a:cubicBezTo>
                    <a:pt x="119" y="98"/>
                    <a:pt x="106" y="80"/>
                    <a:pt x="95" y="63"/>
                  </a:cubicBezTo>
                  <a:cubicBezTo>
                    <a:pt x="85" y="48"/>
                    <a:pt x="80" y="27"/>
                    <a:pt x="67" y="15"/>
                  </a:cubicBezTo>
                  <a:cubicBezTo>
                    <a:pt x="52" y="0"/>
                    <a:pt x="34" y="16"/>
                    <a:pt x="17" y="23"/>
                  </a:cubicBezTo>
                  <a:cubicBezTo>
                    <a:pt x="0" y="30"/>
                    <a:pt x="4" y="36"/>
                    <a:pt x="11" y="53"/>
                  </a:cubicBezTo>
                  <a:cubicBezTo>
                    <a:pt x="68" y="181"/>
                    <a:pt x="106" y="303"/>
                    <a:pt x="203" y="404"/>
                  </a:cubicBezTo>
                  <a:cubicBezTo>
                    <a:pt x="207" y="408"/>
                    <a:pt x="211" y="412"/>
                    <a:pt x="216" y="415"/>
                  </a:cubicBezTo>
                  <a:cubicBezTo>
                    <a:pt x="275" y="443"/>
                    <a:pt x="327" y="296"/>
                    <a:pt x="328" y="260"/>
                  </a:cubicBezTo>
                  <a:cubicBezTo>
                    <a:pt x="328" y="258"/>
                    <a:pt x="328" y="255"/>
                    <a:pt x="326" y="253"/>
                  </a:cubicBezTo>
                  <a:cubicBezTo>
                    <a:pt x="325" y="251"/>
                    <a:pt x="323" y="249"/>
                    <a:pt x="320" y="248"/>
                  </a:cubicBezTo>
                  <a:cubicBezTo>
                    <a:pt x="279" y="231"/>
                    <a:pt x="231" y="230"/>
                    <a:pt x="194" y="205"/>
                  </a:cubicBezTo>
                  <a:cubicBezTo>
                    <a:pt x="168" y="187"/>
                    <a:pt x="152" y="161"/>
                    <a:pt x="137" y="133"/>
                  </a:cubicBezTo>
                  <a:close/>
                </a:path>
              </a:pathLst>
            </a:custGeom>
            <a:solidFill>
              <a:srgbClr val="EBB0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1" name="iṡḻïḑê">
              <a:extLst>
                <a:ext uri="{FF2B5EF4-FFF2-40B4-BE49-F238E27FC236}">
                  <a16:creationId xmlns:a16="http://schemas.microsoft.com/office/drawing/2014/main" xmlns="" id="{0AF1C7B0-32DD-4D34-82B4-55AAFD695CD6}"/>
                </a:ext>
              </a:extLst>
            </p:cNvPr>
            <p:cNvSpPr/>
            <p:nvPr/>
          </p:nvSpPr>
          <p:spPr bwMode="auto">
            <a:xfrm>
              <a:off x="6699251" y="5530850"/>
              <a:ext cx="174625" cy="104775"/>
            </a:xfrm>
            <a:custGeom>
              <a:avLst/>
              <a:gdLst>
                <a:gd name="T0" fmla="*/ 107 w 108"/>
                <a:gd name="T1" fmla="*/ 23 h 64"/>
                <a:gd name="T2" fmla="*/ 103 w 108"/>
                <a:gd name="T3" fmla="*/ 14 h 64"/>
                <a:gd name="T4" fmla="*/ 99 w 108"/>
                <a:gd name="T5" fmla="*/ 11 h 64"/>
                <a:gd name="T6" fmla="*/ 86 w 108"/>
                <a:gd name="T7" fmla="*/ 1 h 64"/>
                <a:gd name="T8" fmla="*/ 56 w 108"/>
                <a:gd name="T9" fmla="*/ 4 h 64"/>
                <a:gd name="T10" fmla="*/ 55 w 108"/>
                <a:gd name="T11" fmla="*/ 4 h 64"/>
                <a:gd name="T12" fmla="*/ 55 w 108"/>
                <a:gd name="T13" fmla="*/ 6 h 64"/>
                <a:gd name="T14" fmla="*/ 53 w 108"/>
                <a:gd name="T15" fmla="*/ 16 h 64"/>
                <a:gd name="T16" fmla="*/ 36 w 108"/>
                <a:gd name="T17" fmla="*/ 30 h 64"/>
                <a:gd name="T18" fmla="*/ 31 w 108"/>
                <a:gd name="T19" fmla="*/ 33 h 64"/>
                <a:gd name="T20" fmla="*/ 11 w 108"/>
                <a:gd name="T21" fmla="*/ 57 h 64"/>
                <a:gd name="T22" fmla="*/ 29 w 108"/>
                <a:gd name="T23" fmla="*/ 63 h 64"/>
                <a:gd name="T24" fmla="*/ 47 w 108"/>
                <a:gd name="T25" fmla="*/ 62 h 64"/>
                <a:gd name="T26" fmla="*/ 102 w 108"/>
                <a:gd name="T27" fmla="*/ 47 h 64"/>
                <a:gd name="T28" fmla="*/ 108 w 108"/>
                <a:gd name="T29" fmla="*/ 28 h 64"/>
                <a:gd name="T30" fmla="*/ 107 w 108"/>
                <a:gd name="T31" fmla="*/ 23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8" h="64">
                  <a:moveTo>
                    <a:pt x="107" y="23"/>
                  </a:moveTo>
                  <a:cubicBezTo>
                    <a:pt x="106" y="19"/>
                    <a:pt x="105" y="16"/>
                    <a:pt x="103" y="14"/>
                  </a:cubicBezTo>
                  <a:cubicBezTo>
                    <a:pt x="101" y="13"/>
                    <a:pt x="100" y="12"/>
                    <a:pt x="99" y="11"/>
                  </a:cubicBezTo>
                  <a:cubicBezTo>
                    <a:pt x="93" y="5"/>
                    <a:pt x="94" y="0"/>
                    <a:pt x="86" y="1"/>
                  </a:cubicBezTo>
                  <a:cubicBezTo>
                    <a:pt x="76" y="2"/>
                    <a:pt x="66" y="3"/>
                    <a:pt x="56" y="4"/>
                  </a:cubicBezTo>
                  <a:cubicBezTo>
                    <a:pt x="56" y="4"/>
                    <a:pt x="56" y="4"/>
                    <a:pt x="55" y="4"/>
                  </a:cubicBezTo>
                  <a:cubicBezTo>
                    <a:pt x="55" y="5"/>
                    <a:pt x="55" y="5"/>
                    <a:pt x="55" y="6"/>
                  </a:cubicBezTo>
                  <a:cubicBezTo>
                    <a:pt x="54" y="9"/>
                    <a:pt x="54" y="13"/>
                    <a:pt x="53" y="16"/>
                  </a:cubicBezTo>
                  <a:cubicBezTo>
                    <a:pt x="51" y="25"/>
                    <a:pt x="43" y="27"/>
                    <a:pt x="36" y="30"/>
                  </a:cubicBezTo>
                  <a:cubicBezTo>
                    <a:pt x="35" y="31"/>
                    <a:pt x="33" y="32"/>
                    <a:pt x="31" y="33"/>
                  </a:cubicBezTo>
                  <a:cubicBezTo>
                    <a:pt x="23" y="37"/>
                    <a:pt x="0" y="44"/>
                    <a:pt x="11" y="57"/>
                  </a:cubicBezTo>
                  <a:cubicBezTo>
                    <a:pt x="15" y="62"/>
                    <a:pt x="23" y="62"/>
                    <a:pt x="29" y="63"/>
                  </a:cubicBezTo>
                  <a:cubicBezTo>
                    <a:pt x="35" y="64"/>
                    <a:pt x="41" y="63"/>
                    <a:pt x="47" y="62"/>
                  </a:cubicBezTo>
                  <a:cubicBezTo>
                    <a:pt x="66" y="60"/>
                    <a:pt x="84" y="55"/>
                    <a:pt x="102" y="47"/>
                  </a:cubicBezTo>
                  <a:cubicBezTo>
                    <a:pt x="108" y="44"/>
                    <a:pt x="108" y="34"/>
                    <a:pt x="108" y="28"/>
                  </a:cubicBezTo>
                  <a:cubicBezTo>
                    <a:pt x="108" y="26"/>
                    <a:pt x="108" y="24"/>
                    <a:pt x="107" y="23"/>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2" name="îsľïḑè">
              <a:extLst>
                <a:ext uri="{FF2B5EF4-FFF2-40B4-BE49-F238E27FC236}">
                  <a16:creationId xmlns:a16="http://schemas.microsoft.com/office/drawing/2014/main" xmlns="" id="{79A68C09-FE95-4035-A881-29EBA96A6A11}"/>
                </a:ext>
              </a:extLst>
            </p:cNvPr>
            <p:cNvSpPr/>
            <p:nvPr/>
          </p:nvSpPr>
          <p:spPr bwMode="auto">
            <a:xfrm>
              <a:off x="6607176" y="4611688"/>
              <a:ext cx="295275" cy="942975"/>
            </a:xfrm>
            <a:custGeom>
              <a:avLst/>
              <a:gdLst>
                <a:gd name="T0" fmla="*/ 169 w 186"/>
                <a:gd name="T1" fmla="*/ 0 h 594"/>
                <a:gd name="T2" fmla="*/ 186 w 186"/>
                <a:gd name="T3" fmla="*/ 78 h 594"/>
                <a:gd name="T4" fmla="*/ 153 w 186"/>
                <a:gd name="T5" fmla="*/ 297 h 594"/>
                <a:gd name="T6" fmla="*/ 164 w 186"/>
                <a:gd name="T7" fmla="*/ 592 h 594"/>
                <a:gd name="T8" fmla="*/ 106 w 186"/>
                <a:gd name="T9" fmla="*/ 594 h 594"/>
                <a:gd name="T10" fmla="*/ 44 w 186"/>
                <a:gd name="T11" fmla="*/ 310 h 594"/>
                <a:gd name="T12" fmla="*/ 0 w 186"/>
                <a:gd name="T13" fmla="*/ 0 h 594"/>
                <a:gd name="T14" fmla="*/ 169 w 186"/>
                <a:gd name="T15" fmla="*/ 0 h 59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6" h="594">
                  <a:moveTo>
                    <a:pt x="169" y="0"/>
                  </a:moveTo>
                  <a:lnTo>
                    <a:pt x="186" y="78"/>
                  </a:lnTo>
                  <a:lnTo>
                    <a:pt x="153" y="297"/>
                  </a:lnTo>
                  <a:lnTo>
                    <a:pt x="164" y="592"/>
                  </a:lnTo>
                  <a:lnTo>
                    <a:pt x="106" y="594"/>
                  </a:lnTo>
                  <a:lnTo>
                    <a:pt x="44" y="310"/>
                  </a:lnTo>
                  <a:lnTo>
                    <a:pt x="0" y="0"/>
                  </a:lnTo>
                  <a:lnTo>
                    <a:pt x="169" y="0"/>
                  </a:ln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3" name="isľíḋê">
              <a:extLst>
                <a:ext uri="{FF2B5EF4-FFF2-40B4-BE49-F238E27FC236}">
                  <a16:creationId xmlns:a16="http://schemas.microsoft.com/office/drawing/2014/main" xmlns="" id="{DA09007C-2F0D-42CC-B460-BE2DFE9A6175}"/>
                </a:ext>
              </a:extLst>
            </p:cNvPr>
            <p:cNvSpPr/>
            <p:nvPr/>
          </p:nvSpPr>
          <p:spPr bwMode="auto">
            <a:xfrm>
              <a:off x="6265863" y="5534025"/>
              <a:ext cx="177800" cy="93663"/>
            </a:xfrm>
            <a:custGeom>
              <a:avLst/>
              <a:gdLst>
                <a:gd name="T0" fmla="*/ 109 w 109"/>
                <a:gd name="T1" fmla="*/ 31 h 57"/>
                <a:gd name="T2" fmla="*/ 107 w 109"/>
                <a:gd name="T3" fmla="*/ 21 h 57"/>
                <a:gd name="T4" fmla="*/ 104 w 109"/>
                <a:gd name="T5" fmla="*/ 17 h 57"/>
                <a:gd name="T6" fmla="*/ 94 w 109"/>
                <a:gd name="T7" fmla="*/ 4 h 57"/>
                <a:gd name="T8" fmla="*/ 64 w 109"/>
                <a:gd name="T9" fmla="*/ 0 h 57"/>
                <a:gd name="T10" fmla="*/ 63 w 109"/>
                <a:gd name="T11" fmla="*/ 1 h 57"/>
                <a:gd name="T12" fmla="*/ 62 w 109"/>
                <a:gd name="T13" fmla="*/ 2 h 57"/>
                <a:gd name="T14" fmla="*/ 58 w 109"/>
                <a:gd name="T15" fmla="*/ 11 h 57"/>
                <a:gd name="T16" fmla="*/ 39 w 109"/>
                <a:gd name="T17" fmla="*/ 21 h 57"/>
                <a:gd name="T18" fmla="*/ 33 w 109"/>
                <a:gd name="T19" fmla="*/ 22 h 57"/>
                <a:gd name="T20" fmla="*/ 7 w 109"/>
                <a:gd name="T21" fmla="*/ 41 h 57"/>
                <a:gd name="T22" fmla="*/ 24 w 109"/>
                <a:gd name="T23" fmla="*/ 51 h 57"/>
                <a:gd name="T24" fmla="*/ 42 w 109"/>
                <a:gd name="T25" fmla="*/ 55 h 57"/>
                <a:gd name="T26" fmla="*/ 98 w 109"/>
                <a:gd name="T27" fmla="*/ 53 h 57"/>
                <a:gd name="T28" fmla="*/ 109 w 109"/>
                <a:gd name="T29" fmla="*/ 36 h 57"/>
                <a:gd name="T30" fmla="*/ 109 w 109"/>
                <a:gd name="T31" fmla="*/ 31 h 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9" h="57">
                  <a:moveTo>
                    <a:pt x="109" y="31"/>
                  </a:moveTo>
                  <a:cubicBezTo>
                    <a:pt x="109" y="27"/>
                    <a:pt x="109" y="24"/>
                    <a:pt x="107" y="21"/>
                  </a:cubicBezTo>
                  <a:cubicBezTo>
                    <a:pt x="106" y="20"/>
                    <a:pt x="105" y="19"/>
                    <a:pt x="104" y="17"/>
                  </a:cubicBezTo>
                  <a:cubicBezTo>
                    <a:pt x="100" y="10"/>
                    <a:pt x="102" y="6"/>
                    <a:pt x="94" y="4"/>
                  </a:cubicBezTo>
                  <a:cubicBezTo>
                    <a:pt x="84" y="3"/>
                    <a:pt x="74" y="2"/>
                    <a:pt x="64" y="0"/>
                  </a:cubicBezTo>
                  <a:cubicBezTo>
                    <a:pt x="64" y="0"/>
                    <a:pt x="64" y="0"/>
                    <a:pt x="63" y="1"/>
                  </a:cubicBezTo>
                  <a:cubicBezTo>
                    <a:pt x="63" y="1"/>
                    <a:pt x="63" y="1"/>
                    <a:pt x="62" y="2"/>
                  </a:cubicBezTo>
                  <a:cubicBezTo>
                    <a:pt x="61" y="5"/>
                    <a:pt x="60" y="8"/>
                    <a:pt x="58" y="11"/>
                  </a:cubicBezTo>
                  <a:cubicBezTo>
                    <a:pt x="55" y="19"/>
                    <a:pt x="46" y="20"/>
                    <a:pt x="39" y="21"/>
                  </a:cubicBezTo>
                  <a:cubicBezTo>
                    <a:pt x="37" y="22"/>
                    <a:pt x="35" y="22"/>
                    <a:pt x="33" y="22"/>
                  </a:cubicBezTo>
                  <a:cubicBezTo>
                    <a:pt x="24" y="24"/>
                    <a:pt x="0" y="26"/>
                    <a:pt x="7" y="41"/>
                  </a:cubicBezTo>
                  <a:cubicBezTo>
                    <a:pt x="10" y="47"/>
                    <a:pt x="18" y="49"/>
                    <a:pt x="24" y="51"/>
                  </a:cubicBezTo>
                  <a:cubicBezTo>
                    <a:pt x="30" y="54"/>
                    <a:pt x="36" y="54"/>
                    <a:pt x="42" y="55"/>
                  </a:cubicBezTo>
                  <a:cubicBezTo>
                    <a:pt x="61" y="57"/>
                    <a:pt x="79" y="57"/>
                    <a:pt x="98" y="53"/>
                  </a:cubicBezTo>
                  <a:cubicBezTo>
                    <a:pt x="105" y="51"/>
                    <a:pt x="107" y="42"/>
                    <a:pt x="109" y="36"/>
                  </a:cubicBezTo>
                  <a:cubicBezTo>
                    <a:pt x="109" y="34"/>
                    <a:pt x="109" y="32"/>
                    <a:pt x="109" y="31"/>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4" name="îşḻîďé">
              <a:extLst>
                <a:ext uri="{FF2B5EF4-FFF2-40B4-BE49-F238E27FC236}">
                  <a16:creationId xmlns:a16="http://schemas.microsoft.com/office/drawing/2014/main" xmlns="" id="{C2D2C2CC-836A-4160-B2F8-C65F40C224FE}"/>
                </a:ext>
              </a:extLst>
            </p:cNvPr>
            <p:cNvSpPr/>
            <p:nvPr/>
          </p:nvSpPr>
          <p:spPr bwMode="auto">
            <a:xfrm>
              <a:off x="6353176" y="4592638"/>
              <a:ext cx="361950" cy="973138"/>
            </a:xfrm>
            <a:custGeom>
              <a:avLst/>
              <a:gdLst>
                <a:gd name="T0" fmla="*/ 204 w 228"/>
                <a:gd name="T1" fmla="*/ 40 h 613"/>
                <a:gd name="T2" fmla="*/ 228 w 228"/>
                <a:gd name="T3" fmla="*/ 98 h 613"/>
                <a:gd name="T4" fmla="*/ 116 w 228"/>
                <a:gd name="T5" fmla="*/ 325 h 613"/>
                <a:gd name="T6" fmla="*/ 56 w 228"/>
                <a:gd name="T7" fmla="*/ 613 h 613"/>
                <a:gd name="T8" fmla="*/ 0 w 228"/>
                <a:gd name="T9" fmla="*/ 602 h 613"/>
                <a:gd name="T10" fmla="*/ 8 w 228"/>
                <a:gd name="T11" fmla="*/ 311 h 613"/>
                <a:gd name="T12" fmla="*/ 40 w 228"/>
                <a:gd name="T13" fmla="*/ 0 h 613"/>
                <a:gd name="T14" fmla="*/ 204 w 228"/>
                <a:gd name="T15" fmla="*/ 40 h 61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28" h="613">
                  <a:moveTo>
                    <a:pt x="204" y="40"/>
                  </a:moveTo>
                  <a:lnTo>
                    <a:pt x="228" y="98"/>
                  </a:lnTo>
                  <a:lnTo>
                    <a:pt x="116" y="325"/>
                  </a:lnTo>
                  <a:lnTo>
                    <a:pt x="56" y="613"/>
                  </a:lnTo>
                  <a:lnTo>
                    <a:pt x="0" y="602"/>
                  </a:lnTo>
                  <a:lnTo>
                    <a:pt x="8" y="311"/>
                  </a:lnTo>
                  <a:lnTo>
                    <a:pt x="40" y="0"/>
                  </a:lnTo>
                  <a:lnTo>
                    <a:pt x="204" y="40"/>
                  </a:ln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5" name="îṡļîde">
              <a:extLst>
                <a:ext uri="{FF2B5EF4-FFF2-40B4-BE49-F238E27FC236}">
                  <a16:creationId xmlns:a16="http://schemas.microsoft.com/office/drawing/2014/main" xmlns="" id="{567537B6-7F17-494F-A2D6-A40D748312BA}"/>
                </a:ext>
              </a:extLst>
            </p:cNvPr>
            <p:cNvSpPr/>
            <p:nvPr/>
          </p:nvSpPr>
          <p:spPr bwMode="auto">
            <a:xfrm>
              <a:off x="6370638" y="3832225"/>
              <a:ext cx="611188" cy="919163"/>
            </a:xfrm>
            <a:custGeom>
              <a:avLst/>
              <a:gdLst>
                <a:gd name="T0" fmla="*/ 373 w 376"/>
                <a:gd name="T1" fmla="*/ 487 h 566"/>
                <a:gd name="T2" fmla="*/ 370 w 376"/>
                <a:gd name="T3" fmla="*/ 457 h 566"/>
                <a:gd name="T4" fmla="*/ 355 w 376"/>
                <a:gd name="T5" fmla="*/ 343 h 566"/>
                <a:gd name="T6" fmla="*/ 333 w 376"/>
                <a:gd name="T7" fmla="*/ 239 h 566"/>
                <a:gd name="T8" fmla="*/ 286 w 376"/>
                <a:gd name="T9" fmla="*/ 86 h 566"/>
                <a:gd name="T10" fmla="*/ 257 w 376"/>
                <a:gd name="T11" fmla="*/ 35 h 566"/>
                <a:gd name="T12" fmla="*/ 210 w 376"/>
                <a:gd name="T13" fmla="*/ 7 h 566"/>
                <a:gd name="T14" fmla="*/ 185 w 376"/>
                <a:gd name="T15" fmla="*/ 1 h 566"/>
                <a:gd name="T16" fmla="*/ 163 w 376"/>
                <a:gd name="T17" fmla="*/ 8 h 566"/>
                <a:gd name="T18" fmla="*/ 144 w 376"/>
                <a:gd name="T19" fmla="*/ 14 h 566"/>
                <a:gd name="T20" fmla="*/ 80 w 376"/>
                <a:gd name="T21" fmla="*/ 91 h 566"/>
                <a:gd name="T22" fmla="*/ 54 w 376"/>
                <a:gd name="T23" fmla="*/ 179 h 566"/>
                <a:gd name="T24" fmla="*/ 35 w 376"/>
                <a:gd name="T25" fmla="*/ 252 h 566"/>
                <a:gd name="T26" fmla="*/ 7 w 376"/>
                <a:gd name="T27" fmla="*/ 447 h 566"/>
                <a:gd name="T28" fmla="*/ 1 w 376"/>
                <a:gd name="T29" fmla="*/ 545 h 566"/>
                <a:gd name="T30" fmla="*/ 23 w 376"/>
                <a:gd name="T31" fmla="*/ 550 h 566"/>
                <a:gd name="T32" fmla="*/ 89 w 376"/>
                <a:gd name="T33" fmla="*/ 520 h 566"/>
                <a:gd name="T34" fmla="*/ 125 w 376"/>
                <a:gd name="T35" fmla="*/ 517 h 566"/>
                <a:gd name="T36" fmla="*/ 340 w 376"/>
                <a:gd name="T37" fmla="*/ 543 h 566"/>
                <a:gd name="T38" fmla="*/ 352 w 376"/>
                <a:gd name="T39" fmla="*/ 549 h 566"/>
                <a:gd name="T40" fmla="*/ 369 w 376"/>
                <a:gd name="T41" fmla="*/ 556 h 566"/>
                <a:gd name="T42" fmla="*/ 374 w 376"/>
                <a:gd name="T43" fmla="*/ 539 h 566"/>
                <a:gd name="T44" fmla="*/ 373 w 376"/>
                <a:gd name="T45" fmla="*/ 487 h 5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376" h="566">
                  <a:moveTo>
                    <a:pt x="373" y="487"/>
                  </a:moveTo>
                  <a:cubicBezTo>
                    <a:pt x="372" y="473"/>
                    <a:pt x="371" y="462"/>
                    <a:pt x="370" y="457"/>
                  </a:cubicBezTo>
                  <a:cubicBezTo>
                    <a:pt x="368" y="419"/>
                    <a:pt x="362" y="381"/>
                    <a:pt x="355" y="343"/>
                  </a:cubicBezTo>
                  <a:cubicBezTo>
                    <a:pt x="349" y="309"/>
                    <a:pt x="341" y="274"/>
                    <a:pt x="333" y="239"/>
                  </a:cubicBezTo>
                  <a:cubicBezTo>
                    <a:pt x="320" y="185"/>
                    <a:pt x="309" y="137"/>
                    <a:pt x="286" y="86"/>
                  </a:cubicBezTo>
                  <a:cubicBezTo>
                    <a:pt x="278" y="68"/>
                    <a:pt x="270" y="49"/>
                    <a:pt x="257" y="35"/>
                  </a:cubicBezTo>
                  <a:cubicBezTo>
                    <a:pt x="245" y="21"/>
                    <a:pt x="227" y="12"/>
                    <a:pt x="210" y="7"/>
                  </a:cubicBezTo>
                  <a:cubicBezTo>
                    <a:pt x="202" y="5"/>
                    <a:pt x="193" y="3"/>
                    <a:pt x="185" y="1"/>
                  </a:cubicBezTo>
                  <a:cubicBezTo>
                    <a:pt x="176" y="0"/>
                    <a:pt x="171" y="4"/>
                    <a:pt x="163" y="8"/>
                  </a:cubicBezTo>
                  <a:cubicBezTo>
                    <a:pt x="157" y="11"/>
                    <a:pt x="150" y="12"/>
                    <a:pt x="144" y="14"/>
                  </a:cubicBezTo>
                  <a:cubicBezTo>
                    <a:pt x="109" y="29"/>
                    <a:pt x="90" y="55"/>
                    <a:pt x="80" y="91"/>
                  </a:cubicBezTo>
                  <a:cubicBezTo>
                    <a:pt x="71" y="121"/>
                    <a:pt x="63" y="150"/>
                    <a:pt x="54" y="179"/>
                  </a:cubicBezTo>
                  <a:cubicBezTo>
                    <a:pt x="48" y="204"/>
                    <a:pt x="41" y="228"/>
                    <a:pt x="35" y="252"/>
                  </a:cubicBezTo>
                  <a:cubicBezTo>
                    <a:pt x="20" y="316"/>
                    <a:pt x="12" y="381"/>
                    <a:pt x="7" y="447"/>
                  </a:cubicBezTo>
                  <a:cubicBezTo>
                    <a:pt x="5" y="480"/>
                    <a:pt x="3" y="512"/>
                    <a:pt x="1" y="545"/>
                  </a:cubicBezTo>
                  <a:cubicBezTo>
                    <a:pt x="0" y="566"/>
                    <a:pt x="11" y="557"/>
                    <a:pt x="23" y="550"/>
                  </a:cubicBezTo>
                  <a:cubicBezTo>
                    <a:pt x="44" y="538"/>
                    <a:pt x="65" y="525"/>
                    <a:pt x="89" y="520"/>
                  </a:cubicBezTo>
                  <a:cubicBezTo>
                    <a:pt x="101" y="518"/>
                    <a:pt x="113" y="517"/>
                    <a:pt x="125" y="517"/>
                  </a:cubicBezTo>
                  <a:cubicBezTo>
                    <a:pt x="197" y="514"/>
                    <a:pt x="271" y="522"/>
                    <a:pt x="340" y="543"/>
                  </a:cubicBezTo>
                  <a:cubicBezTo>
                    <a:pt x="344" y="545"/>
                    <a:pt x="348" y="546"/>
                    <a:pt x="352" y="549"/>
                  </a:cubicBezTo>
                  <a:cubicBezTo>
                    <a:pt x="356" y="552"/>
                    <a:pt x="363" y="560"/>
                    <a:pt x="369" y="556"/>
                  </a:cubicBezTo>
                  <a:cubicBezTo>
                    <a:pt x="373" y="553"/>
                    <a:pt x="373" y="543"/>
                    <a:pt x="374" y="539"/>
                  </a:cubicBezTo>
                  <a:cubicBezTo>
                    <a:pt x="376" y="522"/>
                    <a:pt x="375" y="504"/>
                    <a:pt x="373" y="487"/>
                  </a:cubicBezTo>
                  <a:close/>
                </a:path>
              </a:pathLst>
            </a:custGeom>
            <a:solidFill>
              <a:srgbClr val="EBB0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6" name="íṥlíḓè">
              <a:extLst>
                <a:ext uri="{FF2B5EF4-FFF2-40B4-BE49-F238E27FC236}">
                  <a16:creationId xmlns:a16="http://schemas.microsoft.com/office/drawing/2014/main" xmlns="" id="{0636BF28-BAEB-4C24-8791-3743A56705CC}"/>
                </a:ext>
              </a:extLst>
            </p:cNvPr>
            <p:cNvSpPr/>
            <p:nvPr/>
          </p:nvSpPr>
          <p:spPr bwMode="auto">
            <a:xfrm>
              <a:off x="6591301" y="3560763"/>
              <a:ext cx="107950" cy="131763"/>
            </a:xfrm>
            <a:custGeom>
              <a:avLst/>
              <a:gdLst>
                <a:gd name="T0" fmla="*/ 34 w 66"/>
                <a:gd name="T1" fmla="*/ 28 h 81"/>
                <a:gd name="T2" fmla="*/ 16 w 66"/>
                <a:gd name="T3" fmla="*/ 65 h 81"/>
                <a:gd name="T4" fmla="*/ 11 w 66"/>
                <a:gd name="T5" fmla="*/ 74 h 81"/>
                <a:gd name="T6" fmla="*/ 8 w 66"/>
                <a:gd name="T7" fmla="*/ 78 h 81"/>
                <a:gd name="T8" fmla="*/ 1 w 66"/>
                <a:gd name="T9" fmla="*/ 58 h 81"/>
                <a:gd name="T10" fmla="*/ 5 w 66"/>
                <a:gd name="T11" fmla="*/ 32 h 81"/>
                <a:gd name="T12" fmla="*/ 17 w 66"/>
                <a:gd name="T13" fmla="*/ 11 h 81"/>
                <a:gd name="T14" fmla="*/ 29 w 66"/>
                <a:gd name="T15" fmla="*/ 5 h 81"/>
                <a:gd name="T16" fmla="*/ 48 w 66"/>
                <a:gd name="T17" fmla="*/ 0 h 81"/>
                <a:gd name="T18" fmla="*/ 55 w 66"/>
                <a:gd name="T19" fmla="*/ 11 h 81"/>
                <a:gd name="T20" fmla="*/ 34 w 66"/>
                <a:gd name="T21" fmla="*/ 28 h 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6" h="81">
                  <a:moveTo>
                    <a:pt x="34" y="28"/>
                  </a:moveTo>
                  <a:cubicBezTo>
                    <a:pt x="25" y="38"/>
                    <a:pt x="19" y="51"/>
                    <a:pt x="16" y="65"/>
                  </a:cubicBezTo>
                  <a:cubicBezTo>
                    <a:pt x="16" y="68"/>
                    <a:pt x="15" y="72"/>
                    <a:pt x="11" y="74"/>
                  </a:cubicBezTo>
                  <a:cubicBezTo>
                    <a:pt x="8" y="76"/>
                    <a:pt x="10" y="81"/>
                    <a:pt x="8" y="78"/>
                  </a:cubicBezTo>
                  <a:cubicBezTo>
                    <a:pt x="6" y="74"/>
                    <a:pt x="0" y="62"/>
                    <a:pt x="1" y="58"/>
                  </a:cubicBezTo>
                  <a:cubicBezTo>
                    <a:pt x="1" y="49"/>
                    <a:pt x="3" y="40"/>
                    <a:pt x="5" y="32"/>
                  </a:cubicBezTo>
                  <a:cubicBezTo>
                    <a:pt x="8" y="24"/>
                    <a:pt x="11" y="16"/>
                    <a:pt x="17" y="11"/>
                  </a:cubicBezTo>
                  <a:cubicBezTo>
                    <a:pt x="20" y="8"/>
                    <a:pt x="25" y="6"/>
                    <a:pt x="29" y="5"/>
                  </a:cubicBezTo>
                  <a:cubicBezTo>
                    <a:pt x="35" y="2"/>
                    <a:pt x="42" y="0"/>
                    <a:pt x="48" y="0"/>
                  </a:cubicBezTo>
                  <a:cubicBezTo>
                    <a:pt x="60" y="0"/>
                    <a:pt x="66" y="5"/>
                    <a:pt x="55" y="11"/>
                  </a:cubicBezTo>
                  <a:cubicBezTo>
                    <a:pt x="47" y="15"/>
                    <a:pt x="40" y="21"/>
                    <a:pt x="34" y="28"/>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7" name="iS1ïďe">
              <a:extLst>
                <a:ext uri="{FF2B5EF4-FFF2-40B4-BE49-F238E27FC236}">
                  <a16:creationId xmlns:a16="http://schemas.microsoft.com/office/drawing/2014/main" xmlns="" id="{EE4E1B7F-4EAF-4ADD-99EA-255013DCBD37}"/>
                </a:ext>
              </a:extLst>
            </p:cNvPr>
            <p:cNvSpPr/>
            <p:nvPr/>
          </p:nvSpPr>
          <p:spPr bwMode="auto">
            <a:xfrm>
              <a:off x="6594476" y="3565525"/>
              <a:ext cx="228600" cy="307975"/>
            </a:xfrm>
            <a:custGeom>
              <a:avLst/>
              <a:gdLst>
                <a:gd name="T0" fmla="*/ 74 w 140"/>
                <a:gd name="T1" fmla="*/ 189 h 189"/>
                <a:gd name="T2" fmla="*/ 27 w 140"/>
                <a:gd name="T3" fmla="*/ 186 h 189"/>
                <a:gd name="T4" fmla="*/ 30 w 140"/>
                <a:gd name="T5" fmla="*/ 144 h 189"/>
                <a:gd name="T6" fmla="*/ 0 w 140"/>
                <a:gd name="T7" fmla="*/ 117 h 189"/>
                <a:gd name="T8" fmla="*/ 1 w 140"/>
                <a:gd name="T9" fmla="*/ 103 h 189"/>
                <a:gd name="T10" fmla="*/ 11 w 140"/>
                <a:gd name="T11" fmla="*/ 43 h 189"/>
                <a:gd name="T12" fmla="*/ 17 w 140"/>
                <a:gd name="T13" fmla="*/ 24 h 189"/>
                <a:gd name="T14" fmla="*/ 45 w 140"/>
                <a:gd name="T15" fmla="*/ 6 h 189"/>
                <a:gd name="T16" fmla="*/ 124 w 140"/>
                <a:gd name="T17" fmla="*/ 25 h 189"/>
                <a:gd name="T18" fmla="*/ 137 w 140"/>
                <a:gd name="T19" fmla="*/ 44 h 189"/>
                <a:gd name="T20" fmla="*/ 134 w 140"/>
                <a:gd name="T21" fmla="*/ 82 h 189"/>
                <a:gd name="T22" fmla="*/ 125 w 140"/>
                <a:gd name="T23" fmla="*/ 116 h 189"/>
                <a:gd name="T24" fmla="*/ 106 w 140"/>
                <a:gd name="T25" fmla="*/ 149 h 189"/>
                <a:gd name="T26" fmla="*/ 87 w 140"/>
                <a:gd name="T27" fmla="*/ 155 h 189"/>
                <a:gd name="T28" fmla="*/ 74 w 140"/>
                <a:gd name="T29" fmla="*/ 189 h 1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40" h="189">
                  <a:moveTo>
                    <a:pt x="74" y="189"/>
                  </a:moveTo>
                  <a:cubicBezTo>
                    <a:pt x="58" y="188"/>
                    <a:pt x="42" y="187"/>
                    <a:pt x="27" y="186"/>
                  </a:cubicBezTo>
                  <a:cubicBezTo>
                    <a:pt x="27" y="172"/>
                    <a:pt x="28" y="158"/>
                    <a:pt x="30" y="144"/>
                  </a:cubicBezTo>
                  <a:cubicBezTo>
                    <a:pt x="17" y="139"/>
                    <a:pt x="2" y="132"/>
                    <a:pt x="0" y="117"/>
                  </a:cubicBezTo>
                  <a:cubicBezTo>
                    <a:pt x="0" y="112"/>
                    <a:pt x="0" y="107"/>
                    <a:pt x="1" y="103"/>
                  </a:cubicBezTo>
                  <a:cubicBezTo>
                    <a:pt x="5" y="83"/>
                    <a:pt x="8" y="63"/>
                    <a:pt x="11" y="43"/>
                  </a:cubicBezTo>
                  <a:cubicBezTo>
                    <a:pt x="13" y="37"/>
                    <a:pt x="14" y="30"/>
                    <a:pt x="17" y="24"/>
                  </a:cubicBezTo>
                  <a:cubicBezTo>
                    <a:pt x="23" y="13"/>
                    <a:pt x="35" y="9"/>
                    <a:pt x="45" y="6"/>
                  </a:cubicBezTo>
                  <a:cubicBezTo>
                    <a:pt x="73" y="0"/>
                    <a:pt x="103" y="6"/>
                    <a:pt x="124" y="25"/>
                  </a:cubicBezTo>
                  <a:cubicBezTo>
                    <a:pt x="129" y="30"/>
                    <a:pt x="134" y="36"/>
                    <a:pt x="137" y="44"/>
                  </a:cubicBezTo>
                  <a:cubicBezTo>
                    <a:pt x="140" y="56"/>
                    <a:pt x="137" y="69"/>
                    <a:pt x="134" y="82"/>
                  </a:cubicBezTo>
                  <a:cubicBezTo>
                    <a:pt x="131" y="93"/>
                    <a:pt x="128" y="104"/>
                    <a:pt x="125" y="116"/>
                  </a:cubicBezTo>
                  <a:cubicBezTo>
                    <a:pt x="122" y="129"/>
                    <a:pt x="117" y="144"/>
                    <a:pt x="106" y="149"/>
                  </a:cubicBezTo>
                  <a:cubicBezTo>
                    <a:pt x="100" y="152"/>
                    <a:pt x="93" y="151"/>
                    <a:pt x="87" y="155"/>
                  </a:cubicBezTo>
                  <a:cubicBezTo>
                    <a:pt x="78" y="162"/>
                    <a:pt x="79" y="178"/>
                    <a:pt x="74" y="189"/>
                  </a:cubicBezTo>
                  <a:close/>
                </a:path>
              </a:pathLst>
            </a:custGeom>
            <a:solidFill>
              <a:srgbClr val="EFBFA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8" name="iSļiḋè">
              <a:extLst>
                <a:ext uri="{FF2B5EF4-FFF2-40B4-BE49-F238E27FC236}">
                  <a16:creationId xmlns:a16="http://schemas.microsoft.com/office/drawing/2014/main" xmlns="" id="{7FBAE8F9-4D9E-4BDF-8D04-1E9C51F9F0EF}"/>
                </a:ext>
              </a:extLst>
            </p:cNvPr>
            <p:cNvSpPr/>
            <p:nvPr/>
          </p:nvSpPr>
          <p:spPr bwMode="auto">
            <a:xfrm>
              <a:off x="6588126" y="3695700"/>
              <a:ext cx="212725" cy="149225"/>
            </a:xfrm>
            <a:custGeom>
              <a:avLst/>
              <a:gdLst>
                <a:gd name="T0" fmla="*/ 0 w 131"/>
                <a:gd name="T1" fmla="*/ 34 h 92"/>
                <a:gd name="T2" fmla="*/ 12 w 131"/>
                <a:gd name="T3" fmla="*/ 68 h 92"/>
                <a:gd name="T4" fmla="*/ 49 w 131"/>
                <a:gd name="T5" fmla="*/ 83 h 92"/>
                <a:gd name="T6" fmla="*/ 71 w 131"/>
                <a:gd name="T7" fmla="*/ 87 h 92"/>
                <a:gd name="T8" fmla="*/ 120 w 131"/>
                <a:gd name="T9" fmla="*/ 74 h 92"/>
                <a:gd name="T10" fmla="*/ 131 w 131"/>
                <a:gd name="T11" fmla="*/ 45 h 92"/>
                <a:gd name="T12" fmla="*/ 130 w 131"/>
                <a:gd name="T13" fmla="*/ 37 h 92"/>
                <a:gd name="T14" fmla="*/ 125 w 131"/>
                <a:gd name="T15" fmla="*/ 32 h 92"/>
                <a:gd name="T16" fmla="*/ 116 w 131"/>
                <a:gd name="T17" fmla="*/ 37 h 92"/>
                <a:gd name="T18" fmla="*/ 96 w 131"/>
                <a:gd name="T19" fmla="*/ 40 h 92"/>
                <a:gd name="T20" fmla="*/ 91 w 131"/>
                <a:gd name="T21" fmla="*/ 35 h 92"/>
                <a:gd name="T22" fmla="*/ 90 w 131"/>
                <a:gd name="T23" fmla="*/ 33 h 92"/>
                <a:gd name="T24" fmla="*/ 68 w 131"/>
                <a:gd name="T25" fmla="*/ 20 h 92"/>
                <a:gd name="T26" fmla="*/ 44 w 131"/>
                <a:gd name="T27" fmla="*/ 18 h 92"/>
                <a:gd name="T28" fmla="*/ 32 w 131"/>
                <a:gd name="T29" fmla="*/ 27 h 92"/>
                <a:gd name="T30" fmla="*/ 27 w 131"/>
                <a:gd name="T31" fmla="*/ 31 h 92"/>
                <a:gd name="T32" fmla="*/ 21 w 131"/>
                <a:gd name="T33" fmla="*/ 31 h 92"/>
                <a:gd name="T34" fmla="*/ 11 w 131"/>
                <a:gd name="T35" fmla="*/ 22 h 92"/>
                <a:gd name="T36" fmla="*/ 11 w 131"/>
                <a:gd name="T37" fmla="*/ 15 h 92"/>
                <a:gd name="T38" fmla="*/ 10 w 131"/>
                <a:gd name="T39" fmla="*/ 8 h 92"/>
                <a:gd name="T40" fmla="*/ 2 w 131"/>
                <a:gd name="T41" fmla="*/ 14 h 92"/>
                <a:gd name="T42" fmla="*/ 0 w 131"/>
                <a:gd name="T43" fmla="*/ 34 h 92"/>
                <a:gd name="T44" fmla="*/ 49 w 131"/>
                <a:gd name="T45" fmla="*/ 46 h 92"/>
                <a:gd name="T46" fmla="*/ 67 w 131"/>
                <a:gd name="T47" fmla="*/ 51 h 92"/>
                <a:gd name="T48" fmla="*/ 67 w 131"/>
                <a:gd name="T49" fmla="*/ 57 h 92"/>
                <a:gd name="T50" fmla="*/ 45 w 131"/>
                <a:gd name="T51" fmla="*/ 50 h 92"/>
                <a:gd name="T52" fmla="*/ 49 w 131"/>
                <a:gd name="T53" fmla="*/ 46 h 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31" h="92">
                  <a:moveTo>
                    <a:pt x="0" y="34"/>
                  </a:moveTo>
                  <a:cubicBezTo>
                    <a:pt x="0" y="46"/>
                    <a:pt x="4" y="59"/>
                    <a:pt x="12" y="68"/>
                  </a:cubicBezTo>
                  <a:cubicBezTo>
                    <a:pt x="22" y="77"/>
                    <a:pt x="36" y="80"/>
                    <a:pt x="49" y="83"/>
                  </a:cubicBezTo>
                  <a:cubicBezTo>
                    <a:pt x="56" y="85"/>
                    <a:pt x="63" y="86"/>
                    <a:pt x="71" y="87"/>
                  </a:cubicBezTo>
                  <a:cubicBezTo>
                    <a:pt x="89" y="91"/>
                    <a:pt x="107" y="92"/>
                    <a:pt x="120" y="74"/>
                  </a:cubicBezTo>
                  <a:cubicBezTo>
                    <a:pt x="126" y="66"/>
                    <a:pt x="130" y="56"/>
                    <a:pt x="131" y="45"/>
                  </a:cubicBezTo>
                  <a:cubicBezTo>
                    <a:pt x="131" y="42"/>
                    <a:pt x="131" y="39"/>
                    <a:pt x="130" y="37"/>
                  </a:cubicBezTo>
                  <a:cubicBezTo>
                    <a:pt x="129" y="34"/>
                    <a:pt x="127" y="32"/>
                    <a:pt x="125" y="32"/>
                  </a:cubicBezTo>
                  <a:cubicBezTo>
                    <a:pt x="121" y="32"/>
                    <a:pt x="119" y="35"/>
                    <a:pt x="116" y="37"/>
                  </a:cubicBezTo>
                  <a:cubicBezTo>
                    <a:pt x="111" y="43"/>
                    <a:pt x="102" y="44"/>
                    <a:pt x="96" y="40"/>
                  </a:cubicBezTo>
                  <a:cubicBezTo>
                    <a:pt x="94" y="39"/>
                    <a:pt x="93" y="37"/>
                    <a:pt x="91" y="35"/>
                  </a:cubicBezTo>
                  <a:cubicBezTo>
                    <a:pt x="91" y="35"/>
                    <a:pt x="90" y="34"/>
                    <a:pt x="90" y="33"/>
                  </a:cubicBezTo>
                  <a:cubicBezTo>
                    <a:pt x="84" y="26"/>
                    <a:pt x="76" y="22"/>
                    <a:pt x="68" y="20"/>
                  </a:cubicBezTo>
                  <a:cubicBezTo>
                    <a:pt x="61" y="17"/>
                    <a:pt x="50" y="13"/>
                    <a:pt x="44" y="18"/>
                  </a:cubicBezTo>
                  <a:cubicBezTo>
                    <a:pt x="40" y="21"/>
                    <a:pt x="36" y="24"/>
                    <a:pt x="32" y="27"/>
                  </a:cubicBezTo>
                  <a:cubicBezTo>
                    <a:pt x="31" y="29"/>
                    <a:pt x="29" y="30"/>
                    <a:pt x="27" y="31"/>
                  </a:cubicBezTo>
                  <a:cubicBezTo>
                    <a:pt x="25" y="31"/>
                    <a:pt x="23" y="31"/>
                    <a:pt x="21" y="31"/>
                  </a:cubicBezTo>
                  <a:cubicBezTo>
                    <a:pt x="16" y="30"/>
                    <a:pt x="11" y="27"/>
                    <a:pt x="11" y="22"/>
                  </a:cubicBezTo>
                  <a:cubicBezTo>
                    <a:pt x="10" y="19"/>
                    <a:pt x="11" y="17"/>
                    <a:pt x="11" y="15"/>
                  </a:cubicBezTo>
                  <a:cubicBezTo>
                    <a:pt x="11" y="12"/>
                    <a:pt x="12" y="10"/>
                    <a:pt x="10" y="8"/>
                  </a:cubicBezTo>
                  <a:cubicBezTo>
                    <a:pt x="6" y="0"/>
                    <a:pt x="3" y="10"/>
                    <a:pt x="2" y="14"/>
                  </a:cubicBezTo>
                  <a:cubicBezTo>
                    <a:pt x="0" y="20"/>
                    <a:pt x="0" y="27"/>
                    <a:pt x="0" y="34"/>
                  </a:cubicBezTo>
                  <a:close/>
                  <a:moveTo>
                    <a:pt x="49" y="46"/>
                  </a:moveTo>
                  <a:cubicBezTo>
                    <a:pt x="54" y="51"/>
                    <a:pt x="60" y="52"/>
                    <a:pt x="67" y="51"/>
                  </a:cubicBezTo>
                  <a:cubicBezTo>
                    <a:pt x="70" y="51"/>
                    <a:pt x="71" y="57"/>
                    <a:pt x="67" y="57"/>
                  </a:cubicBezTo>
                  <a:cubicBezTo>
                    <a:pt x="59" y="58"/>
                    <a:pt x="51" y="56"/>
                    <a:pt x="45" y="50"/>
                  </a:cubicBezTo>
                  <a:cubicBezTo>
                    <a:pt x="43" y="48"/>
                    <a:pt x="46" y="43"/>
                    <a:pt x="49" y="46"/>
                  </a:cubicBezTo>
                  <a:close/>
                </a:path>
              </a:pathLst>
            </a:custGeom>
            <a:solidFill>
              <a:srgbClr val="29294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79" name="ïšḻíďe">
              <a:extLst>
                <a:ext uri="{FF2B5EF4-FFF2-40B4-BE49-F238E27FC236}">
                  <a16:creationId xmlns:a16="http://schemas.microsoft.com/office/drawing/2014/main" xmlns="" id="{A132D889-53ED-4A75-93B9-2D774823F9C0}"/>
                </a:ext>
              </a:extLst>
            </p:cNvPr>
            <p:cNvSpPr/>
            <p:nvPr/>
          </p:nvSpPr>
          <p:spPr bwMode="auto">
            <a:xfrm>
              <a:off x="6604001" y="3508375"/>
              <a:ext cx="242888" cy="231775"/>
            </a:xfrm>
            <a:custGeom>
              <a:avLst/>
              <a:gdLst>
                <a:gd name="T0" fmla="*/ 8 w 149"/>
                <a:gd name="T1" fmla="*/ 23 h 143"/>
                <a:gd name="T2" fmla="*/ 8 w 149"/>
                <a:gd name="T3" fmla="*/ 8 h 143"/>
                <a:gd name="T4" fmla="*/ 22 w 149"/>
                <a:gd name="T5" fmla="*/ 11 h 143"/>
                <a:gd name="T6" fmla="*/ 23 w 149"/>
                <a:gd name="T7" fmla="*/ 3 h 143"/>
                <a:gd name="T8" fmla="*/ 58 w 149"/>
                <a:gd name="T9" fmla="*/ 5 h 143"/>
                <a:gd name="T10" fmla="*/ 124 w 149"/>
                <a:gd name="T11" fmla="*/ 26 h 143"/>
                <a:gd name="T12" fmla="*/ 148 w 149"/>
                <a:gd name="T13" fmla="*/ 81 h 143"/>
                <a:gd name="T14" fmla="*/ 121 w 149"/>
                <a:gd name="T15" fmla="*/ 143 h 143"/>
                <a:gd name="T16" fmla="*/ 127 w 149"/>
                <a:gd name="T17" fmla="*/ 120 h 143"/>
                <a:gd name="T18" fmla="*/ 124 w 149"/>
                <a:gd name="T19" fmla="*/ 104 h 143"/>
                <a:gd name="T20" fmla="*/ 107 w 149"/>
                <a:gd name="T21" fmla="*/ 77 h 143"/>
                <a:gd name="T22" fmla="*/ 64 w 149"/>
                <a:gd name="T23" fmla="*/ 53 h 143"/>
                <a:gd name="T24" fmla="*/ 16 w 149"/>
                <a:gd name="T25" fmla="*/ 45 h 143"/>
                <a:gd name="T26" fmla="*/ 4 w 149"/>
                <a:gd name="T27" fmla="*/ 39 h 143"/>
                <a:gd name="T28" fmla="*/ 1 w 149"/>
                <a:gd name="T29" fmla="*/ 21 h 143"/>
                <a:gd name="T30" fmla="*/ 8 w 149"/>
                <a:gd name="T31" fmla="*/ 23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49" h="143">
                  <a:moveTo>
                    <a:pt x="8" y="23"/>
                  </a:moveTo>
                  <a:cubicBezTo>
                    <a:pt x="8" y="18"/>
                    <a:pt x="8" y="13"/>
                    <a:pt x="8" y="8"/>
                  </a:cubicBezTo>
                  <a:cubicBezTo>
                    <a:pt x="12" y="10"/>
                    <a:pt x="17" y="11"/>
                    <a:pt x="22" y="11"/>
                  </a:cubicBezTo>
                  <a:cubicBezTo>
                    <a:pt x="22" y="9"/>
                    <a:pt x="23" y="6"/>
                    <a:pt x="23" y="3"/>
                  </a:cubicBezTo>
                  <a:cubicBezTo>
                    <a:pt x="24" y="0"/>
                    <a:pt x="56" y="4"/>
                    <a:pt x="58" y="5"/>
                  </a:cubicBezTo>
                  <a:cubicBezTo>
                    <a:pt x="82" y="7"/>
                    <a:pt x="105" y="9"/>
                    <a:pt x="124" y="26"/>
                  </a:cubicBezTo>
                  <a:cubicBezTo>
                    <a:pt x="140" y="40"/>
                    <a:pt x="149" y="59"/>
                    <a:pt x="148" y="81"/>
                  </a:cubicBezTo>
                  <a:cubicBezTo>
                    <a:pt x="147" y="102"/>
                    <a:pt x="135" y="128"/>
                    <a:pt x="121" y="143"/>
                  </a:cubicBezTo>
                  <a:cubicBezTo>
                    <a:pt x="122" y="137"/>
                    <a:pt x="127" y="125"/>
                    <a:pt x="127" y="120"/>
                  </a:cubicBezTo>
                  <a:cubicBezTo>
                    <a:pt x="127" y="114"/>
                    <a:pt x="126" y="109"/>
                    <a:pt x="124" y="104"/>
                  </a:cubicBezTo>
                  <a:cubicBezTo>
                    <a:pt x="121" y="94"/>
                    <a:pt x="115" y="84"/>
                    <a:pt x="107" y="77"/>
                  </a:cubicBezTo>
                  <a:cubicBezTo>
                    <a:pt x="95" y="66"/>
                    <a:pt x="80" y="58"/>
                    <a:pt x="64" y="53"/>
                  </a:cubicBezTo>
                  <a:cubicBezTo>
                    <a:pt x="49" y="48"/>
                    <a:pt x="31" y="43"/>
                    <a:pt x="16" y="45"/>
                  </a:cubicBezTo>
                  <a:cubicBezTo>
                    <a:pt x="9" y="45"/>
                    <a:pt x="7" y="47"/>
                    <a:pt x="4" y="39"/>
                  </a:cubicBezTo>
                  <a:cubicBezTo>
                    <a:pt x="4" y="37"/>
                    <a:pt x="0" y="21"/>
                    <a:pt x="1" y="21"/>
                  </a:cubicBezTo>
                  <a:cubicBezTo>
                    <a:pt x="3" y="22"/>
                    <a:pt x="6" y="22"/>
                    <a:pt x="8" y="23"/>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0" name="îṡľíḋe">
              <a:extLst>
                <a:ext uri="{FF2B5EF4-FFF2-40B4-BE49-F238E27FC236}">
                  <a16:creationId xmlns:a16="http://schemas.microsoft.com/office/drawing/2014/main" xmlns="" id="{FB4A29A8-ED24-47FC-A228-897946912F5D}"/>
                </a:ext>
              </a:extLst>
            </p:cNvPr>
            <p:cNvSpPr/>
            <p:nvPr/>
          </p:nvSpPr>
          <p:spPr bwMode="auto">
            <a:xfrm>
              <a:off x="7094538" y="3852863"/>
              <a:ext cx="101600" cy="163513"/>
            </a:xfrm>
            <a:custGeom>
              <a:avLst/>
              <a:gdLst>
                <a:gd name="T0" fmla="*/ 55 w 62"/>
                <a:gd name="T1" fmla="*/ 54 h 100"/>
                <a:gd name="T2" fmla="*/ 61 w 62"/>
                <a:gd name="T3" fmla="*/ 45 h 100"/>
                <a:gd name="T4" fmla="*/ 58 w 62"/>
                <a:gd name="T5" fmla="*/ 30 h 100"/>
                <a:gd name="T6" fmla="*/ 46 w 62"/>
                <a:gd name="T7" fmla="*/ 10 h 100"/>
                <a:gd name="T8" fmla="*/ 24 w 62"/>
                <a:gd name="T9" fmla="*/ 1 h 100"/>
                <a:gd name="T10" fmla="*/ 16 w 62"/>
                <a:gd name="T11" fmla="*/ 25 h 100"/>
                <a:gd name="T12" fmla="*/ 10 w 62"/>
                <a:gd name="T13" fmla="*/ 23 h 100"/>
                <a:gd name="T14" fmla="*/ 5 w 62"/>
                <a:gd name="T15" fmla="*/ 21 h 100"/>
                <a:gd name="T16" fmla="*/ 4 w 62"/>
                <a:gd name="T17" fmla="*/ 23 h 100"/>
                <a:gd name="T18" fmla="*/ 1 w 62"/>
                <a:gd name="T19" fmla="*/ 47 h 100"/>
                <a:gd name="T20" fmla="*/ 0 w 62"/>
                <a:gd name="T21" fmla="*/ 79 h 100"/>
                <a:gd name="T22" fmla="*/ 1 w 62"/>
                <a:gd name="T23" fmla="*/ 85 h 100"/>
                <a:gd name="T24" fmla="*/ 5 w 62"/>
                <a:gd name="T25" fmla="*/ 88 h 100"/>
                <a:gd name="T26" fmla="*/ 25 w 62"/>
                <a:gd name="T27" fmla="*/ 100 h 100"/>
                <a:gd name="T28" fmla="*/ 55 w 62"/>
                <a:gd name="T29" fmla="*/ 54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2" h="100">
                  <a:moveTo>
                    <a:pt x="55" y="54"/>
                  </a:moveTo>
                  <a:cubicBezTo>
                    <a:pt x="57" y="51"/>
                    <a:pt x="60" y="49"/>
                    <a:pt x="61" y="45"/>
                  </a:cubicBezTo>
                  <a:cubicBezTo>
                    <a:pt x="62" y="40"/>
                    <a:pt x="60" y="35"/>
                    <a:pt x="58" y="30"/>
                  </a:cubicBezTo>
                  <a:cubicBezTo>
                    <a:pt x="55" y="23"/>
                    <a:pt x="51" y="15"/>
                    <a:pt x="46" y="10"/>
                  </a:cubicBezTo>
                  <a:cubicBezTo>
                    <a:pt x="40" y="4"/>
                    <a:pt x="32" y="0"/>
                    <a:pt x="24" y="1"/>
                  </a:cubicBezTo>
                  <a:cubicBezTo>
                    <a:pt x="21" y="8"/>
                    <a:pt x="18" y="17"/>
                    <a:pt x="16" y="25"/>
                  </a:cubicBezTo>
                  <a:cubicBezTo>
                    <a:pt x="14" y="27"/>
                    <a:pt x="12" y="25"/>
                    <a:pt x="10" y="23"/>
                  </a:cubicBezTo>
                  <a:cubicBezTo>
                    <a:pt x="9" y="21"/>
                    <a:pt x="6" y="19"/>
                    <a:pt x="5" y="21"/>
                  </a:cubicBezTo>
                  <a:cubicBezTo>
                    <a:pt x="4" y="21"/>
                    <a:pt x="4" y="22"/>
                    <a:pt x="4" y="23"/>
                  </a:cubicBezTo>
                  <a:cubicBezTo>
                    <a:pt x="1" y="30"/>
                    <a:pt x="1" y="39"/>
                    <a:pt x="1" y="47"/>
                  </a:cubicBezTo>
                  <a:cubicBezTo>
                    <a:pt x="0" y="57"/>
                    <a:pt x="0" y="68"/>
                    <a:pt x="0" y="79"/>
                  </a:cubicBezTo>
                  <a:cubicBezTo>
                    <a:pt x="0" y="81"/>
                    <a:pt x="0" y="83"/>
                    <a:pt x="1" y="85"/>
                  </a:cubicBezTo>
                  <a:cubicBezTo>
                    <a:pt x="2" y="86"/>
                    <a:pt x="4" y="87"/>
                    <a:pt x="5" y="88"/>
                  </a:cubicBezTo>
                  <a:cubicBezTo>
                    <a:pt x="12" y="92"/>
                    <a:pt x="18" y="97"/>
                    <a:pt x="25" y="100"/>
                  </a:cubicBezTo>
                  <a:cubicBezTo>
                    <a:pt x="38" y="88"/>
                    <a:pt x="43" y="68"/>
                    <a:pt x="55" y="54"/>
                  </a:cubicBezTo>
                  <a:close/>
                </a:path>
              </a:pathLst>
            </a:custGeom>
            <a:solidFill>
              <a:srgbClr val="EFBFA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1" name="íS1iḑê">
              <a:extLst>
                <a:ext uri="{FF2B5EF4-FFF2-40B4-BE49-F238E27FC236}">
                  <a16:creationId xmlns:a16="http://schemas.microsoft.com/office/drawing/2014/main" xmlns="" id="{55ABFE3F-9B8F-4BAB-9A7D-4D95BE94152A}"/>
                </a:ext>
              </a:extLst>
            </p:cNvPr>
            <p:cNvSpPr/>
            <p:nvPr/>
          </p:nvSpPr>
          <p:spPr bwMode="auto">
            <a:xfrm>
              <a:off x="6692901" y="3908425"/>
              <a:ext cx="481013" cy="433388"/>
            </a:xfrm>
            <a:custGeom>
              <a:avLst/>
              <a:gdLst>
                <a:gd name="T0" fmla="*/ 62 w 296"/>
                <a:gd name="T1" fmla="*/ 234 h 267"/>
                <a:gd name="T2" fmla="*/ 100 w 296"/>
                <a:gd name="T3" fmla="*/ 261 h 267"/>
                <a:gd name="T4" fmla="*/ 121 w 296"/>
                <a:gd name="T5" fmla="*/ 267 h 267"/>
                <a:gd name="T6" fmla="*/ 153 w 296"/>
                <a:gd name="T7" fmla="*/ 248 h 267"/>
                <a:gd name="T8" fmla="*/ 240 w 296"/>
                <a:gd name="T9" fmla="*/ 153 h 267"/>
                <a:gd name="T10" fmla="*/ 296 w 296"/>
                <a:gd name="T11" fmla="*/ 47 h 267"/>
                <a:gd name="T12" fmla="*/ 240 w 296"/>
                <a:gd name="T13" fmla="*/ 22 h 267"/>
                <a:gd name="T14" fmla="*/ 175 w 296"/>
                <a:gd name="T15" fmla="*/ 106 h 267"/>
                <a:gd name="T16" fmla="*/ 123 w 296"/>
                <a:gd name="T17" fmla="*/ 79 h 267"/>
                <a:gd name="T18" fmla="*/ 94 w 296"/>
                <a:gd name="T19" fmla="*/ 29 h 267"/>
                <a:gd name="T20" fmla="*/ 46 w 296"/>
                <a:gd name="T21" fmla="*/ 1 h 267"/>
                <a:gd name="T22" fmla="*/ 11 w 296"/>
                <a:gd name="T23" fmla="*/ 27 h 267"/>
                <a:gd name="T24" fmla="*/ 2 w 296"/>
                <a:gd name="T25" fmla="*/ 71 h 267"/>
                <a:gd name="T26" fmla="*/ 62 w 296"/>
                <a:gd name="T27" fmla="*/ 234 h 2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96" h="267">
                  <a:moveTo>
                    <a:pt x="62" y="234"/>
                  </a:moveTo>
                  <a:cubicBezTo>
                    <a:pt x="73" y="245"/>
                    <a:pt x="86" y="254"/>
                    <a:pt x="100" y="261"/>
                  </a:cubicBezTo>
                  <a:cubicBezTo>
                    <a:pt x="106" y="264"/>
                    <a:pt x="114" y="267"/>
                    <a:pt x="121" y="267"/>
                  </a:cubicBezTo>
                  <a:cubicBezTo>
                    <a:pt x="134" y="266"/>
                    <a:pt x="144" y="257"/>
                    <a:pt x="153" y="248"/>
                  </a:cubicBezTo>
                  <a:cubicBezTo>
                    <a:pt x="183" y="218"/>
                    <a:pt x="214" y="187"/>
                    <a:pt x="240" y="153"/>
                  </a:cubicBezTo>
                  <a:cubicBezTo>
                    <a:pt x="263" y="122"/>
                    <a:pt x="278" y="82"/>
                    <a:pt x="296" y="47"/>
                  </a:cubicBezTo>
                  <a:cubicBezTo>
                    <a:pt x="240" y="22"/>
                    <a:pt x="240" y="22"/>
                    <a:pt x="240" y="22"/>
                  </a:cubicBezTo>
                  <a:cubicBezTo>
                    <a:pt x="237" y="20"/>
                    <a:pt x="181" y="99"/>
                    <a:pt x="175" y="106"/>
                  </a:cubicBezTo>
                  <a:cubicBezTo>
                    <a:pt x="149" y="135"/>
                    <a:pt x="135" y="108"/>
                    <a:pt x="123" y="79"/>
                  </a:cubicBezTo>
                  <a:cubicBezTo>
                    <a:pt x="116" y="61"/>
                    <a:pt x="106" y="45"/>
                    <a:pt x="94" y="29"/>
                  </a:cubicBezTo>
                  <a:cubicBezTo>
                    <a:pt x="82" y="14"/>
                    <a:pt x="65" y="0"/>
                    <a:pt x="46" y="1"/>
                  </a:cubicBezTo>
                  <a:cubicBezTo>
                    <a:pt x="31" y="2"/>
                    <a:pt x="18" y="14"/>
                    <a:pt x="11" y="27"/>
                  </a:cubicBezTo>
                  <a:cubicBezTo>
                    <a:pt x="4" y="41"/>
                    <a:pt x="2" y="56"/>
                    <a:pt x="2" y="71"/>
                  </a:cubicBezTo>
                  <a:cubicBezTo>
                    <a:pt x="0" y="131"/>
                    <a:pt x="20" y="194"/>
                    <a:pt x="62" y="234"/>
                  </a:cubicBezTo>
                  <a:close/>
                </a:path>
              </a:pathLst>
            </a:custGeom>
            <a:solidFill>
              <a:srgbClr val="EBB0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2" name="iṧľide">
              <a:extLst>
                <a:ext uri="{FF2B5EF4-FFF2-40B4-BE49-F238E27FC236}">
                  <a16:creationId xmlns:a16="http://schemas.microsoft.com/office/drawing/2014/main" xmlns="" id="{7B3ED795-CF97-4A1E-A696-92DC536148B2}"/>
                </a:ext>
              </a:extLst>
            </p:cNvPr>
            <p:cNvSpPr/>
            <p:nvPr/>
          </p:nvSpPr>
          <p:spPr bwMode="auto">
            <a:xfrm>
              <a:off x="4271963" y="2894013"/>
              <a:ext cx="554038" cy="754063"/>
            </a:xfrm>
            <a:custGeom>
              <a:avLst/>
              <a:gdLst>
                <a:gd name="T0" fmla="*/ 312 w 341"/>
                <a:gd name="T1" fmla="*/ 224 h 464"/>
                <a:gd name="T2" fmla="*/ 66 w 341"/>
                <a:gd name="T3" fmla="*/ 464 h 464"/>
                <a:gd name="T4" fmla="*/ 29 w 341"/>
                <a:gd name="T5" fmla="*/ 122 h 464"/>
                <a:gd name="T6" fmla="*/ 223 w 341"/>
                <a:gd name="T7" fmla="*/ 28 h 464"/>
                <a:gd name="T8" fmla="*/ 312 w 341"/>
                <a:gd name="T9" fmla="*/ 224 h 464"/>
              </a:gdLst>
              <a:ahLst/>
              <a:cxnLst>
                <a:cxn ang="0">
                  <a:pos x="T0" y="T1"/>
                </a:cxn>
                <a:cxn ang="0">
                  <a:pos x="T2" y="T3"/>
                </a:cxn>
                <a:cxn ang="0">
                  <a:pos x="T4" y="T5"/>
                </a:cxn>
                <a:cxn ang="0">
                  <a:pos x="T6" y="T7"/>
                </a:cxn>
                <a:cxn ang="0">
                  <a:pos x="T8" y="T9"/>
                </a:cxn>
              </a:cxnLst>
              <a:rect l="0" t="0" r="r" b="b"/>
              <a:pathLst>
                <a:path w="341" h="464">
                  <a:moveTo>
                    <a:pt x="312" y="224"/>
                  </a:moveTo>
                  <a:cubicBezTo>
                    <a:pt x="284" y="304"/>
                    <a:pt x="66" y="464"/>
                    <a:pt x="66" y="464"/>
                  </a:cubicBezTo>
                  <a:cubicBezTo>
                    <a:pt x="66" y="464"/>
                    <a:pt x="0" y="202"/>
                    <a:pt x="29" y="122"/>
                  </a:cubicBezTo>
                  <a:cubicBezTo>
                    <a:pt x="57" y="42"/>
                    <a:pt x="144" y="0"/>
                    <a:pt x="223" y="28"/>
                  </a:cubicBezTo>
                  <a:cubicBezTo>
                    <a:pt x="301" y="57"/>
                    <a:pt x="341" y="144"/>
                    <a:pt x="312" y="224"/>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3" name="ïşḻîḑê">
              <a:extLst>
                <a:ext uri="{FF2B5EF4-FFF2-40B4-BE49-F238E27FC236}">
                  <a16:creationId xmlns:a16="http://schemas.microsoft.com/office/drawing/2014/main" xmlns="" id="{8F470F98-AF60-406B-A581-F580CD526E7D}"/>
                </a:ext>
              </a:extLst>
            </p:cNvPr>
            <p:cNvSpPr/>
            <p:nvPr/>
          </p:nvSpPr>
          <p:spPr bwMode="auto">
            <a:xfrm>
              <a:off x="4422776" y="3033713"/>
              <a:ext cx="258763" cy="263525"/>
            </a:xfrm>
            <a:custGeom>
              <a:avLst/>
              <a:gdLst>
                <a:gd name="T0" fmla="*/ 147 w 160"/>
                <a:gd name="T1" fmla="*/ 105 h 162"/>
                <a:gd name="T2" fmla="*/ 55 w 160"/>
                <a:gd name="T3" fmla="*/ 149 h 162"/>
                <a:gd name="T4" fmla="*/ 13 w 160"/>
                <a:gd name="T5" fmla="*/ 57 h 162"/>
                <a:gd name="T6" fmla="*/ 104 w 160"/>
                <a:gd name="T7" fmla="*/ 13 h 162"/>
                <a:gd name="T8" fmla="*/ 147 w 160"/>
                <a:gd name="T9" fmla="*/ 105 h 162"/>
              </a:gdLst>
              <a:ahLst/>
              <a:cxnLst>
                <a:cxn ang="0">
                  <a:pos x="T0" y="T1"/>
                </a:cxn>
                <a:cxn ang="0">
                  <a:pos x="T2" y="T3"/>
                </a:cxn>
                <a:cxn ang="0">
                  <a:pos x="T4" y="T5"/>
                </a:cxn>
                <a:cxn ang="0">
                  <a:pos x="T6" y="T7"/>
                </a:cxn>
                <a:cxn ang="0">
                  <a:pos x="T8" y="T9"/>
                </a:cxn>
              </a:cxnLst>
              <a:rect l="0" t="0" r="r" b="b"/>
              <a:pathLst>
                <a:path w="160" h="162">
                  <a:moveTo>
                    <a:pt x="147" y="105"/>
                  </a:moveTo>
                  <a:cubicBezTo>
                    <a:pt x="133" y="142"/>
                    <a:pt x="92" y="162"/>
                    <a:pt x="55" y="149"/>
                  </a:cubicBezTo>
                  <a:cubicBezTo>
                    <a:pt x="19" y="136"/>
                    <a:pt x="0" y="94"/>
                    <a:pt x="13" y="57"/>
                  </a:cubicBezTo>
                  <a:cubicBezTo>
                    <a:pt x="27" y="19"/>
                    <a:pt x="67" y="0"/>
                    <a:pt x="104" y="13"/>
                  </a:cubicBezTo>
                  <a:cubicBezTo>
                    <a:pt x="141" y="26"/>
                    <a:pt x="160" y="67"/>
                    <a:pt x="147" y="105"/>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4" name="iṡlíḑe">
              <a:extLst>
                <a:ext uri="{FF2B5EF4-FFF2-40B4-BE49-F238E27FC236}">
                  <a16:creationId xmlns:a16="http://schemas.microsoft.com/office/drawing/2014/main" xmlns="" id="{C0DD3459-E331-4F09-8C80-6EA9A830A02E}"/>
                </a:ext>
              </a:extLst>
            </p:cNvPr>
            <p:cNvSpPr/>
            <p:nvPr/>
          </p:nvSpPr>
          <p:spPr bwMode="auto">
            <a:xfrm>
              <a:off x="4378326" y="3648075"/>
              <a:ext cx="0" cy="0"/>
            </a:xfrm>
            <a:custGeom>
              <a:avLst/>
              <a:gdLst/>
              <a:ahLst/>
              <a:cxnLst>
                <a:cxn ang="0">
                  <a:pos x="0" y="0"/>
                </a:cxn>
                <a:cxn ang="0">
                  <a:pos x="0" y="0"/>
                </a:cxn>
                <a:cxn ang="0">
                  <a:pos x="0" y="0"/>
                </a:cxn>
              </a:cxnLst>
              <a:rect l="0" t="0" r="r" b="b"/>
              <a:pathLst>
                <a:path>
                  <a:moveTo>
                    <a:pt x="0" y="0"/>
                  </a:moveTo>
                  <a:cubicBezTo>
                    <a:pt x="0" y="0"/>
                    <a:pt x="0" y="0"/>
                    <a:pt x="0" y="0"/>
                  </a:cubicBezTo>
                  <a:cubicBezTo>
                    <a:pt x="0" y="0"/>
                    <a:pt x="0" y="0"/>
                    <a:pt x="0" y="0"/>
                  </a:cubicBezTo>
                </a:path>
              </a:pathLst>
            </a:cu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5" name="íşļiḓè">
              <a:extLst>
                <a:ext uri="{FF2B5EF4-FFF2-40B4-BE49-F238E27FC236}">
                  <a16:creationId xmlns:a16="http://schemas.microsoft.com/office/drawing/2014/main" xmlns="" id="{590C0817-F50D-460A-A0DF-FFC1D4BD6125}"/>
                </a:ext>
              </a:extLst>
            </p:cNvPr>
            <p:cNvSpPr/>
            <p:nvPr/>
          </p:nvSpPr>
          <p:spPr bwMode="auto">
            <a:xfrm>
              <a:off x="4356101" y="3238500"/>
              <a:ext cx="428625" cy="409575"/>
            </a:xfrm>
            <a:custGeom>
              <a:avLst/>
              <a:gdLst>
                <a:gd name="T0" fmla="*/ 264 w 264"/>
                <a:gd name="T1" fmla="*/ 0 h 252"/>
                <a:gd name="T2" fmla="*/ 218 w 264"/>
                <a:gd name="T3" fmla="*/ 56 h 252"/>
                <a:gd name="T4" fmla="*/ 59 w 264"/>
                <a:gd name="T5" fmla="*/ 156 h 252"/>
                <a:gd name="T6" fmla="*/ 0 w 264"/>
                <a:gd name="T7" fmla="*/ 185 h 252"/>
                <a:gd name="T8" fmla="*/ 14 w 264"/>
                <a:gd name="T9" fmla="*/ 252 h 252"/>
                <a:gd name="T10" fmla="*/ 14 w 264"/>
                <a:gd name="T11" fmla="*/ 252 h 252"/>
                <a:gd name="T12" fmla="*/ 14 w 264"/>
                <a:gd name="T13" fmla="*/ 252 h 252"/>
                <a:gd name="T14" fmla="*/ 260 w 264"/>
                <a:gd name="T15" fmla="*/ 12 h 252"/>
                <a:gd name="T16" fmla="*/ 264 w 264"/>
                <a:gd name="T17" fmla="*/ 0 h 2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4" h="252">
                  <a:moveTo>
                    <a:pt x="264" y="0"/>
                  </a:moveTo>
                  <a:cubicBezTo>
                    <a:pt x="251" y="20"/>
                    <a:pt x="235" y="39"/>
                    <a:pt x="218" y="56"/>
                  </a:cubicBezTo>
                  <a:cubicBezTo>
                    <a:pt x="171" y="103"/>
                    <a:pt x="118" y="125"/>
                    <a:pt x="59" y="156"/>
                  </a:cubicBezTo>
                  <a:cubicBezTo>
                    <a:pt x="40" y="166"/>
                    <a:pt x="20" y="176"/>
                    <a:pt x="0" y="185"/>
                  </a:cubicBezTo>
                  <a:cubicBezTo>
                    <a:pt x="8" y="225"/>
                    <a:pt x="14" y="252"/>
                    <a:pt x="14" y="252"/>
                  </a:cubicBezTo>
                  <a:cubicBezTo>
                    <a:pt x="14" y="252"/>
                    <a:pt x="14" y="252"/>
                    <a:pt x="14" y="252"/>
                  </a:cubicBezTo>
                  <a:cubicBezTo>
                    <a:pt x="14" y="252"/>
                    <a:pt x="14" y="252"/>
                    <a:pt x="14" y="252"/>
                  </a:cubicBezTo>
                  <a:cubicBezTo>
                    <a:pt x="14" y="252"/>
                    <a:pt x="232" y="92"/>
                    <a:pt x="260" y="12"/>
                  </a:cubicBezTo>
                  <a:cubicBezTo>
                    <a:pt x="262" y="8"/>
                    <a:pt x="263" y="4"/>
                    <a:pt x="264"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6" name="ïšḷïḍê">
              <a:extLst>
                <a:ext uri="{FF2B5EF4-FFF2-40B4-BE49-F238E27FC236}">
                  <a16:creationId xmlns:a16="http://schemas.microsoft.com/office/drawing/2014/main" xmlns="" id="{134632C6-6E80-45D0-BC75-F84F5FD9FBDC}"/>
                </a:ext>
              </a:extLst>
            </p:cNvPr>
            <p:cNvSpPr/>
            <p:nvPr/>
          </p:nvSpPr>
          <p:spPr bwMode="auto">
            <a:xfrm>
              <a:off x="3981451" y="5486400"/>
              <a:ext cx="112713" cy="82550"/>
            </a:xfrm>
            <a:custGeom>
              <a:avLst/>
              <a:gdLst>
                <a:gd name="T0" fmla="*/ 1 w 69"/>
                <a:gd name="T1" fmla="*/ 35 h 51"/>
                <a:gd name="T2" fmla="*/ 3 w 69"/>
                <a:gd name="T3" fmla="*/ 28 h 51"/>
                <a:gd name="T4" fmla="*/ 16 w 69"/>
                <a:gd name="T5" fmla="*/ 6 h 51"/>
                <a:gd name="T6" fmla="*/ 36 w 69"/>
                <a:gd name="T7" fmla="*/ 2 h 51"/>
                <a:gd name="T8" fmla="*/ 66 w 69"/>
                <a:gd name="T9" fmla="*/ 6 h 51"/>
                <a:gd name="T10" fmla="*/ 68 w 69"/>
                <a:gd name="T11" fmla="*/ 7 h 51"/>
                <a:gd name="T12" fmla="*/ 68 w 69"/>
                <a:gd name="T13" fmla="*/ 10 h 51"/>
                <a:gd name="T14" fmla="*/ 51 w 69"/>
                <a:gd name="T15" fmla="*/ 43 h 51"/>
                <a:gd name="T16" fmla="*/ 47 w 69"/>
                <a:gd name="T17" fmla="*/ 49 h 51"/>
                <a:gd name="T18" fmla="*/ 40 w 69"/>
                <a:gd name="T19" fmla="*/ 51 h 51"/>
                <a:gd name="T20" fmla="*/ 9 w 69"/>
                <a:gd name="T21" fmla="*/ 45 h 51"/>
                <a:gd name="T22" fmla="*/ 1 w 69"/>
                <a:gd name="T23" fmla="*/ 35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69" h="51">
                  <a:moveTo>
                    <a:pt x="1" y="35"/>
                  </a:moveTo>
                  <a:cubicBezTo>
                    <a:pt x="1" y="33"/>
                    <a:pt x="2" y="31"/>
                    <a:pt x="3" y="28"/>
                  </a:cubicBezTo>
                  <a:cubicBezTo>
                    <a:pt x="7" y="21"/>
                    <a:pt x="11" y="12"/>
                    <a:pt x="16" y="6"/>
                  </a:cubicBezTo>
                  <a:cubicBezTo>
                    <a:pt x="20" y="0"/>
                    <a:pt x="29" y="2"/>
                    <a:pt x="36" y="2"/>
                  </a:cubicBezTo>
                  <a:cubicBezTo>
                    <a:pt x="46" y="4"/>
                    <a:pt x="56" y="5"/>
                    <a:pt x="66" y="6"/>
                  </a:cubicBezTo>
                  <a:cubicBezTo>
                    <a:pt x="67" y="7"/>
                    <a:pt x="67" y="7"/>
                    <a:pt x="68" y="7"/>
                  </a:cubicBezTo>
                  <a:cubicBezTo>
                    <a:pt x="69" y="8"/>
                    <a:pt x="68" y="9"/>
                    <a:pt x="68" y="10"/>
                  </a:cubicBezTo>
                  <a:cubicBezTo>
                    <a:pt x="62" y="21"/>
                    <a:pt x="57" y="32"/>
                    <a:pt x="51" y="43"/>
                  </a:cubicBezTo>
                  <a:cubicBezTo>
                    <a:pt x="50" y="45"/>
                    <a:pt x="49" y="47"/>
                    <a:pt x="47" y="49"/>
                  </a:cubicBezTo>
                  <a:cubicBezTo>
                    <a:pt x="45" y="50"/>
                    <a:pt x="43" y="51"/>
                    <a:pt x="40" y="51"/>
                  </a:cubicBezTo>
                  <a:cubicBezTo>
                    <a:pt x="29" y="51"/>
                    <a:pt x="19" y="49"/>
                    <a:pt x="9" y="45"/>
                  </a:cubicBezTo>
                  <a:cubicBezTo>
                    <a:pt x="3" y="43"/>
                    <a:pt x="0" y="40"/>
                    <a:pt x="1" y="35"/>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7" name="işļîďè">
              <a:extLst>
                <a:ext uri="{FF2B5EF4-FFF2-40B4-BE49-F238E27FC236}">
                  <a16:creationId xmlns:a16="http://schemas.microsoft.com/office/drawing/2014/main" xmlns="" id="{5D3517DF-2B4E-4606-A76C-6A70DCA9D080}"/>
                </a:ext>
              </a:extLst>
            </p:cNvPr>
            <p:cNvSpPr/>
            <p:nvPr/>
          </p:nvSpPr>
          <p:spPr bwMode="auto">
            <a:xfrm>
              <a:off x="3883026" y="4733925"/>
              <a:ext cx="273050" cy="833438"/>
            </a:xfrm>
            <a:custGeom>
              <a:avLst/>
              <a:gdLst>
                <a:gd name="T0" fmla="*/ 0 w 172"/>
                <a:gd name="T1" fmla="*/ 16 h 525"/>
                <a:gd name="T2" fmla="*/ 63 w 172"/>
                <a:gd name="T3" fmla="*/ 265 h 525"/>
                <a:gd name="T4" fmla="*/ 64 w 172"/>
                <a:gd name="T5" fmla="*/ 516 h 525"/>
                <a:gd name="T6" fmla="*/ 91 w 172"/>
                <a:gd name="T7" fmla="*/ 525 h 525"/>
                <a:gd name="T8" fmla="*/ 109 w 172"/>
                <a:gd name="T9" fmla="*/ 515 h 525"/>
                <a:gd name="T10" fmla="*/ 147 w 172"/>
                <a:gd name="T11" fmla="*/ 256 h 525"/>
                <a:gd name="T12" fmla="*/ 172 w 172"/>
                <a:gd name="T13" fmla="*/ 0 h 525"/>
                <a:gd name="T14" fmla="*/ 0 w 172"/>
                <a:gd name="T15" fmla="*/ 16 h 52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2" h="525">
                  <a:moveTo>
                    <a:pt x="0" y="16"/>
                  </a:moveTo>
                  <a:lnTo>
                    <a:pt x="63" y="265"/>
                  </a:lnTo>
                  <a:lnTo>
                    <a:pt x="64" y="516"/>
                  </a:lnTo>
                  <a:lnTo>
                    <a:pt x="91" y="525"/>
                  </a:lnTo>
                  <a:lnTo>
                    <a:pt x="109" y="515"/>
                  </a:lnTo>
                  <a:lnTo>
                    <a:pt x="147" y="256"/>
                  </a:lnTo>
                  <a:lnTo>
                    <a:pt x="172" y="0"/>
                  </a:lnTo>
                  <a:lnTo>
                    <a:pt x="0" y="16"/>
                  </a:ln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8" name="ïšḷîḍe">
              <a:extLst>
                <a:ext uri="{FF2B5EF4-FFF2-40B4-BE49-F238E27FC236}">
                  <a16:creationId xmlns:a16="http://schemas.microsoft.com/office/drawing/2014/main" xmlns="" id="{427B7B13-330A-4073-B3C1-1DA7FF6BBE33}"/>
                </a:ext>
              </a:extLst>
            </p:cNvPr>
            <p:cNvSpPr/>
            <p:nvPr/>
          </p:nvSpPr>
          <p:spPr bwMode="auto">
            <a:xfrm>
              <a:off x="3587751" y="5480050"/>
              <a:ext cx="120650" cy="88900"/>
            </a:xfrm>
            <a:custGeom>
              <a:avLst/>
              <a:gdLst>
                <a:gd name="T0" fmla="*/ 2 w 75"/>
                <a:gd name="T1" fmla="*/ 28 h 55"/>
                <a:gd name="T2" fmla="*/ 7 w 75"/>
                <a:gd name="T3" fmla="*/ 22 h 55"/>
                <a:gd name="T4" fmla="*/ 24 w 75"/>
                <a:gd name="T5" fmla="*/ 4 h 55"/>
                <a:gd name="T6" fmla="*/ 44 w 75"/>
                <a:gd name="T7" fmla="*/ 6 h 55"/>
                <a:gd name="T8" fmla="*/ 73 w 75"/>
                <a:gd name="T9" fmla="*/ 19 h 55"/>
                <a:gd name="T10" fmla="*/ 74 w 75"/>
                <a:gd name="T11" fmla="*/ 19 h 55"/>
                <a:gd name="T12" fmla="*/ 73 w 75"/>
                <a:gd name="T13" fmla="*/ 23 h 55"/>
                <a:gd name="T14" fmla="*/ 48 w 75"/>
                <a:gd name="T15" fmla="*/ 50 h 55"/>
                <a:gd name="T16" fmla="*/ 43 w 75"/>
                <a:gd name="T17" fmla="*/ 54 h 55"/>
                <a:gd name="T18" fmla="*/ 35 w 75"/>
                <a:gd name="T19" fmla="*/ 54 h 55"/>
                <a:gd name="T20" fmla="*/ 7 w 75"/>
                <a:gd name="T21" fmla="*/ 40 h 55"/>
                <a:gd name="T22" fmla="*/ 2 w 75"/>
                <a:gd name="T23" fmla="*/ 28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5" h="55">
                  <a:moveTo>
                    <a:pt x="2" y="28"/>
                  </a:moveTo>
                  <a:cubicBezTo>
                    <a:pt x="3" y="26"/>
                    <a:pt x="5" y="24"/>
                    <a:pt x="7" y="22"/>
                  </a:cubicBezTo>
                  <a:cubicBezTo>
                    <a:pt x="12" y="16"/>
                    <a:pt x="18" y="9"/>
                    <a:pt x="24" y="4"/>
                  </a:cubicBezTo>
                  <a:cubicBezTo>
                    <a:pt x="30" y="0"/>
                    <a:pt x="38" y="3"/>
                    <a:pt x="44" y="6"/>
                  </a:cubicBezTo>
                  <a:cubicBezTo>
                    <a:pt x="54" y="10"/>
                    <a:pt x="63" y="14"/>
                    <a:pt x="73" y="19"/>
                  </a:cubicBezTo>
                  <a:cubicBezTo>
                    <a:pt x="73" y="19"/>
                    <a:pt x="74" y="19"/>
                    <a:pt x="74" y="19"/>
                  </a:cubicBezTo>
                  <a:cubicBezTo>
                    <a:pt x="75" y="20"/>
                    <a:pt x="74" y="22"/>
                    <a:pt x="73" y="23"/>
                  </a:cubicBezTo>
                  <a:cubicBezTo>
                    <a:pt x="65" y="32"/>
                    <a:pt x="57" y="41"/>
                    <a:pt x="48" y="50"/>
                  </a:cubicBezTo>
                  <a:cubicBezTo>
                    <a:pt x="47" y="51"/>
                    <a:pt x="45" y="53"/>
                    <a:pt x="43" y="54"/>
                  </a:cubicBezTo>
                  <a:cubicBezTo>
                    <a:pt x="41" y="55"/>
                    <a:pt x="38" y="54"/>
                    <a:pt x="35" y="54"/>
                  </a:cubicBezTo>
                  <a:cubicBezTo>
                    <a:pt x="25" y="51"/>
                    <a:pt x="16" y="47"/>
                    <a:pt x="7" y="40"/>
                  </a:cubicBezTo>
                  <a:cubicBezTo>
                    <a:pt x="2" y="36"/>
                    <a:pt x="0" y="32"/>
                    <a:pt x="2" y="28"/>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89" name="išḷîdê">
              <a:extLst>
                <a:ext uri="{FF2B5EF4-FFF2-40B4-BE49-F238E27FC236}">
                  <a16:creationId xmlns:a16="http://schemas.microsoft.com/office/drawing/2014/main" xmlns="" id="{455D8C59-A120-4C5D-B107-72CA5B5B3DDF}"/>
                </a:ext>
              </a:extLst>
            </p:cNvPr>
            <p:cNvSpPr/>
            <p:nvPr/>
          </p:nvSpPr>
          <p:spPr bwMode="auto">
            <a:xfrm>
              <a:off x="3594101" y="4729163"/>
              <a:ext cx="390525" cy="815975"/>
            </a:xfrm>
            <a:custGeom>
              <a:avLst/>
              <a:gdLst>
                <a:gd name="T0" fmla="*/ 76 w 246"/>
                <a:gd name="T1" fmla="*/ 0 h 514"/>
                <a:gd name="T2" fmla="*/ 59 w 246"/>
                <a:gd name="T3" fmla="*/ 251 h 514"/>
                <a:gd name="T4" fmla="*/ 0 w 246"/>
                <a:gd name="T5" fmla="*/ 498 h 514"/>
                <a:gd name="T6" fmla="*/ 22 w 246"/>
                <a:gd name="T7" fmla="*/ 514 h 514"/>
                <a:gd name="T8" fmla="*/ 44 w 246"/>
                <a:gd name="T9" fmla="*/ 511 h 514"/>
                <a:gd name="T10" fmla="*/ 151 w 246"/>
                <a:gd name="T11" fmla="*/ 271 h 514"/>
                <a:gd name="T12" fmla="*/ 246 w 246"/>
                <a:gd name="T13" fmla="*/ 33 h 514"/>
                <a:gd name="T14" fmla="*/ 76 w 246"/>
                <a:gd name="T15" fmla="*/ 0 h 5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46" h="514">
                  <a:moveTo>
                    <a:pt x="76" y="0"/>
                  </a:moveTo>
                  <a:lnTo>
                    <a:pt x="59" y="251"/>
                  </a:lnTo>
                  <a:lnTo>
                    <a:pt x="0" y="498"/>
                  </a:lnTo>
                  <a:lnTo>
                    <a:pt x="22" y="514"/>
                  </a:lnTo>
                  <a:lnTo>
                    <a:pt x="44" y="511"/>
                  </a:lnTo>
                  <a:lnTo>
                    <a:pt x="151" y="271"/>
                  </a:lnTo>
                  <a:lnTo>
                    <a:pt x="246" y="33"/>
                  </a:lnTo>
                  <a:lnTo>
                    <a:pt x="76" y="0"/>
                  </a:ln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90" name="ïşļïďé">
              <a:extLst>
                <a:ext uri="{FF2B5EF4-FFF2-40B4-BE49-F238E27FC236}">
                  <a16:creationId xmlns:a16="http://schemas.microsoft.com/office/drawing/2014/main" xmlns="" id="{DFEFA18E-8BA9-4397-8A75-783982CE8F0E}"/>
                </a:ext>
              </a:extLst>
            </p:cNvPr>
            <p:cNvSpPr/>
            <p:nvPr/>
          </p:nvSpPr>
          <p:spPr bwMode="auto">
            <a:xfrm>
              <a:off x="3581401" y="3841750"/>
              <a:ext cx="781050" cy="1109663"/>
            </a:xfrm>
            <a:custGeom>
              <a:avLst/>
              <a:gdLst>
                <a:gd name="T0" fmla="*/ 247 w 481"/>
                <a:gd name="T1" fmla="*/ 16 h 684"/>
                <a:gd name="T2" fmla="*/ 276 w 481"/>
                <a:gd name="T3" fmla="*/ 78 h 684"/>
                <a:gd name="T4" fmla="*/ 389 w 481"/>
                <a:gd name="T5" fmla="*/ 371 h 684"/>
                <a:gd name="T6" fmla="*/ 441 w 481"/>
                <a:gd name="T7" fmla="*/ 519 h 684"/>
                <a:gd name="T8" fmla="*/ 481 w 481"/>
                <a:gd name="T9" fmla="*/ 638 h 684"/>
                <a:gd name="T10" fmla="*/ 26 w 481"/>
                <a:gd name="T11" fmla="*/ 667 h 684"/>
                <a:gd name="T12" fmla="*/ 6 w 481"/>
                <a:gd name="T13" fmla="*/ 535 h 684"/>
                <a:gd name="T14" fmla="*/ 8 w 481"/>
                <a:gd name="T15" fmla="*/ 313 h 684"/>
                <a:gd name="T16" fmla="*/ 46 w 481"/>
                <a:gd name="T17" fmla="*/ 152 h 684"/>
                <a:gd name="T18" fmla="*/ 126 w 481"/>
                <a:gd name="T19" fmla="*/ 17 h 684"/>
                <a:gd name="T20" fmla="*/ 244 w 481"/>
                <a:gd name="T21" fmla="*/ 13 h 684"/>
                <a:gd name="T22" fmla="*/ 247 w 481"/>
                <a:gd name="T23" fmla="*/ 16 h 6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81" h="684">
                  <a:moveTo>
                    <a:pt x="247" y="16"/>
                  </a:moveTo>
                  <a:cubicBezTo>
                    <a:pt x="261" y="29"/>
                    <a:pt x="269" y="63"/>
                    <a:pt x="276" y="78"/>
                  </a:cubicBezTo>
                  <a:cubicBezTo>
                    <a:pt x="318" y="174"/>
                    <a:pt x="354" y="272"/>
                    <a:pt x="389" y="371"/>
                  </a:cubicBezTo>
                  <a:cubicBezTo>
                    <a:pt x="406" y="420"/>
                    <a:pt x="423" y="470"/>
                    <a:pt x="441" y="519"/>
                  </a:cubicBezTo>
                  <a:cubicBezTo>
                    <a:pt x="444" y="528"/>
                    <a:pt x="479" y="638"/>
                    <a:pt x="481" y="638"/>
                  </a:cubicBezTo>
                  <a:cubicBezTo>
                    <a:pt x="317" y="657"/>
                    <a:pt x="191" y="684"/>
                    <a:pt x="26" y="667"/>
                  </a:cubicBezTo>
                  <a:cubicBezTo>
                    <a:pt x="7" y="665"/>
                    <a:pt x="7" y="549"/>
                    <a:pt x="6" y="535"/>
                  </a:cubicBezTo>
                  <a:cubicBezTo>
                    <a:pt x="0" y="461"/>
                    <a:pt x="0" y="386"/>
                    <a:pt x="8" y="313"/>
                  </a:cubicBezTo>
                  <a:cubicBezTo>
                    <a:pt x="15" y="258"/>
                    <a:pt x="27" y="204"/>
                    <a:pt x="46" y="152"/>
                  </a:cubicBezTo>
                  <a:cubicBezTo>
                    <a:pt x="61" y="111"/>
                    <a:pt x="84" y="38"/>
                    <a:pt x="126" y="17"/>
                  </a:cubicBezTo>
                  <a:cubicBezTo>
                    <a:pt x="149" y="6"/>
                    <a:pt x="222" y="0"/>
                    <a:pt x="244" y="13"/>
                  </a:cubicBezTo>
                  <a:cubicBezTo>
                    <a:pt x="245" y="14"/>
                    <a:pt x="246" y="15"/>
                    <a:pt x="247" y="16"/>
                  </a:cubicBezTo>
                  <a:close/>
                </a:path>
              </a:pathLst>
            </a:custGeom>
            <a:solidFill>
              <a:srgbClr val="D1E7F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91" name="ísḻïḍe">
              <a:extLst>
                <a:ext uri="{FF2B5EF4-FFF2-40B4-BE49-F238E27FC236}">
                  <a16:creationId xmlns:a16="http://schemas.microsoft.com/office/drawing/2014/main" xmlns="" id="{BCC00D17-B806-4B6D-A384-965AB3A8A34A}"/>
                </a:ext>
              </a:extLst>
            </p:cNvPr>
            <p:cNvSpPr/>
            <p:nvPr/>
          </p:nvSpPr>
          <p:spPr bwMode="auto">
            <a:xfrm>
              <a:off x="3524251" y="3540125"/>
              <a:ext cx="592138" cy="533400"/>
            </a:xfrm>
            <a:custGeom>
              <a:avLst/>
              <a:gdLst>
                <a:gd name="T0" fmla="*/ 346 w 365"/>
                <a:gd name="T1" fmla="*/ 137 h 329"/>
                <a:gd name="T2" fmla="*/ 297 w 365"/>
                <a:gd name="T3" fmla="*/ 197 h 329"/>
                <a:gd name="T4" fmla="*/ 162 w 365"/>
                <a:gd name="T5" fmla="*/ 323 h 329"/>
                <a:gd name="T6" fmla="*/ 155 w 365"/>
                <a:gd name="T7" fmla="*/ 328 h 329"/>
                <a:gd name="T8" fmla="*/ 142 w 365"/>
                <a:gd name="T9" fmla="*/ 328 h 329"/>
                <a:gd name="T10" fmla="*/ 0 w 365"/>
                <a:gd name="T11" fmla="*/ 296 h 329"/>
                <a:gd name="T12" fmla="*/ 73 w 365"/>
                <a:gd name="T13" fmla="*/ 146 h 329"/>
                <a:gd name="T14" fmla="*/ 149 w 365"/>
                <a:gd name="T15" fmla="*/ 53 h 329"/>
                <a:gd name="T16" fmla="*/ 295 w 365"/>
                <a:gd name="T17" fmla="*/ 12 h 329"/>
                <a:gd name="T18" fmla="*/ 346 w 365"/>
                <a:gd name="T19" fmla="*/ 137 h 3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65" h="329">
                  <a:moveTo>
                    <a:pt x="346" y="137"/>
                  </a:moveTo>
                  <a:cubicBezTo>
                    <a:pt x="336" y="161"/>
                    <a:pt x="316" y="179"/>
                    <a:pt x="297" y="197"/>
                  </a:cubicBezTo>
                  <a:cubicBezTo>
                    <a:pt x="252" y="239"/>
                    <a:pt x="207" y="281"/>
                    <a:pt x="162" y="323"/>
                  </a:cubicBezTo>
                  <a:cubicBezTo>
                    <a:pt x="160" y="325"/>
                    <a:pt x="158" y="327"/>
                    <a:pt x="155" y="328"/>
                  </a:cubicBezTo>
                  <a:cubicBezTo>
                    <a:pt x="151" y="329"/>
                    <a:pt x="146" y="329"/>
                    <a:pt x="142" y="328"/>
                  </a:cubicBezTo>
                  <a:cubicBezTo>
                    <a:pt x="94" y="317"/>
                    <a:pt x="47" y="307"/>
                    <a:pt x="0" y="296"/>
                  </a:cubicBezTo>
                  <a:cubicBezTo>
                    <a:pt x="21" y="245"/>
                    <a:pt x="46" y="194"/>
                    <a:pt x="73" y="146"/>
                  </a:cubicBezTo>
                  <a:cubicBezTo>
                    <a:pt x="93" y="111"/>
                    <a:pt x="116" y="76"/>
                    <a:pt x="149" y="53"/>
                  </a:cubicBezTo>
                  <a:cubicBezTo>
                    <a:pt x="181" y="30"/>
                    <a:pt x="255" y="0"/>
                    <a:pt x="295" y="12"/>
                  </a:cubicBezTo>
                  <a:cubicBezTo>
                    <a:pt x="344" y="26"/>
                    <a:pt x="365" y="94"/>
                    <a:pt x="346" y="137"/>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92" name="íşľiḑé">
              <a:extLst>
                <a:ext uri="{FF2B5EF4-FFF2-40B4-BE49-F238E27FC236}">
                  <a16:creationId xmlns:a16="http://schemas.microsoft.com/office/drawing/2014/main" xmlns="" id="{FADD843E-4F01-4219-8797-2C3286112356}"/>
                </a:ext>
              </a:extLst>
            </p:cNvPr>
            <p:cNvSpPr/>
            <p:nvPr/>
          </p:nvSpPr>
          <p:spPr bwMode="auto">
            <a:xfrm>
              <a:off x="4368801" y="3533775"/>
              <a:ext cx="171450" cy="173038"/>
            </a:xfrm>
            <a:custGeom>
              <a:avLst/>
              <a:gdLst>
                <a:gd name="T0" fmla="*/ 100 w 106"/>
                <a:gd name="T1" fmla="*/ 17 h 107"/>
                <a:gd name="T2" fmla="*/ 92 w 106"/>
                <a:gd name="T3" fmla="*/ 2 h 107"/>
                <a:gd name="T4" fmla="*/ 90 w 106"/>
                <a:gd name="T5" fmla="*/ 0 h 107"/>
                <a:gd name="T6" fmla="*/ 86 w 106"/>
                <a:gd name="T7" fmla="*/ 3 h 107"/>
                <a:gd name="T8" fmla="*/ 64 w 106"/>
                <a:gd name="T9" fmla="*/ 28 h 107"/>
                <a:gd name="T10" fmla="*/ 55 w 106"/>
                <a:gd name="T11" fmla="*/ 18 h 107"/>
                <a:gd name="T12" fmla="*/ 45 w 106"/>
                <a:gd name="T13" fmla="*/ 26 h 107"/>
                <a:gd name="T14" fmla="*/ 44 w 106"/>
                <a:gd name="T15" fmla="*/ 29 h 107"/>
                <a:gd name="T16" fmla="*/ 46 w 106"/>
                <a:gd name="T17" fmla="*/ 33 h 107"/>
                <a:gd name="T18" fmla="*/ 38 w 106"/>
                <a:gd name="T19" fmla="*/ 103 h 107"/>
                <a:gd name="T20" fmla="*/ 51 w 106"/>
                <a:gd name="T21" fmla="*/ 104 h 107"/>
                <a:gd name="T22" fmla="*/ 53 w 106"/>
                <a:gd name="T23" fmla="*/ 100 h 107"/>
                <a:gd name="T24" fmla="*/ 74 w 106"/>
                <a:gd name="T25" fmla="*/ 76 h 107"/>
                <a:gd name="T26" fmla="*/ 98 w 106"/>
                <a:gd name="T27" fmla="*/ 61 h 107"/>
                <a:gd name="T28" fmla="*/ 101 w 106"/>
                <a:gd name="T29" fmla="*/ 19 h 107"/>
                <a:gd name="T30" fmla="*/ 100 w 106"/>
                <a:gd name="T31" fmla="*/ 17 h 1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6" h="107">
                  <a:moveTo>
                    <a:pt x="100" y="17"/>
                  </a:moveTo>
                  <a:cubicBezTo>
                    <a:pt x="99" y="11"/>
                    <a:pt x="96" y="6"/>
                    <a:pt x="92" y="2"/>
                  </a:cubicBezTo>
                  <a:cubicBezTo>
                    <a:pt x="92" y="1"/>
                    <a:pt x="91" y="1"/>
                    <a:pt x="90" y="0"/>
                  </a:cubicBezTo>
                  <a:cubicBezTo>
                    <a:pt x="88" y="0"/>
                    <a:pt x="87" y="2"/>
                    <a:pt x="86" y="3"/>
                  </a:cubicBezTo>
                  <a:cubicBezTo>
                    <a:pt x="79" y="11"/>
                    <a:pt x="72" y="19"/>
                    <a:pt x="64" y="28"/>
                  </a:cubicBezTo>
                  <a:cubicBezTo>
                    <a:pt x="60" y="26"/>
                    <a:pt x="59" y="20"/>
                    <a:pt x="55" y="18"/>
                  </a:cubicBezTo>
                  <a:cubicBezTo>
                    <a:pt x="51" y="17"/>
                    <a:pt x="47" y="22"/>
                    <a:pt x="45" y="26"/>
                  </a:cubicBezTo>
                  <a:cubicBezTo>
                    <a:pt x="44" y="27"/>
                    <a:pt x="44" y="28"/>
                    <a:pt x="44" y="29"/>
                  </a:cubicBezTo>
                  <a:cubicBezTo>
                    <a:pt x="44" y="31"/>
                    <a:pt x="45" y="32"/>
                    <a:pt x="46" y="33"/>
                  </a:cubicBezTo>
                  <a:cubicBezTo>
                    <a:pt x="63" y="60"/>
                    <a:pt x="0" y="81"/>
                    <a:pt x="38" y="103"/>
                  </a:cubicBezTo>
                  <a:cubicBezTo>
                    <a:pt x="42" y="105"/>
                    <a:pt x="48" y="107"/>
                    <a:pt x="51" y="104"/>
                  </a:cubicBezTo>
                  <a:cubicBezTo>
                    <a:pt x="52" y="103"/>
                    <a:pt x="53" y="101"/>
                    <a:pt x="53" y="100"/>
                  </a:cubicBezTo>
                  <a:cubicBezTo>
                    <a:pt x="58" y="91"/>
                    <a:pt x="65" y="81"/>
                    <a:pt x="74" y="76"/>
                  </a:cubicBezTo>
                  <a:cubicBezTo>
                    <a:pt x="83" y="71"/>
                    <a:pt x="92" y="70"/>
                    <a:pt x="98" y="61"/>
                  </a:cubicBezTo>
                  <a:cubicBezTo>
                    <a:pt x="106" y="49"/>
                    <a:pt x="104" y="33"/>
                    <a:pt x="101" y="19"/>
                  </a:cubicBezTo>
                  <a:cubicBezTo>
                    <a:pt x="100" y="18"/>
                    <a:pt x="100" y="18"/>
                    <a:pt x="100" y="17"/>
                  </a:cubicBezTo>
                  <a:close/>
                </a:path>
              </a:pathLst>
            </a:custGeom>
            <a:solidFill>
              <a:srgbClr val="EFBFA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493" name="íṥľïḋé">
              <a:extLst>
                <a:ext uri="{FF2B5EF4-FFF2-40B4-BE49-F238E27FC236}">
                  <a16:creationId xmlns:a16="http://schemas.microsoft.com/office/drawing/2014/main" xmlns="" id="{C0CF5A2C-4C81-4016-82C3-31757389A963}"/>
                </a:ext>
              </a:extLst>
            </p:cNvPr>
            <p:cNvSpPr/>
            <p:nvPr/>
          </p:nvSpPr>
          <p:spPr bwMode="auto">
            <a:xfrm>
              <a:off x="3805238" y="3640138"/>
              <a:ext cx="679450" cy="565150"/>
            </a:xfrm>
            <a:custGeom>
              <a:avLst/>
              <a:gdLst>
                <a:gd name="T0" fmla="*/ 135 w 428"/>
                <a:gd name="T1" fmla="*/ 356 h 356"/>
                <a:gd name="T2" fmla="*/ 305 w 428"/>
                <a:gd name="T3" fmla="*/ 248 h 356"/>
                <a:gd name="T4" fmla="*/ 428 w 428"/>
                <a:gd name="T5" fmla="*/ 21 h 356"/>
                <a:gd name="T6" fmla="*/ 390 w 428"/>
                <a:gd name="T7" fmla="*/ 0 h 356"/>
                <a:gd name="T8" fmla="*/ 197 w 428"/>
                <a:gd name="T9" fmla="*/ 164 h 356"/>
                <a:gd name="T10" fmla="*/ 94 w 428"/>
                <a:gd name="T11" fmla="*/ 163 h 356"/>
                <a:gd name="T12" fmla="*/ 0 w 428"/>
                <a:gd name="T13" fmla="*/ 274 h 356"/>
                <a:gd name="T14" fmla="*/ 135 w 428"/>
                <a:gd name="T15" fmla="*/ 356 h 3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28" h="356">
                  <a:moveTo>
                    <a:pt x="135" y="356"/>
                  </a:moveTo>
                  <a:lnTo>
                    <a:pt x="305" y="248"/>
                  </a:lnTo>
                  <a:lnTo>
                    <a:pt x="428" y="21"/>
                  </a:lnTo>
                  <a:lnTo>
                    <a:pt x="390" y="0"/>
                  </a:lnTo>
                  <a:lnTo>
                    <a:pt x="197" y="164"/>
                  </a:lnTo>
                  <a:lnTo>
                    <a:pt x="94" y="163"/>
                  </a:lnTo>
                  <a:lnTo>
                    <a:pt x="0" y="274"/>
                  </a:lnTo>
                  <a:lnTo>
                    <a:pt x="135" y="356"/>
                  </a:lnTo>
                  <a:close/>
                </a:path>
              </a:pathLst>
            </a:custGeom>
            <a:solidFill>
              <a:srgbClr val="D1E7F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grpSp>
      <p:grpSp>
        <p:nvGrpSpPr>
          <p:cNvPr id="518" name="组合 517">
            <a:extLst>
              <a:ext uri="{FF2B5EF4-FFF2-40B4-BE49-F238E27FC236}">
                <a16:creationId xmlns:a16="http://schemas.microsoft.com/office/drawing/2014/main" xmlns="" id="{15D9888B-3E8E-477A-B4E8-50BD3641C62F}"/>
              </a:ext>
            </a:extLst>
          </p:cNvPr>
          <p:cNvGrpSpPr/>
          <p:nvPr/>
        </p:nvGrpSpPr>
        <p:grpSpPr>
          <a:xfrm>
            <a:off x="6506054" y="4281874"/>
            <a:ext cx="841137" cy="1503786"/>
            <a:chOff x="7423965" y="2075346"/>
            <a:chExt cx="1386264" cy="2641601"/>
          </a:xfrm>
        </p:grpSpPr>
        <p:sp>
          <p:nvSpPr>
            <p:cNvPr id="520" name="ïṡḷiḋé">
              <a:extLst>
                <a:ext uri="{FF2B5EF4-FFF2-40B4-BE49-F238E27FC236}">
                  <a16:creationId xmlns:a16="http://schemas.microsoft.com/office/drawing/2014/main" xmlns="" id="{CE22487C-861C-48F1-BB9A-DBC4E5800311}"/>
                </a:ext>
              </a:extLst>
            </p:cNvPr>
            <p:cNvSpPr/>
            <p:nvPr/>
          </p:nvSpPr>
          <p:spPr bwMode="auto">
            <a:xfrm>
              <a:off x="7446566" y="2200759"/>
              <a:ext cx="1363663" cy="2516188"/>
            </a:xfrm>
            <a:custGeom>
              <a:avLst/>
              <a:gdLst>
                <a:gd name="T0" fmla="*/ 0 w 76"/>
                <a:gd name="T1" fmla="*/ 0 h 140"/>
                <a:gd name="T2" fmla="*/ 0 w 76"/>
                <a:gd name="T3" fmla="*/ 126 h 140"/>
                <a:gd name="T4" fmla="*/ 38 w 76"/>
                <a:gd name="T5" fmla="*/ 140 h 140"/>
                <a:gd name="T6" fmla="*/ 76 w 76"/>
                <a:gd name="T7" fmla="*/ 126 h 140"/>
                <a:gd name="T8" fmla="*/ 76 w 76"/>
                <a:gd name="T9" fmla="*/ 0 h 140"/>
                <a:gd name="T10" fmla="*/ 0 w 76"/>
                <a:gd name="T11" fmla="*/ 0 h 140"/>
              </a:gdLst>
              <a:ahLst/>
              <a:cxnLst>
                <a:cxn ang="0">
                  <a:pos x="T0" y="T1"/>
                </a:cxn>
                <a:cxn ang="0">
                  <a:pos x="T2" y="T3"/>
                </a:cxn>
                <a:cxn ang="0">
                  <a:pos x="T4" y="T5"/>
                </a:cxn>
                <a:cxn ang="0">
                  <a:pos x="T6" y="T7"/>
                </a:cxn>
                <a:cxn ang="0">
                  <a:pos x="T8" y="T9"/>
                </a:cxn>
                <a:cxn ang="0">
                  <a:pos x="T10" y="T11"/>
                </a:cxn>
              </a:cxnLst>
              <a:rect l="0" t="0" r="r" b="b"/>
              <a:pathLst>
                <a:path w="76" h="140">
                  <a:moveTo>
                    <a:pt x="0" y="0"/>
                  </a:moveTo>
                  <a:cubicBezTo>
                    <a:pt x="0" y="126"/>
                    <a:pt x="0" y="126"/>
                    <a:pt x="0" y="126"/>
                  </a:cubicBezTo>
                  <a:cubicBezTo>
                    <a:pt x="0" y="133"/>
                    <a:pt x="17" y="140"/>
                    <a:pt x="38" y="140"/>
                  </a:cubicBezTo>
                  <a:cubicBezTo>
                    <a:pt x="59" y="140"/>
                    <a:pt x="76" y="133"/>
                    <a:pt x="76" y="126"/>
                  </a:cubicBezTo>
                  <a:cubicBezTo>
                    <a:pt x="76" y="0"/>
                    <a:pt x="76" y="0"/>
                    <a:pt x="76" y="0"/>
                  </a:cubicBezTo>
                  <a:lnTo>
                    <a:pt x="0" y="0"/>
                  </a:lnTo>
                  <a:close/>
                </a:path>
              </a:pathLst>
            </a:custGeom>
            <a:solidFill>
              <a:srgbClr val="99DFF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21" name="ïṧļïďê">
              <a:extLst>
                <a:ext uri="{FF2B5EF4-FFF2-40B4-BE49-F238E27FC236}">
                  <a16:creationId xmlns:a16="http://schemas.microsoft.com/office/drawing/2014/main" xmlns="" id="{73404C7E-C1BD-404A-A0BA-AB7D380243F0}"/>
                </a:ext>
              </a:extLst>
            </p:cNvPr>
            <p:cNvSpPr/>
            <p:nvPr/>
          </p:nvSpPr>
          <p:spPr bwMode="auto">
            <a:xfrm>
              <a:off x="7446566" y="2075346"/>
              <a:ext cx="1363663" cy="233363"/>
            </a:xfrm>
            <a:prstGeom prst="ellipse">
              <a:avLst/>
            </a:prstGeom>
            <a:solidFill>
              <a:srgbClr val="00B0F0">
                <a:alpha val="60000"/>
              </a:srgbClr>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22" name="ïṧlïḋè">
              <a:extLst>
                <a:ext uri="{FF2B5EF4-FFF2-40B4-BE49-F238E27FC236}">
                  <a16:creationId xmlns:a16="http://schemas.microsoft.com/office/drawing/2014/main" xmlns="" id="{E1149A1C-DB32-4E85-BCF2-E0DDE0F28284}"/>
                </a:ext>
              </a:extLst>
            </p:cNvPr>
            <p:cNvSpPr/>
            <p:nvPr/>
          </p:nvSpPr>
          <p:spPr bwMode="auto">
            <a:xfrm>
              <a:off x="8397478" y="2453171"/>
              <a:ext cx="269875" cy="1741488"/>
            </a:xfrm>
            <a:custGeom>
              <a:avLst/>
              <a:gdLst>
                <a:gd name="T0" fmla="*/ 15 w 15"/>
                <a:gd name="T1" fmla="*/ 91 h 97"/>
                <a:gd name="T2" fmla="*/ 9 w 15"/>
                <a:gd name="T3" fmla="*/ 97 h 97"/>
                <a:gd name="T4" fmla="*/ 6 w 15"/>
                <a:gd name="T5" fmla="*/ 97 h 97"/>
                <a:gd name="T6" fmla="*/ 0 w 15"/>
                <a:gd name="T7" fmla="*/ 91 h 97"/>
                <a:gd name="T8" fmla="*/ 0 w 15"/>
                <a:gd name="T9" fmla="*/ 7 h 97"/>
                <a:gd name="T10" fmla="*/ 6 w 15"/>
                <a:gd name="T11" fmla="*/ 0 h 97"/>
                <a:gd name="T12" fmla="*/ 9 w 15"/>
                <a:gd name="T13" fmla="*/ 0 h 97"/>
                <a:gd name="T14" fmla="*/ 15 w 15"/>
                <a:gd name="T15" fmla="*/ 7 h 97"/>
                <a:gd name="T16" fmla="*/ 15 w 15"/>
                <a:gd name="T17" fmla="*/ 91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97">
                  <a:moveTo>
                    <a:pt x="15" y="91"/>
                  </a:moveTo>
                  <a:cubicBezTo>
                    <a:pt x="15" y="94"/>
                    <a:pt x="12" y="97"/>
                    <a:pt x="9" y="97"/>
                  </a:cubicBezTo>
                  <a:cubicBezTo>
                    <a:pt x="6" y="97"/>
                    <a:pt x="6" y="97"/>
                    <a:pt x="6" y="97"/>
                  </a:cubicBezTo>
                  <a:cubicBezTo>
                    <a:pt x="3" y="97"/>
                    <a:pt x="0" y="94"/>
                    <a:pt x="0" y="91"/>
                  </a:cubicBezTo>
                  <a:cubicBezTo>
                    <a:pt x="0" y="7"/>
                    <a:pt x="0" y="7"/>
                    <a:pt x="0" y="7"/>
                  </a:cubicBezTo>
                  <a:cubicBezTo>
                    <a:pt x="0" y="3"/>
                    <a:pt x="3" y="0"/>
                    <a:pt x="6" y="0"/>
                  </a:cubicBezTo>
                  <a:cubicBezTo>
                    <a:pt x="9" y="0"/>
                    <a:pt x="9" y="0"/>
                    <a:pt x="9" y="0"/>
                  </a:cubicBezTo>
                  <a:cubicBezTo>
                    <a:pt x="12" y="0"/>
                    <a:pt x="15" y="3"/>
                    <a:pt x="15" y="7"/>
                  </a:cubicBezTo>
                  <a:lnTo>
                    <a:pt x="15" y="9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23" name="iśľiḑé">
              <a:extLst>
                <a:ext uri="{FF2B5EF4-FFF2-40B4-BE49-F238E27FC236}">
                  <a16:creationId xmlns:a16="http://schemas.microsoft.com/office/drawing/2014/main" xmlns="" id="{41347187-9899-4DA2-BBC5-86E4EF20CC4D}"/>
                </a:ext>
              </a:extLst>
            </p:cNvPr>
            <p:cNvSpPr/>
            <p:nvPr/>
          </p:nvSpPr>
          <p:spPr bwMode="auto">
            <a:xfrm>
              <a:off x="7425394" y="2523474"/>
              <a:ext cx="898525" cy="1741488"/>
            </a:xfrm>
            <a:custGeom>
              <a:avLst/>
              <a:gdLst>
                <a:gd name="T0" fmla="*/ 50 w 50"/>
                <a:gd name="T1" fmla="*/ 90 h 97"/>
                <a:gd name="T2" fmla="*/ 0 w 50"/>
                <a:gd name="T3" fmla="*/ 83 h 97"/>
                <a:gd name="T4" fmla="*/ 0 w 50"/>
                <a:gd name="T5" fmla="*/ 0 h 97"/>
                <a:gd name="T6" fmla="*/ 50 w 50"/>
                <a:gd name="T7" fmla="*/ 7 h 97"/>
                <a:gd name="T8" fmla="*/ 50 w 50"/>
                <a:gd name="T9" fmla="*/ 90 h 97"/>
              </a:gdLst>
              <a:ahLst/>
              <a:cxnLst>
                <a:cxn ang="0">
                  <a:pos x="T0" y="T1"/>
                </a:cxn>
                <a:cxn ang="0">
                  <a:pos x="T2" y="T3"/>
                </a:cxn>
                <a:cxn ang="0">
                  <a:pos x="T4" y="T5"/>
                </a:cxn>
                <a:cxn ang="0">
                  <a:pos x="T6" y="T7"/>
                </a:cxn>
                <a:cxn ang="0">
                  <a:pos x="T8" y="T9"/>
                </a:cxn>
              </a:cxnLst>
              <a:rect l="0" t="0" r="r" b="b"/>
              <a:pathLst>
                <a:path w="50" h="97">
                  <a:moveTo>
                    <a:pt x="50" y="90"/>
                  </a:moveTo>
                  <a:cubicBezTo>
                    <a:pt x="11" y="97"/>
                    <a:pt x="0" y="83"/>
                    <a:pt x="0" y="83"/>
                  </a:cubicBezTo>
                  <a:cubicBezTo>
                    <a:pt x="0" y="0"/>
                    <a:pt x="0" y="0"/>
                    <a:pt x="0" y="0"/>
                  </a:cubicBezTo>
                  <a:cubicBezTo>
                    <a:pt x="0" y="0"/>
                    <a:pt x="7" y="13"/>
                    <a:pt x="50" y="7"/>
                  </a:cubicBezTo>
                  <a:lnTo>
                    <a:pt x="50" y="90"/>
                  </a:lnTo>
                  <a:close/>
                </a:path>
              </a:pathLst>
            </a:custGeom>
            <a:solidFill>
              <a:srgbClr val="F2F2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24" name="íŝlïḋê">
              <a:extLst>
                <a:ext uri="{FF2B5EF4-FFF2-40B4-BE49-F238E27FC236}">
                  <a16:creationId xmlns:a16="http://schemas.microsoft.com/office/drawing/2014/main" xmlns="" id="{D3B03A1C-82B4-4852-BF37-8F603F3C9309}"/>
                </a:ext>
              </a:extLst>
            </p:cNvPr>
            <p:cNvSpPr/>
            <p:nvPr/>
          </p:nvSpPr>
          <p:spPr bwMode="auto">
            <a:xfrm>
              <a:off x="7423965" y="2973374"/>
              <a:ext cx="790576" cy="771526"/>
            </a:xfrm>
            <a:prstGeom prst="ellipse">
              <a:avLst/>
            </a:prstGeom>
            <a:solidFill>
              <a:srgbClr val="E8721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25" name="ïş1iḓe">
              <a:extLst>
                <a:ext uri="{FF2B5EF4-FFF2-40B4-BE49-F238E27FC236}">
                  <a16:creationId xmlns:a16="http://schemas.microsoft.com/office/drawing/2014/main" xmlns="" id="{8C91B12C-A6EC-4940-8F41-8A2CE392137D}"/>
                </a:ext>
              </a:extLst>
            </p:cNvPr>
            <p:cNvSpPr/>
            <p:nvPr/>
          </p:nvSpPr>
          <p:spPr bwMode="auto">
            <a:xfrm>
              <a:off x="7477940" y="3008299"/>
              <a:ext cx="682625" cy="682624"/>
            </a:xfrm>
            <a:custGeom>
              <a:avLst/>
              <a:gdLst>
                <a:gd name="T0" fmla="*/ 0 w 38"/>
                <a:gd name="T1" fmla="*/ 19 h 38"/>
                <a:gd name="T2" fmla="*/ 0 w 38"/>
                <a:gd name="T3" fmla="*/ 20 h 38"/>
                <a:gd name="T4" fmla="*/ 5 w 38"/>
                <a:gd name="T5" fmla="*/ 32 h 38"/>
                <a:gd name="T6" fmla="*/ 7 w 38"/>
                <a:gd name="T7" fmla="*/ 33 h 38"/>
                <a:gd name="T8" fmla="*/ 18 w 38"/>
                <a:gd name="T9" fmla="*/ 38 h 38"/>
                <a:gd name="T10" fmla="*/ 19 w 38"/>
                <a:gd name="T11" fmla="*/ 38 h 38"/>
                <a:gd name="T12" fmla="*/ 20 w 38"/>
                <a:gd name="T13" fmla="*/ 38 h 38"/>
                <a:gd name="T14" fmla="*/ 32 w 38"/>
                <a:gd name="T15" fmla="*/ 33 h 38"/>
                <a:gd name="T16" fmla="*/ 33 w 38"/>
                <a:gd name="T17" fmla="*/ 32 h 38"/>
                <a:gd name="T18" fmla="*/ 38 w 38"/>
                <a:gd name="T19" fmla="*/ 20 h 38"/>
                <a:gd name="T20" fmla="*/ 38 w 38"/>
                <a:gd name="T21" fmla="*/ 19 h 38"/>
                <a:gd name="T22" fmla="*/ 38 w 38"/>
                <a:gd name="T23" fmla="*/ 19 h 38"/>
                <a:gd name="T24" fmla="*/ 33 w 38"/>
                <a:gd name="T25" fmla="*/ 7 h 38"/>
                <a:gd name="T26" fmla="*/ 32 w 38"/>
                <a:gd name="T27" fmla="*/ 5 h 38"/>
                <a:gd name="T28" fmla="*/ 20 w 38"/>
                <a:gd name="T29" fmla="*/ 0 h 38"/>
                <a:gd name="T30" fmla="*/ 19 w 38"/>
                <a:gd name="T31" fmla="*/ 0 h 38"/>
                <a:gd name="T32" fmla="*/ 18 w 38"/>
                <a:gd name="T33" fmla="*/ 0 h 38"/>
                <a:gd name="T34" fmla="*/ 7 w 38"/>
                <a:gd name="T35" fmla="*/ 5 h 38"/>
                <a:gd name="T36" fmla="*/ 5 w 38"/>
                <a:gd name="T37" fmla="*/ 7 h 38"/>
                <a:gd name="T38" fmla="*/ 0 w 38"/>
                <a:gd name="T39" fmla="*/ 19 h 38"/>
                <a:gd name="T40" fmla="*/ 0 w 38"/>
                <a:gd name="T41" fmla="*/ 19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38" h="38">
                  <a:moveTo>
                    <a:pt x="0" y="19"/>
                  </a:moveTo>
                  <a:cubicBezTo>
                    <a:pt x="0" y="20"/>
                    <a:pt x="0" y="20"/>
                    <a:pt x="0" y="20"/>
                  </a:cubicBezTo>
                  <a:cubicBezTo>
                    <a:pt x="1" y="25"/>
                    <a:pt x="2" y="29"/>
                    <a:pt x="5" y="32"/>
                  </a:cubicBezTo>
                  <a:cubicBezTo>
                    <a:pt x="6" y="32"/>
                    <a:pt x="6" y="33"/>
                    <a:pt x="7" y="33"/>
                  </a:cubicBezTo>
                  <a:cubicBezTo>
                    <a:pt x="10" y="36"/>
                    <a:pt x="14" y="38"/>
                    <a:pt x="18" y="38"/>
                  </a:cubicBezTo>
                  <a:cubicBezTo>
                    <a:pt x="19" y="38"/>
                    <a:pt x="19" y="38"/>
                    <a:pt x="19" y="38"/>
                  </a:cubicBezTo>
                  <a:cubicBezTo>
                    <a:pt x="20" y="38"/>
                    <a:pt x="20" y="38"/>
                    <a:pt x="20" y="38"/>
                  </a:cubicBezTo>
                  <a:cubicBezTo>
                    <a:pt x="25" y="38"/>
                    <a:pt x="29" y="36"/>
                    <a:pt x="32" y="33"/>
                  </a:cubicBezTo>
                  <a:cubicBezTo>
                    <a:pt x="32" y="33"/>
                    <a:pt x="33" y="32"/>
                    <a:pt x="33" y="32"/>
                  </a:cubicBezTo>
                  <a:cubicBezTo>
                    <a:pt x="36" y="29"/>
                    <a:pt x="38" y="25"/>
                    <a:pt x="38" y="20"/>
                  </a:cubicBezTo>
                  <a:cubicBezTo>
                    <a:pt x="38" y="20"/>
                    <a:pt x="38" y="20"/>
                    <a:pt x="38" y="19"/>
                  </a:cubicBezTo>
                  <a:cubicBezTo>
                    <a:pt x="38" y="19"/>
                    <a:pt x="38" y="19"/>
                    <a:pt x="38" y="19"/>
                  </a:cubicBezTo>
                  <a:cubicBezTo>
                    <a:pt x="38" y="14"/>
                    <a:pt x="36" y="10"/>
                    <a:pt x="33" y="7"/>
                  </a:cubicBezTo>
                  <a:cubicBezTo>
                    <a:pt x="33" y="6"/>
                    <a:pt x="32" y="6"/>
                    <a:pt x="32" y="5"/>
                  </a:cubicBezTo>
                  <a:cubicBezTo>
                    <a:pt x="29" y="3"/>
                    <a:pt x="25" y="1"/>
                    <a:pt x="20" y="0"/>
                  </a:cubicBezTo>
                  <a:cubicBezTo>
                    <a:pt x="20" y="0"/>
                    <a:pt x="20" y="0"/>
                    <a:pt x="19" y="0"/>
                  </a:cubicBezTo>
                  <a:cubicBezTo>
                    <a:pt x="19" y="0"/>
                    <a:pt x="19" y="0"/>
                    <a:pt x="18" y="0"/>
                  </a:cubicBezTo>
                  <a:cubicBezTo>
                    <a:pt x="14" y="1"/>
                    <a:pt x="10" y="3"/>
                    <a:pt x="7" y="5"/>
                  </a:cubicBezTo>
                  <a:cubicBezTo>
                    <a:pt x="6" y="6"/>
                    <a:pt x="6" y="6"/>
                    <a:pt x="5" y="7"/>
                  </a:cubicBezTo>
                  <a:cubicBezTo>
                    <a:pt x="2" y="10"/>
                    <a:pt x="1" y="14"/>
                    <a:pt x="0" y="19"/>
                  </a:cubicBezTo>
                  <a:cubicBezTo>
                    <a:pt x="0" y="19"/>
                    <a:pt x="0" y="19"/>
                    <a:pt x="0" y="19"/>
                  </a:cubicBezTo>
                  <a:close/>
                </a:path>
              </a:pathLst>
            </a:custGeom>
            <a:solidFill>
              <a:srgbClr val="F9B25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26" name="ïṥľïḍe">
              <a:extLst>
                <a:ext uri="{FF2B5EF4-FFF2-40B4-BE49-F238E27FC236}">
                  <a16:creationId xmlns:a16="http://schemas.microsoft.com/office/drawing/2014/main" xmlns="" id="{AB9711D5-5F6B-4127-B86D-BF3654A9AAF6}"/>
                </a:ext>
              </a:extLst>
            </p:cNvPr>
            <p:cNvSpPr/>
            <p:nvPr/>
          </p:nvSpPr>
          <p:spPr bwMode="auto">
            <a:xfrm>
              <a:off x="7481942" y="3024506"/>
              <a:ext cx="682624" cy="682624"/>
            </a:xfrm>
            <a:custGeom>
              <a:avLst/>
              <a:gdLst>
                <a:gd name="T0" fmla="*/ 0 w 38"/>
                <a:gd name="T1" fmla="*/ 20 h 38"/>
                <a:gd name="T2" fmla="*/ 17 w 38"/>
                <a:gd name="T3" fmla="*/ 20 h 38"/>
                <a:gd name="T4" fmla="*/ 5 w 38"/>
                <a:gd name="T5" fmla="*/ 32 h 38"/>
                <a:gd name="T6" fmla="*/ 7 w 38"/>
                <a:gd name="T7" fmla="*/ 33 h 38"/>
                <a:gd name="T8" fmla="*/ 18 w 38"/>
                <a:gd name="T9" fmla="*/ 21 h 38"/>
                <a:gd name="T10" fmla="*/ 18 w 38"/>
                <a:gd name="T11" fmla="*/ 38 h 38"/>
                <a:gd name="T12" fmla="*/ 19 w 38"/>
                <a:gd name="T13" fmla="*/ 38 h 38"/>
                <a:gd name="T14" fmla="*/ 20 w 38"/>
                <a:gd name="T15" fmla="*/ 38 h 38"/>
                <a:gd name="T16" fmla="*/ 20 w 38"/>
                <a:gd name="T17" fmla="*/ 21 h 38"/>
                <a:gd name="T18" fmla="*/ 32 w 38"/>
                <a:gd name="T19" fmla="*/ 33 h 38"/>
                <a:gd name="T20" fmla="*/ 33 w 38"/>
                <a:gd name="T21" fmla="*/ 32 h 38"/>
                <a:gd name="T22" fmla="*/ 21 w 38"/>
                <a:gd name="T23" fmla="*/ 20 h 38"/>
                <a:gd name="T24" fmla="*/ 38 w 38"/>
                <a:gd name="T25" fmla="*/ 20 h 38"/>
                <a:gd name="T26" fmla="*/ 38 w 38"/>
                <a:gd name="T27" fmla="*/ 19 h 38"/>
                <a:gd name="T28" fmla="*/ 38 w 38"/>
                <a:gd name="T29" fmla="*/ 19 h 38"/>
                <a:gd name="T30" fmla="*/ 21 w 38"/>
                <a:gd name="T31" fmla="*/ 19 h 38"/>
                <a:gd name="T32" fmla="*/ 33 w 38"/>
                <a:gd name="T33" fmla="*/ 7 h 38"/>
                <a:gd name="T34" fmla="*/ 32 w 38"/>
                <a:gd name="T35" fmla="*/ 5 h 38"/>
                <a:gd name="T36" fmla="*/ 20 w 38"/>
                <a:gd name="T37" fmla="*/ 17 h 38"/>
                <a:gd name="T38" fmla="*/ 20 w 38"/>
                <a:gd name="T39" fmla="*/ 0 h 38"/>
                <a:gd name="T40" fmla="*/ 19 w 38"/>
                <a:gd name="T41" fmla="*/ 0 h 38"/>
                <a:gd name="T42" fmla="*/ 18 w 38"/>
                <a:gd name="T43" fmla="*/ 0 h 38"/>
                <a:gd name="T44" fmla="*/ 18 w 38"/>
                <a:gd name="T45" fmla="*/ 17 h 38"/>
                <a:gd name="T46" fmla="*/ 7 w 38"/>
                <a:gd name="T47" fmla="*/ 5 h 38"/>
                <a:gd name="T48" fmla="*/ 5 w 38"/>
                <a:gd name="T49" fmla="*/ 7 h 38"/>
                <a:gd name="T50" fmla="*/ 17 w 38"/>
                <a:gd name="T51" fmla="*/ 19 h 38"/>
                <a:gd name="T52" fmla="*/ 0 w 38"/>
                <a:gd name="T53" fmla="*/ 19 h 38"/>
                <a:gd name="T54" fmla="*/ 0 w 38"/>
                <a:gd name="T55" fmla="*/ 19 h 38"/>
                <a:gd name="T56" fmla="*/ 0 w 38"/>
                <a:gd name="T57" fmla="*/ 20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38" h="38">
                  <a:moveTo>
                    <a:pt x="0" y="20"/>
                  </a:moveTo>
                  <a:cubicBezTo>
                    <a:pt x="17" y="20"/>
                    <a:pt x="17" y="20"/>
                    <a:pt x="17" y="20"/>
                  </a:cubicBezTo>
                  <a:cubicBezTo>
                    <a:pt x="5" y="32"/>
                    <a:pt x="5" y="32"/>
                    <a:pt x="5" y="32"/>
                  </a:cubicBezTo>
                  <a:cubicBezTo>
                    <a:pt x="6" y="32"/>
                    <a:pt x="6" y="33"/>
                    <a:pt x="7" y="33"/>
                  </a:cubicBezTo>
                  <a:cubicBezTo>
                    <a:pt x="18" y="21"/>
                    <a:pt x="18" y="21"/>
                    <a:pt x="18" y="21"/>
                  </a:cubicBezTo>
                  <a:cubicBezTo>
                    <a:pt x="18" y="38"/>
                    <a:pt x="18" y="38"/>
                    <a:pt x="18" y="38"/>
                  </a:cubicBezTo>
                  <a:cubicBezTo>
                    <a:pt x="19" y="38"/>
                    <a:pt x="19" y="38"/>
                    <a:pt x="19" y="38"/>
                  </a:cubicBezTo>
                  <a:cubicBezTo>
                    <a:pt x="20" y="38"/>
                    <a:pt x="20" y="38"/>
                    <a:pt x="20" y="38"/>
                  </a:cubicBezTo>
                  <a:cubicBezTo>
                    <a:pt x="20" y="21"/>
                    <a:pt x="20" y="21"/>
                    <a:pt x="20" y="21"/>
                  </a:cubicBezTo>
                  <a:cubicBezTo>
                    <a:pt x="32" y="33"/>
                    <a:pt x="32" y="33"/>
                    <a:pt x="32" y="33"/>
                  </a:cubicBezTo>
                  <a:cubicBezTo>
                    <a:pt x="32" y="33"/>
                    <a:pt x="33" y="32"/>
                    <a:pt x="33" y="32"/>
                  </a:cubicBezTo>
                  <a:cubicBezTo>
                    <a:pt x="21" y="20"/>
                    <a:pt x="21" y="20"/>
                    <a:pt x="21" y="20"/>
                  </a:cubicBezTo>
                  <a:cubicBezTo>
                    <a:pt x="38" y="20"/>
                    <a:pt x="38" y="20"/>
                    <a:pt x="38" y="20"/>
                  </a:cubicBezTo>
                  <a:cubicBezTo>
                    <a:pt x="38" y="20"/>
                    <a:pt x="38" y="20"/>
                    <a:pt x="38" y="19"/>
                  </a:cubicBezTo>
                  <a:cubicBezTo>
                    <a:pt x="38" y="19"/>
                    <a:pt x="38" y="19"/>
                    <a:pt x="38" y="19"/>
                  </a:cubicBezTo>
                  <a:cubicBezTo>
                    <a:pt x="21" y="19"/>
                    <a:pt x="21" y="19"/>
                    <a:pt x="21" y="19"/>
                  </a:cubicBezTo>
                  <a:cubicBezTo>
                    <a:pt x="33" y="7"/>
                    <a:pt x="33" y="7"/>
                    <a:pt x="33" y="7"/>
                  </a:cubicBezTo>
                  <a:cubicBezTo>
                    <a:pt x="33" y="6"/>
                    <a:pt x="32" y="6"/>
                    <a:pt x="32" y="5"/>
                  </a:cubicBezTo>
                  <a:cubicBezTo>
                    <a:pt x="20" y="17"/>
                    <a:pt x="20" y="17"/>
                    <a:pt x="20" y="17"/>
                  </a:cubicBezTo>
                  <a:cubicBezTo>
                    <a:pt x="20" y="0"/>
                    <a:pt x="20" y="0"/>
                    <a:pt x="20" y="0"/>
                  </a:cubicBezTo>
                  <a:cubicBezTo>
                    <a:pt x="20" y="0"/>
                    <a:pt x="20" y="0"/>
                    <a:pt x="19" y="0"/>
                  </a:cubicBezTo>
                  <a:cubicBezTo>
                    <a:pt x="19" y="0"/>
                    <a:pt x="19" y="0"/>
                    <a:pt x="18" y="0"/>
                  </a:cubicBezTo>
                  <a:cubicBezTo>
                    <a:pt x="18" y="17"/>
                    <a:pt x="18" y="17"/>
                    <a:pt x="18" y="17"/>
                  </a:cubicBezTo>
                  <a:cubicBezTo>
                    <a:pt x="7" y="5"/>
                    <a:pt x="7" y="5"/>
                    <a:pt x="7" y="5"/>
                  </a:cubicBezTo>
                  <a:cubicBezTo>
                    <a:pt x="6" y="6"/>
                    <a:pt x="6" y="6"/>
                    <a:pt x="5" y="7"/>
                  </a:cubicBezTo>
                  <a:cubicBezTo>
                    <a:pt x="17" y="19"/>
                    <a:pt x="17" y="19"/>
                    <a:pt x="17" y="19"/>
                  </a:cubicBezTo>
                  <a:cubicBezTo>
                    <a:pt x="0" y="19"/>
                    <a:pt x="0" y="19"/>
                    <a:pt x="0" y="19"/>
                  </a:cubicBezTo>
                  <a:cubicBezTo>
                    <a:pt x="0" y="19"/>
                    <a:pt x="0" y="19"/>
                    <a:pt x="0" y="19"/>
                  </a:cubicBezTo>
                  <a:cubicBezTo>
                    <a:pt x="0" y="20"/>
                    <a:pt x="0" y="20"/>
                    <a:pt x="0" y="20"/>
                  </a:cubicBezTo>
                  <a:close/>
                </a:path>
              </a:pathLst>
            </a:custGeom>
            <a:solidFill>
              <a:srgbClr val="F7971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27" name="ïṥḷiḋè">
              <a:extLst>
                <a:ext uri="{FF2B5EF4-FFF2-40B4-BE49-F238E27FC236}">
                  <a16:creationId xmlns:a16="http://schemas.microsoft.com/office/drawing/2014/main" xmlns="" id="{F18B7C27-802F-4382-9C2E-1241ED4376FD}"/>
                </a:ext>
              </a:extLst>
            </p:cNvPr>
            <p:cNvSpPr/>
            <p:nvPr/>
          </p:nvSpPr>
          <p:spPr bwMode="auto">
            <a:xfrm>
              <a:off x="7697842" y="3095943"/>
              <a:ext cx="90488" cy="126999"/>
            </a:xfrm>
            <a:custGeom>
              <a:avLst/>
              <a:gdLst>
                <a:gd name="T0" fmla="*/ 1 w 5"/>
                <a:gd name="T1" fmla="*/ 4 h 7"/>
                <a:gd name="T2" fmla="*/ 4 w 5"/>
                <a:gd name="T3" fmla="*/ 7 h 7"/>
                <a:gd name="T4" fmla="*/ 4 w 5"/>
                <a:gd name="T5" fmla="*/ 3 h 7"/>
                <a:gd name="T6" fmla="*/ 1 w 5"/>
                <a:gd name="T7" fmla="*/ 1 h 7"/>
                <a:gd name="T8" fmla="*/ 1 w 5"/>
                <a:gd name="T9" fmla="*/ 4 h 7"/>
              </a:gdLst>
              <a:ahLst/>
              <a:cxnLst>
                <a:cxn ang="0">
                  <a:pos x="T0" y="T1"/>
                </a:cxn>
                <a:cxn ang="0">
                  <a:pos x="T2" y="T3"/>
                </a:cxn>
                <a:cxn ang="0">
                  <a:pos x="T4" y="T5"/>
                </a:cxn>
                <a:cxn ang="0">
                  <a:pos x="T6" y="T7"/>
                </a:cxn>
                <a:cxn ang="0">
                  <a:pos x="T8" y="T9"/>
                </a:cxn>
              </a:cxnLst>
              <a:rect l="0" t="0" r="r" b="b"/>
              <a:pathLst>
                <a:path w="5" h="7">
                  <a:moveTo>
                    <a:pt x="1" y="4"/>
                  </a:moveTo>
                  <a:cubicBezTo>
                    <a:pt x="2" y="6"/>
                    <a:pt x="4" y="7"/>
                    <a:pt x="4" y="7"/>
                  </a:cubicBezTo>
                  <a:cubicBezTo>
                    <a:pt x="4" y="7"/>
                    <a:pt x="5" y="4"/>
                    <a:pt x="4" y="3"/>
                  </a:cubicBezTo>
                  <a:cubicBezTo>
                    <a:pt x="3" y="1"/>
                    <a:pt x="2" y="0"/>
                    <a:pt x="1" y="1"/>
                  </a:cubicBezTo>
                  <a:cubicBezTo>
                    <a:pt x="0" y="1"/>
                    <a:pt x="0" y="3"/>
                    <a:pt x="1" y="4"/>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28" name="íSļiḑé">
              <a:extLst>
                <a:ext uri="{FF2B5EF4-FFF2-40B4-BE49-F238E27FC236}">
                  <a16:creationId xmlns:a16="http://schemas.microsoft.com/office/drawing/2014/main" xmlns="" id="{8F98B0FB-CD52-4CE6-9F5B-533A5DC43E12}"/>
                </a:ext>
              </a:extLst>
            </p:cNvPr>
            <p:cNvSpPr/>
            <p:nvPr/>
          </p:nvSpPr>
          <p:spPr bwMode="auto">
            <a:xfrm>
              <a:off x="7554967" y="3257868"/>
              <a:ext cx="125413" cy="73025"/>
            </a:xfrm>
            <a:custGeom>
              <a:avLst/>
              <a:gdLst>
                <a:gd name="T0" fmla="*/ 3 w 7"/>
                <a:gd name="T1" fmla="*/ 3 h 4"/>
                <a:gd name="T2" fmla="*/ 7 w 7"/>
                <a:gd name="T3" fmla="*/ 3 h 4"/>
                <a:gd name="T4" fmla="*/ 4 w 7"/>
                <a:gd name="T5" fmla="*/ 0 h 4"/>
                <a:gd name="T6" fmla="*/ 0 w 7"/>
                <a:gd name="T7" fmla="*/ 1 h 4"/>
                <a:gd name="T8" fmla="*/ 3 w 7"/>
                <a:gd name="T9" fmla="*/ 3 h 4"/>
              </a:gdLst>
              <a:ahLst/>
              <a:cxnLst>
                <a:cxn ang="0">
                  <a:pos x="T0" y="T1"/>
                </a:cxn>
                <a:cxn ang="0">
                  <a:pos x="T2" y="T3"/>
                </a:cxn>
                <a:cxn ang="0">
                  <a:pos x="T4" y="T5"/>
                </a:cxn>
                <a:cxn ang="0">
                  <a:pos x="T6" y="T7"/>
                </a:cxn>
                <a:cxn ang="0">
                  <a:pos x="T8" y="T9"/>
                </a:cxn>
              </a:cxnLst>
              <a:rect l="0" t="0" r="r" b="b"/>
              <a:pathLst>
                <a:path w="7" h="4">
                  <a:moveTo>
                    <a:pt x="3" y="3"/>
                  </a:moveTo>
                  <a:cubicBezTo>
                    <a:pt x="5" y="4"/>
                    <a:pt x="7" y="3"/>
                    <a:pt x="7" y="3"/>
                  </a:cubicBezTo>
                  <a:cubicBezTo>
                    <a:pt x="7" y="3"/>
                    <a:pt x="6" y="1"/>
                    <a:pt x="4" y="0"/>
                  </a:cubicBezTo>
                  <a:cubicBezTo>
                    <a:pt x="2" y="0"/>
                    <a:pt x="1" y="0"/>
                    <a:pt x="0" y="1"/>
                  </a:cubicBezTo>
                  <a:cubicBezTo>
                    <a:pt x="0" y="2"/>
                    <a:pt x="1" y="3"/>
                    <a:pt x="3" y="3"/>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29" name="íśḻïḑê">
              <a:extLst>
                <a:ext uri="{FF2B5EF4-FFF2-40B4-BE49-F238E27FC236}">
                  <a16:creationId xmlns:a16="http://schemas.microsoft.com/office/drawing/2014/main" xmlns="" id="{B7AAEE7F-0804-4C1D-914B-A53031CFF29D}"/>
                </a:ext>
              </a:extLst>
            </p:cNvPr>
            <p:cNvSpPr/>
            <p:nvPr/>
          </p:nvSpPr>
          <p:spPr bwMode="auto">
            <a:xfrm>
              <a:off x="7554967" y="3419793"/>
              <a:ext cx="125413" cy="90488"/>
            </a:xfrm>
            <a:custGeom>
              <a:avLst/>
              <a:gdLst>
                <a:gd name="T0" fmla="*/ 4 w 7"/>
                <a:gd name="T1" fmla="*/ 4 h 5"/>
                <a:gd name="T2" fmla="*/ 7 w 7"/>
                <a:gd name="T3" fmla="*/ 1 h 5"/>
                <a:gd name="T4" fmla="*/ 3 w 7"/>
                <a:gd name="T5" fmla="*/ 1 h 5"/>
                <a:gd name="T6" fmla="*/ 1 w 7"/>
                <a:gd name="T7" fmla="*/ 4 h 5"/>
                <a:gd name="T8" fmla="*/ 4 w 7"/>
                <a:gd name="T9" fmla="*/ 4 h 5"/>
              </a:gdLst>
              <a:ahLst/>
              <a:cxnLst>
                <a:cxn ang="0">
                  <a:pos x="T0" y="T1"/>
                </a:cxn>
                <a:cxn ang="0">
                  <a:pos x="T2" y="T3"/>
                </a:cxn>
                <a:cxn ang="0">
                  <a:pos x="T4" y="T5"/>
                </a:cxn>
                <a:cxn ang="0">
                  <a:pos x="T6" y="T7"/>
                </a:cxn>
                <a:cxn ang="0">
                  <a:pos x="T8" y="T9"/>
                </a:cxn>
              </a:cxnLst>
              <a:rect l="0" t="0" r="r" b="b"/>
              <a:pathLst>
                <a:path w="7" h="5">
                  <a:moveTo>
                    <a:pt x="4" y="4"/>
                  </a:moveTo>
                  <a:cubicBezTo>
                    <a:pt x="6" y="3"/>
                    <a:pt x="7" y="1"/>
                    <a:pt x="7" y="1"/>
                  </a:cubicBezTo>
                  <a:cubicBezTo>
                    <a:pt x="7" y="1"/>
                    <a:pt x="5" y="0"/>
                    <a:pt x="3" y="1"/>
                  </a:cubicBezTo>
                  <a:cubicBezTo>
                    <a:pt x="1" y="2"/>
                    <a:pt x="0" y="3"/>
                    <a:pt x="1" y="4"/>
                  </a:cubicBezTo>
                  <a:cubicBezTo>
                    <a:pt x="1" y="5"/>
                    <a:pt x="3" y="5"/>
                    <a:pt x="4" y="4"/>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30" name="iSľiḑé">
              <a:extLst>
                <a:ext uri="{FF2B5EF4-FFF2-40B4-BE49-F238E27FC236}">
                  <a16:creationId xmlns:a16="http://schemas.microsoft.com/office/drawing/2014/main" xmlns="" id="{10358196-CFA1-4200-BED5-50A4FEAD8954}"/>
                </a:ext>
              </a:extLst>
            </p:cNvPr>
            <p:cNvSpPr/>
            <p:nvPr/>
          </p:nvSpPr>
          <p:spPr bwMode="auto">
            <a:xfrm>
              <a:off x="7697842" y="3527743"/>
              <a:ext cx="90488" cy="107950"/>
            </a:xfrm>
            <a:custGeom>
              <a:avLst/>
              <a:gdLst>
                <a:gd name="T0" fmla="*/ 4 w 5"/>
                <a:gd name="T1" fmla="*/ 4 h 6"/>
                <a:gd name="T2" fmla="*/ 4 w 5"/>
                <a:gd name="T3" fmla="*/ 0 h 6"/>
                <a:gd name="T4" fmla="*/ 1 w 5"/>
                <a:gd name="T5" fmla="*/ 2 h 6"/>
                <a:gd name="T6" fmla="*/ 2 w 5"/>
                <a:gd name="T7" fmla="*/ 6 h 6"/>
                <a:gd name="T8" fmla="*/ 4 w 5"/>
                <a:gd name="T9" fmla="*/ 4 h 6"/>
              </a:gdLst>
              <a:ahLst/>
              <a:cxnLst>
                <a:cxn ang="0">
                  <a:pos x="T0" y="T1"/>
                </a:cxn>
                <a:cxn ang="0">
                  <a:pos x="T2" y="T3"/>
                </a:cxn>
                <a:cxn ang="0">
                  <a:pos x="T4" y="T5"/>
                </a:cxn>
                <a:cxn ang="0">
                  <a:pos x="T6" y="T7"/>
                </a:cxn>
                <a:cxn ang="0">
                  <a:pos x="T8" y="T9"/>
                </a:cxn>
              </a:cxnLst>
              <a:rect l="0" t="0" r="r" b="b"/>
              <a:pathLst>
                <a:path w="5" h="6">
                  <a:moveTo>
                    <a:pt x="4" y="4"/>
                  </a:moveTo>
                  <a:cubicBezTo>
                    <a:pt x="5" y="2"/>
                    <a:pt x="4" y="0"/>
                    <a:pt x="4" y="0"/>
                  </a:cubicBezTo>
                  <a:cubicBezTo>
                    <a:pt x="4" y="0"/>
                    <a:pt x="1" y="1"/>
                    <a:pt x="1" y="2"/>
                  </a:cubicBezTo>
                  <a:cubicBezTo>
                    <a:pt x="0" y="4"/>
                    <a:pt x="1" y="6"/>
                    <a:pt x="2" y="6"/>
                  </a:cubicBezTo>
                  <a:cubicBezTo>
                    <a:pt x="2" y="6"/>
                    <a:pt x="4" y="5"/>
                    <a:pt x="4" y="4"/>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31" name="íṣ1iďé">
              <a:extLst>
                <a:ext uri="{FF2B5EF4-FFF2-40B4-BE49-F238E27FC236}">
                  <a16:creationId xmlns:a16="http://schemas.microsoft.com/office/drawing/2014/main" xmlns="" id="{D509BE08-13AF-416F-B447-A0EE86484671}"/>
                </a:ext>
              </a:extLst>
            </p:cNvPr>
            <p:cNvSpPr/>
            <p:nvPr/>
          </p:nvSpPr>
          <p:spPr bwMode="auto">
            <a:xfrm>
              <a:off x="7877229" y="3527743"/>
              <a:ext cx="71438" cy="107950"/>
            </a:xfrm>
            <a:custGeom>
              <a:avLst/>
              <a:gdLst>
                <a:gd name="T0" fmla="*/ 3 w 4"/>
                <a:gd name="T1" fmla="*/ 2 h 6"/>
                <a:gd name="T2" fmla="*/ 0 w 4"/>
                <a:gd name="T3" fmla="*/ 0 h 6"/>
                <a:gd name="T4" fmla="*/ 0 w 4"/>
                <a:gd name="T5" fmla="*/ 4 h 6"/>
                <a:gd name="T6" fmla="*/ 3 w 4"/>
                <a:gd name="T7" fmla="*/ 6 h 6"/>
                <a:gd name="T8" fmla="*/ 3 w 4"/>
                <a:gd name="T9" fmla="*/ 2 h 6"/>
              </a:gdLst>
              <a:ahLst/>
              <a:cxnLst>
                <a:cxn ang="0">
                  <a:pos x="T0" y="T1"/>
                </a:cxn>
                <a:cxn ang="0">
                  <a:pos x="T2" y="T3"/>
                </a:cxn>
                <a:cxn ang="0">
                  <a:pos x="T4" y="T5"/>
                </a:cxn>
                <a:cxn ang="0">
                  <a:pos x="T6" y="T7"/>
                </a:cxn>
                <a:cxn ang="0">
                  <a:pos x="T8" y="T9"/>
                </a:cxn>
              </a:cxnLst>
              <a:rect l="0" t="0" r="r" b="b"/>
              <a:pathLst>
                <a:path w="4" h="6">
                  <a:moveTo>
                    <a:pt x="3" y="2"/>
                  </a:moveTo>
                  <a:cubicBezTo>
                    <a:pt x="3" y="1"/>
                    <a:pt x="0" y="0"/>
                    <a:pt x="0" y="0"/>
                  </a:cubicBezTo>
                  <a:cubicBezTo>
                    <a:pt x="0" y="0"/>
                    <a:pt x="0" y="2"/>
                    <a:pt x="0" y="4"/>
                  </a:cubicBezTo>
                  <a:cubicBezTo>
                    <a:pt x="1" y="5"/>
                    <a:pt x="2" y="6"/>
                    <a:pt x="3" y="6"/>
                  </a:cubicBezTo>
                  <a:cubicBezTo>
                    <a:pt x="4" y="6"/>
                    <a:pt x="4" y="4"/>
                    <a:pt x="3" y="2"/>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32" name="ïśḷíḋe">
              <a:extLst>
                <a:ext uri="{FF2B5EF4-FFF2-40B4-BE49-F238E27FC236}">
                  <a16:creationId xmlns:a16="http://schemas.microsoft.com/office/drawing/2014/main" xmlns="" id="{EF28E292-4D3C-4F62-89F5-97D9AC10DC32}"/>
                </a:ext>
              </a:extLst>
            </p:cNvPr>
            <p:cNvSpPr/>
            <p:nvPr/>
          </p:nvSpPr>
          <p:spPr bwMode="auto">
            <a:xfrm>
              <a:off x="7985179" y="3419793"/>
              <a:ext cx="107949" cy="71439"/>
            </a:xfrm>
            <a:custGeom>
              <a:avLst/>
              <a:gdLst>
                <a:gd name="T0" fmla="*/ 4 w 6"/>
                <a:gd name="T1" fmla="*/ 0 h 4"/>
                <a:gd name="T2" fmla="*/ 0 w 6"/>
                <a:gd name="T3" fmla="*/ 1 h 4"/>
                <a:gd name="T4" fmla="*/ 3 w 6"/>
                <a:gd name="T5" fmla="*/ 4 h 4"/>
                <a:gd name="T6" fmla="*/ 6 w 6"/>
                <a:gd name="T7" fmla="*/ 3 h 4"/>
                <a:gd name="T8" fmla="*/ 4 w 6"/>
                <a:gd name="T9" fmla="*/ 0 h 4"/>
              </a:gdLst>
              <a:ahLst/>
              <a:cxnLst>
                <a:cxn ang="0">
                  <a:pos x="T0" y="T1"/>
                </a:cxn>
                <a:cxn ang="0">
                  <a:pos x="T2" y="T3"/>
                </a:cxn>
                <a:cxn ang="0">
                  <a:pos x="T4" y="T5"/>
                </a:cxn>
                <a:cxn ang="0">
                  <a:pos x="T6" y="T7"/>
                </a:cxn>
                <a:cxn ang="0">
                  <a:pos x="T8" y="T9"/>
                </a:cxn>
              </a:cxnLst>
              <a:rect l="0" t="0" r="r" b="b"/>
              <a:pathLst>
                <a:path w="6" h="4">
                  <a:moveTo>
                    <a:pt x="4" y="0"/>
                  </a:moveTo>
                  <a:cubicBezTo>
                    <a:pt x="2" y="0"/>
                    <a:pt x="0" y="1"/>
                    <a:pt x="0" y="1"/>
                  </a:cubicBezTo>
                  <a:cubicBezTo>
                    <a:pt x="0" y="1"/>
                    <a:pt x="1" y="3"/>
                    <a:pt x="3" y="4"/>
                  </a:cubicBezTo>
                  <a:cubicBezTo>
                    <a:pt x="4" y="4"/>
                    <a:pt x="6" y="4"/>
                    <a:pt x="6" y="3"/>
                  </a:cubicBezTo>
                  <a:cubicBezTo>
                    <a:pt x="6" y="2"/>
                    <a:pt x="5" y="1"/>
                    <a:pt x="4" y="0"/>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33" name="ïsľïḑe">
              <a:extLst>
                <a:ext uri="{FF2B5EF4-FFF2-40B4-BE49-F238E27FC236}">
                  <a16:creationId xmlns:a16="http://schemas.microsoft.com/office/drawing/2014/main" xmlns="" id="{C868C9A2-A474-4720-BE4E-88905EA1991A}"/>
                </a:ext>
              </a:extLst>
            </p:cNvPr>
            <p:cNvSpPr/>
            <p:nvPr/>
          </p:nvSpPr>
          <p:spPr bwMode="auto">
            <a:xfrm>
              <a:off x="7985179" y="3240407"/>
              <a:ext cx="125413" cy="90488"/>
            </a:xfrm>
            <a:custGeom>
              <a:avLst/>
              <a:gdLst>
                <a:gd name="T0" fmla="*/ 2 w 7"/>
                <a:gd name="T1" fmla="*/ 1 h 5"/>
                <a:gd name="T2" fmla="*/ 0 w 7"/>
                <a:gd name="T3" fmla="*/ 4 h 5"/>
                <a:gd name="T4" fmla="*/ 4 w 7"/>
                <a:gd name="T5" fmla="*/ 4 h 5"/>
                <a:gd name="T6" fmla="*/ 6 w 7"/>
                <a:gd name="T7" fmla="*/ 1 h 5"/>
                <a:gd name="T8" fmla="*/ 2 w 7"/>
                <a:gd name="T9" fmla="*/ 1 h 5"/>
              </a:gdLst>
              <a:ahLst/>
              <a:cxnLst>
                <a:cxn ang="0">
                  <a:pos x="T0" y="T1"/>
                </a:cxn>
                <a:cxn ang="0">
                  <a:pos x="T2" y="T3"/>
                </a:cxn>
                <a:cxn ang="0">
                  <a:pos x="T4" y="T5"/>
                </a:cxn>
                <a:cxn ang="0">
                  <a:pos x="T6" y="T7"/>
                </a:cxn>
                <a:cxn ang="0">
                  <a:pos x="T8" y="T9"/>
                </a:cxn>
              </a:cxnLst>
              <a:rect l="0" t="0" r="r" b="b"/>
              <a:pathLst>
                <a:path w="7" h="5">
                  <a:moveTo>
                    <a:pt x="2" y="1"/>
                  </a:moveTo>
                  <a:cubicBezTo>
                    <a:pt x="1" y="2"/>
                    <a:pt x="0" y="4"/>
                    <a:pt x="0" y="4"/>
                  </a:cubicBezTo>
                  <a:cubicBezTo>
                    <a:pt x="0" y="4"/>
                    <a:pt x="2" y="5"/>
                    <a:pt x="4" y="4"/>
                  </a:cubicBezTo>
                  <a:cubicBezTo>
                    <a:pt x="6" y="3"/>
                    <a:pt x="7" y="2"/>
                    <a:pt x="6" y="1"/>
                  </a:cubicBezTo>
                  <a:cubicBezTo>
                    <a:pt x="6" y="0"/>
                    <a:pt x="4" y="0"/>
                    <a:pt x="2" y="1"/>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34" name="iŝlíḓè">
              <a:extLst>
                <a:ext uri="{FF2B5EF4-FFF2-40B4-BE49-F238E27FC236}">
                  <a16:creationId xmlns:a16="http://schemas.microsoft.com/office/drawing/2014/main" xmlns="" id="{356F237A-7D4E-4E40-93E0-593424E1B27C}"/>
                </a:ext>
              </a:extLst>
            </p:cNvPr>
            <p:cNvSpPr/>
            <p:nvPr/>
          </p:nvSpPr>
          <p:spPr bwMode="auto">
            <a:xfrm>
              <a:off x="7877229" y="3095943"/>
              <a:ext cx="71438" cy="126999"/>
            </a:xfrm>
            <a:custGeom>
              <a:avLst/>
              <a:gdLst>
                <a:gd name="T0" fmla="*/ 1 w 4"/>
                <a:gd name="T1" fmla="*/ 3 h 7"/>
                <a:gd name="T2" fmla="*/ 1 w 4"/>
                <a:gd name="T3" fmla="*/ 7 h 7"/>
                <a:gd name="T4" fmla="*/ 4 w 4"/>
                <a:gd name="T5" fmla="*/ 4 h 7"/>
                <a:gd name="T6" fmla="*/ 3 w 4"/>
                <a:gd name="T7" fmla="*/ 0 h 7"/>
                <a:gd name="T8" fmla="*/ 1 w 4"/>
                <a:gd name="T9" fmla="*/ 3 h 7"/>
              </a:gdLst>
              <a:ahLst/>
              <a:cxnLst>
                <a:cxn ang="0">
                  <a:pos x="T0" y="T1"/>
                </a:cxn>
                <a:cxn ang="0">
                  <a:pos x="T2" y="T3"/>
                </a:cxn>
                <a:cxn ang="0">
                  <a:pos x="T4" y="T5"/>
                </a:cxn>
                <a:cxn ang="0">
                  <a:pos x="T6" y="T7"/>
                </a:cxn>
                <a:cxn ang="0">
                  <a:pos x="T8" y="T9"/>
                </a:cxn>
              </a:cxnLst>
              <a:rect l="0" t="0" r="r" b="b"/>
              <a:pathLst>
                <a:path w="4" h="7">
                  <a:moveTo>
                    <a:pt x="1" y="3"/>
                  </a:moveTo>
                  <a:cubicBezTo>
                    <a:pt x="0" y="5"/>
                    <a:pt x="1" y="7"/>
                    <a:pt x="1" y="7"/>
                  </a:cubicBezTo>
                  <a:cubicBezTo>
                    <a:pt x="1" y="7"/>
                    <a:pt x="3" y="6"/>
                    <a:pt x="4" y="4"/>
                  </a:cubicBezTo>
                  <a:cubicBezTo>
                    <a:pt x="4" y="2"/>
                    <a:pt x="4" y="1"/>
                    <a:pt x="3" y="0"/>
                  </a:cubicBezTo>
                  <a:cubicBezTo>
                    <a:pt x="2" y="0"/>
                    <a:pt x="1" y="1"/>
                    <a:pt x="1" y="3"/>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grpSp>
      <p:sp>
        <p:nvSpPr>
          <p:cNvPr id="519" name="barrel_336142">
            <a:extLst>
              <a:ext uri="{FF2B5EF4-FFF2-40B4-BE49-F238E27FC236}">
                <a16:creationId xmlns:a16="http://schemas.microsoft.com/office/drawing/2014/main" xmlns="" id="{466A2BEE-0F9F-43E2-8AE1-19EA3EFEBAF9}"/>
              </a:ext>
            </a:extLst>
          </p:cNvPr>
          <p:cNvSpPr>
            <a:spLocks noChangeAspect="1"/>
          </p:cNvSpPr>
          <p:nvPr/>
        </p:nvSpPr>
        <p:spPr bwMode="auto">
          <a:xfrm>
            <a:off x="7054543" y="5033948"/>
            <a:ext cx="712352" cy="678516"/>
          </a:xfrm>
          <a:custGeom>
            <a:avLst/>
            <a:gdLst>
              <a:gd name="connsiteX0" fmla="*/ 46432 w 597618"/>
              <a:gd name="connsiteY0" fmla="*/ 513858 h 606722"/>
              <a:gd name="connsiteX1" fmla="*/ 46432 w 597618"/>
              <a:gd name="connsiteY1" fmla="*/ 604234 h 606722"/>
              <a:gd name="connsiteX2" fmla="*/ 0 w 597618"/>
              <a:gd name="connsiteY2" fmla="*/ 606722 h 606722"/>
              <a:gd name="connsiteX3" fmla="*/ 0 w 597618"/>
              <a:gd name="connsiteY3" fmla="*/ 515280 h 606722"/>
              <a:gd name="connsiteX4" fmla="*/ 46432 w 597618"/>
              <a:gd name="connsiteY4" fmla="*/ 513858 h 606722"/>
              <a:gd name="connsiteX5" fmla="*/ 197301 w 597618"/>
              <a:gd name="connsiteY5" fmla="*/ 496287 h 606722"/>
              <a:gd name="connsiteX6" fmla="*/ 197301 w 597618"/>
              <a:gd name="connsiteY6" fmla="*/ 573138 h 606722"/>
              <a:gd name="connsiteX7" fmla="*/ 150869 w 597618"/>
              <a:gd name="connsiteY7" fmla="*/ 587175 h 606722"/>
              <a:gd name="connsiteX8" fmla="*/ 150869 w 597618"/>
              <a:gd name="connsiteY8" fmla="*/ 504194 h 606722"/>
              <a:gd name="connsiteX9" fmla="*/ 197301 w 597618"/>
              <a:gd name="connsiteY9" fmla="*/ 496287 h 606722"/>
              <a:gd name="connsiteX10" fmla="*/ 525994 w 597618"/>
              <a:gd name="connsiteY10" fmla="*/ 429885 h 606722"/>
              <a:gd name="connsiteX11" fmla="*/ 547084 w 597618"/>
              <a:gd name="connsiteY11" fmla="*/ 429885 h 606722"/>
              <a:gd name="connsiteX12" fmla="*/ 557204 w 597618"/>
              <a:gd name="connsiteY12" fmla="*/ 434056 h 606722"/>
              <a:gd name="connsiteX13" fmla="*/ 561398 w 597618"/>
              <a:gd name="connsiteY13" fmla="*/ 444099 h 606722"/>
              <a:gd name="connsiteX14" fmla="*/ 561398 w 597618"/>
              <a:gd name="connsiteY14" fmla="*/ 522133 h 606722"/>
              <a:gd name="connsiteX15" fmla="*/ 557204 w 597618"/>
              <a:gd name="connsiteY15" fmla="*/ 532221 h 606722"/>
              <a:gd name="connsiteX16" fmla="*/ 547079 w 597618"/>
              <a:gd name="connsiteY16" fmla="*/ 536439 h 606722"/>
              <a:gd name="connsiteX17" fmla="*/ 525994 w 597618"/>
              <a:gd name="connsiteY17" fmla="*/ 536439 h 606722"/>
              <a:gd name="connsiteX18" fmla="*/ 525978 w 597618"/>
              <a:gd name="connsiteY18" fmla="*/ 429879 h 606722"/>
              <a:gd name="connsiteX19" fmla="*/ 525978 w 597618"/>
              <a:gd name="connsiteY19" fmla="*/ 536443 h 606722"/>
              <a:gd name="connsiteX20" fmla="*/ 547070 w 597618"/>
              <a:gd name="connsiteY20" fmla="*/ 536443 h 606722"/>
              <a:gd name="connsiteX21" fmla="*/ 547079 w 597618"/>
              <a:gd name="connsiteY21" fmla="*/ 536439 h 606722"/>
              <a:gd name="connsiteX22" fmla="*/ 547088 w 597618"/>
              <a:gd name="connsiteY22" fmla="*/ 536439 h 606722"/>
              <a:gd name="connsiteX23" fmla="*/ 561418 w 597618"/>
              <a:gd name="connsiteY23" fmla="*/ 522131 h 606722"/>
              <a:gd name="connsiteX24" fmla="*/ 561418 w 597618"/>
              <a:gd name="connsiteY24" fmla="*/ 444104 h 606722"/>
              <a:gd name="connsiteX25" fmla="*/ 547088 w 597618"/>
              <a:gd name="connsiteY25" fmla="*/ 429885 h 606722"/>
              <a:gd name="connsiteX26" fmla="*/ 547084 w 597618"/>
              <a:gd name="connsiteY26" fmla="*/ 429885 h 606722"/>
              <a:gd name="connsiteX27" fmla="*/ 547070 w 597618"/>
              <a:gd name="connsiteY27" fmla="*/ 429879 h 606722"/>
              <a:gd name="connsiteX28" fmla="*/ 454072 w 597618"/>
              <a:gd name="connsiteY28" fmla="*/ 411570 h 606722"/>
              <a:gd name="connsiteX29" fmla="*/ 454072 w 597618"/>
              <a:gd name="connsiteY29" fmla="*/ 554662 h 606722"/>
              <a:gd name="connsiteX30" fmla="*/ 490292 w 597618"/>
              <a:gd name="connsiteY30" fmla="*/ 554662 h 606722"/>
              <a:gd name="connsiteX31" fmla="*/ 490292 w 597618"/>
              <a:gd name="connsiteY31" fmla="*/ 411570 h 606722"/>
              <a:gd name="connsiteX32" fmla="*/ 383856 w 597618"/>
              <a:gd name="connsiteY32" fmla="*/ 411570 h 606722"/>
              <a:gd name="connsiteX33" fmla="*/ 383856 w 597618"/>
              <a:gd name="connsiteY33" fmla="*/ 554662 h 606722"/>
              <a:gd name="connsiteX34" fmla="*/ 420076 w 597618"/>
              <a:gd name="connsiteY34" fmla="*/ 554662 h 606722"/>
              <a:gd name="connsiteX35" fmla="*/ 420076 w 597618"/>
              <a:gd name="connsiteY35" fmla="*/ 411570 h 606722"/>
              <a:gd name="connsiteX36" fmla="*/ 46432 w 597618"/>
              <a:gd name="connsiteY36" fmla="*/ 387334 h 606722"/>
              <a:gd name="connsiteX37" fmla="*/ 46432 w 597618"/>
              <a:gd name="connsiteY37" fmla="*/ 477629 h 606722"/>
              <a:gd name="connsiteX38" fmla="*/ 0 w 597618"/>
              <a:gd name="connsiteY38" fmla="*/ 479140 h 606722"/>
              <a:gd name="connsiteX39" fmla="*/ 0 w 597618"/>
              <a:gd name="connsiteY39" fmla="*/ 387778 h 606722"/>
              <a:gd name="connsiteX40" fmla="*/ 46432 w 597618"/>
              <a:gd name="connsiteY40" fmla="*/ 387334 h 606722"/>
              <a:gd name="connsiteX41" fmla="*/ 197301 w 597618"/>
              <a:gd name="connsiteY41" fmla="*/ 381265 h 606722"/>
              <a:gd name="connsiteX42" fmla="*/ 197301 w 597618"/>
              <a:gd name="connsiteY42" fmla="*/ 459228 h 606722"/>
              <a:gd name="connsiteX43" fmla="*/ 150869 w 597618"/>
              <a:gd name="connsiteY43" fmla="*/ 467496 h 606722"/>
              <a:gd name="connsiteX44" fmla="*/ 150869 w 597618"/>
              <a:gd name="connsiteY44" fmla="*/ 383932 h 606722"/>
              <a:gd name="connsiteX45" fmla="*/ 197301 w 597618"/>
              <a:gd name="connsiteY45" fmla="*/ 381265 h 606722"/>
              <a:gd name="connsiteX46" fmla="*/ 348169 w 597618"/>
              <a:gd name="connsiteY46" fmla="*/ 362777 h 606722"/>
              <a:gd name="connsiteX47" fmla="*/ 380474 w 597618"/>
              <a:gd name="connsiteY47" fmla="*/ 362777 h 606722"/>
              <a:gd name="connsiteX48" fmla="*/ 491805 w 597618"/>
              <a:gd name="connsiteY48" fmla="*/ 362777 h 606722"/>
              <a:gd name="connsiteX49" fmla="*/ 525978 w 597618"/>
              <a:gd name="connsiteY49" fmla="*/ 362777 h 606722"/>
              <a:gd name="connsiteX50" fmla="*/ 525978 w 597618"/>
              <a:gd name="connsiteY50" fmla="*/ 393706 h 606722"/>
              <a:gd name="connsiteX51" fmla="*/ 547070 w 597618"/>
              <a:gd name="connsiteY51" fmla="*/ 393706 h 606722"/>
              <a:gd name="connsiteX52" fmla="*/ 562199 w 597618"/>
              <a:gd name="connsiteY52" fmla="*/ 395928 h 606722"/>
              <a:gd name="connsiteX53" fmla="*/ 597618 w 597618"/>
              <a:gd name="connsiteY53" fmla="*/ 444099 h 606722"/>
              <a:gd name="connsiteX54" fmla="*/ 597618 w 597618"/>
              <a:gd name="connsiteY54" fmla="*/ 522133 h 606722"/>
              <a:gd name="connsiteX55" fmla="*/ 562199 w 597618"/>
              <a:gd name="connsiteY55" fmla="*/ 570305 h 606722"/>
              <a:gd name="connsiteX56" fmla="*/ 547070 w 597618"/>
              <a:gd name="connsiteY56" fmla="*/ 572616 h 606722"/>
              <a:gd name="connsiteX57" fmla="*/ 525978 w 597618"/>
              <a:gd name="connsiteY57" fmla="*/ 572616 h 606722"/>
              <a:gd name="connsiteX58" fmla="*/ 525978 w 597618"/>
              <a:gd name="connsiteY58" fmla="*/ 599101 h 606722"/>
              <a:gd name="connsiteX59" fmla="*/ 348169 w 597618"/>
              <a:gd name="connsiteY59" fmla="*/ 599101 h 606722"/>
              <a:gd name="connsiteX60" fmla="*/ 150869 w 597618"/>
              <a:gd name="connsiteY60" fmla="*/ 264056 h 606722"/>
              <a:gd name="connsiteX61" fmla="*/ 197301 w 597618"/>
              <a:gd name="connsiteY61" fmla="*/ 266721 h 606722"/>
              <a:gd name="connsiteX62" fmla="*/ 197301 w 597618"/>
              <a:gd name="connsiteY62" fmla="*/ 344993 h 606722"/>
              <a:gd name="connsiteX63" fmla="*/ 150869 w 597618"/>
              <a:gd name="connsiteY63" fmla="*/ 347747 h 606722"/>
              <a:gd name="connsiteX64" fmla="*/ 0 w 597618"/>
              <a:gd name="connsiteY64" fmla="*/ 260245 h 606722"/>
              <a:gd name="connsiteX65" fmla="*/ 46432 w 597618"/>
              <a:gd name="connsiteY65" fmla="*/ 260689 h 606722"/>
              <a:gd name="connsiteX66" fmla="*/ 46432 w 597618"/>
              <a:gd name="connsiteY66" fmla="*/ 351024 h 606722"/>
              <a:gd name="connsiteX67" fmla="*/ 0 w 597618"/>
              <a:gd name="connsiteY67" fmla="*/ 351557 h 606722"/>
              <a:gd name="connsiteX68" fmla="*/ 238793 w 597618"/>
              <a:gd name="connsiteY68" fmla="*/ 172603 h 606722"/>
              <a:gd name="connsiteX69" fmla="*/ 517103 w 597618"/>
              <a:gd name="connsiteY69" fmla="*/ 172603 h 606722"/>
              <a:gd name="connsiteX70" fmla="*/ 517103 w 597618"/>
              <a:gd name="connsiteY70" fmla="*/ 211430 h 606722"/>
              <a:gd name="connsiteX71" fmla="*/ 437980 w 597618"/>
              <a:gd name="connsiteY71" fmla="*/ 211430 h 606722"/>
              <a:gd name="connsiteX72" fmla="*/ 448127 w 597618"/>
              <a:gd name="connsiteY72" fmla="*/ 236307 h 606722"/>
              <a:gd name="connsiteX73" fmla="*/ 455603 w 597618"/>
              <a:gd name="connsiteY73" fmla="*/ 274423 h 606722"/>
              <a:gd name="connsiteX74" fmla="*/ 455603 w 597618"/>
              <a:gd name="connsiteY74" fmla="*/ 326577 h 606722"/>
              <a:gd name="connsiteX75" fmla="*/ 416709 w 597618"/>
              <a:gd name="connsiteY75" fmla="*/ 326577 h 606722"/>
              <a:gd name="connsiteX76" fmla="*/ 416709 w 597618"/>
              <a:gd name="connsiteY76" fmla="*/ 274423 h 606722"/>
              <a:gd name="connsiteX77" fmla="*/ 353517 w 597618"/>
              <a:gd name="connsiteY77" fmla="*/ 211430 h 606722"/>
              <a:gd name="connsiteX78" fmla="*/ 238793 w 597618"/>
              <a:gd name="connsiteY78" fmla="*/ 211430 h 606722"/>
              <a:gd name="connsiteX79" fmla="*/ 150869 w 597618"/>
              <a:gd name="connsiteY79" fmla="*/ 144236 h 606722"/>
              <a:gd name="connsiteX80" fmla="*/ 197301 w 597618"/>
              <a:gd name="connsiteY80" fmla="*/ 152592 h 606722"/>
              <a:gd name="connsiteX81" fmla="*/ 197301 w 597618"/>
              <a:gd name="connsiteY81" fmla="*/ 230467 h 606722"/>
              <a:gd name="connsiteX82" fmla="*/ 150869 w 597618"/>
              <a:gd name="connsiteY82" fmla="*/ 227800 h 606722"/>
              <a:gd name="connsiteX83" fmla="*/ 0 w 597618"/>
              <a:gd name="connsiteY83" fmla="*/ 132593 h 606722"/>
              <a:gd name="connsiteX84" fmla="*/ 46432 w 597618"/>
              <a:gd name="connsiteY84" fmla="*/ 134104 h 606722"/>
              <a:gd name="connsiteX85" fmla="*/ 46432 w 597618"/>
              <a:gd name="connsiteY85" fmla="*/ 224469 h 606722"/>
              <a:gd name="connsiteX86" fmla="*/ 0 w 597618"/>
              <a:gd name="connsiteY86" fmla="*/ 224025 h 606722"/>
              <a:gd name="connsiteX87" fmla="*/ 150869 w 597618"/>
              <a:gd name="connsiteY87" fmla="*/ 24698 h 606722"/>
              <a:gd name="connsiteX88" fmla="*/ 197301 w 597618"/>
              <a:gd name="connsiteY88" fmla="*/ 38738 h 606722"/>
              <a:gd name="connsiteX89" fmla="*/ 197301 w 597618"/>
              <a:gd name="connsiteY89" fmla="*/ 115516 h 606722"/>
              <a:gd name="connsiteX90" fmla="*/ 150869 w 597618"/>
              <a:gd name="connsiteY90" fmla="*/ 107607 h 606722"/>
              <a:gd name="connsiteX91" fmla="*/ 82632 w 597618"/>
              <a:gd name="connsiteY91" fmla="*/ 11573 h 606722"/>
              <a:gd name="connsiteX92" fmla="*/ 114598 w 597618"/>
              <a:gd name="connsiteY92" fmla="*/ 16727 h 606722"/>
              <a:gd name="connsiteX93" fmla="*/ 114598 w 597618"/>
              <a:gd name="connsiteY93" fmla="*/ 595076 h 606722"/>
              <a:gd name="connsiteX94" fmla="*/ 82632 w 597618"/>
              <a:gd name="connsiteY94" fmla="*/ 600230 h 606722"/>
              <a:gd name="connsiteX95" fmla="*/ 0 w 597618"/>
              <a:gd name="connsiteY95" fmla="*/ 5081 h 606722"/>
              <a:gd name="connsiteX96" fmla="*/ 46432 w 597618"/>
              <a:gd name="connsiteY96" fmla="*/ 7659 h 606722"/>
              <a:gd name="connsiteX97" fmla="*/ 46432 w 597618"/>
              <a:gd name="connsiteY97" fmla="*/ 97875 h 606722"/>
              <a:gd name="connsiteX98" fmla="*/ 0 w 597618"/>
              <a:gd name="connsiteY98" fmla="*/ 96453 h 606722"/>
              <a:gd name="connsiteX99" fmla="*/ 378583 w 597618"/>
              <a:gd name="connsiteY99" fmla="*/ 0 h 606722"/>
              <a:gd name="connsiteX100" fmla="*/ 468695 w 597618"/>
              <a:gd name="connsiteY100" fmla="*/ 0 h 606722"/>
              <a:gd name="connsiteX101" fmla="*/ 447592 w 597618"/>
              <a:gd name="connsiteY101" fmla="*/ 136403 h 606722"/>
              <a:gd name="connsiteX102" fmla="*/ 399776 w 597618"/>
              <a:gd name="connsiteY102" fmla="*/ 136403 h 6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Lst>
            <a:rect l="l" t="t" r="r" b="b"/>
            <a:pathLst>
              <a:path w="597618" h="606722">
                <a:moveTo>
                  <a:pt x="46432" y="513858"/>
                </a:moveTo>
                <a:lnTo>
                  <a:pt x="46432" y="604234"/>
                </a:lnTo>
                <a:cubicBezTo>
                  <a:pt x="31755" y="605478"/>
                  <a:pt x="16278" y="606278"/>
                  <a:pt x="0" y="606722"/>
                </a:cubicBezTo>
                <a:lnTo>
                  <a:pt x="0" y="515280"/>
                </a:lnTo>
                <a:cubicBezTo>
                  <a:pt x="16278" y="515102"/>
                  <a:pt x="31755" y="514569"/>
                  <a:pt x="46432" y="513858"/>
                </a:cubicBezTo>
                <a:close/>
                <a:moveTo>
                  <a:pt x="197301" y="496287"/>
                </a:moveTo>
                <a:lnTo>
                  <a:pt x="197301" y="573138"/>
                </a:lnTo>
                <a:cubicBezTo>
                  <a:pt x="187784" y="576602"/>
                  <a:pt x="172128" y="581844"/>
                  <a:pt x="150869" y="587175"/>
                </a:cubicBezTo>
                <a:lnTo>
                  <a:pt x="150869" y="504194"/>
                </a:lnTo>
                <a:cubicBezTo>
                  <a:pt x="170260" y="501440"/>
                  <a:pt x="185827" y="498597"/>
                  <a:pt x="197301" y="496287"/>
                </a:cubicBezTo>
                <a:close/>
                <a:moveTo>
                  <a:pt x="525994" y="429885"/>
                </a:moveTo>
                <a:lnTo>
                  <a:pt x="547084" y="429885"/>
                </a:lnTo>
                <a:lnTo>
                  <a:pt x="557204" y="434056"/>
                </a:lnTo>
                <a:cubicBezTo>
                  <a:pt x="559796" y="436634"/>
                  <a:pt x="561398" y="440189"/>
                  <a:pt x="561398" y="444099"/>
                </a:cubicBezTo>
                <a:lnTo>
                  <a:pt x="561398" y="522133"/>
                </a:lnTo>
                <a:cubicBezTo>
                  <a:pt x="561398" y="526044"/>
                  <a:pt x="559796" y="529622"/>
                  <a:pt x="557204" y="532221"/>
                </a:cubicBezTo>
                <a:lnTo>
                  <a:pt x="547079" y="536439"/>
                </a:lnTo>
                <a:lnTo>
                  <a:pt x="525994" y="536439"/>
                </a:lnTo>
                <a:close/>
                <a:moveTo>
                  <a:pt x="525978" y="429879"/>
                </a:moveTo>
                <a:lnTo>
                  <a:pt x="525978" y="536443"/>
                </a:lnTo>
                <a:lnTo>
                  <a:pt x="547070" y="536443"/>
                </a:lnTo>
                <a:lnTo>
                  <a:pt x="547079" y="536439"/>
                </a:lnTo>
                <a:lnTo>
                  <a:pt x="547088" y="536439"/>
                </a:lnTo>
                <a:cubicBezTo>
                  <a:pt x="555010" y="536439"/>
                  <a:pt x="561418" y="529952"/>
                  <a:pt x="561418" y="522131"/>
                </a:cubicBezTo>
                <a:lnTo>
                  <a:pt x="561418" y="444104"/>
                </a:lnTo>
                <a:cubicBezTo>
                  <a:pt x="561418" y="436284"/>
                  <a:pt x="555010" y="429885"/>
                  <a:pt x="547088" y="429885"/>
                </a:cubicBezTo>
                <a:lnTo>
                  <a:pt x="547084" y="429885"/>
                </a:lnTo>
                <a:lnTo>
                  <a:pt x="547070" y="429879"/>
                </a:lnTo>
                <a:close/>
                <a:moveTo>
                  <a:pt x="454072" y="411570"/>
                </a:moveTo>
                <a:lnTo>
                  <a:pt x="454072" y="554662"/>
                </a:lnTo>
                <a:lnTo>
                  <a:pt x="490292" y="554662"/>
                </a:lnTo>
                <a:lnTo>
                  <a:pt x="490292" y="411570"/>
                </a:lnTo>
                <a:close/>
                <a:moveTo>
                  <a:pt x="383856" y="411570"/>
                </a:moveTo>
                <a:lnTo>
                  <a:pt x="383856" y="554662"/>
                </a:lnTo>
                <a:lnTo>
                  <a:pt x="420076" y="554662"/>
                </a:lnTo>
                <a:lnTo>
                  <a:pt x="420076" y="411570"/>
                </a:lnTo>
                <a:close/>
                <a:moveTo>
                  <a:pt x="46432" y="387334"/>
                </a:moveTo>
                <a:lnTo>
                  <a:pt x="46432" y="477629"/>
                </a:lnTo>
                <a:cubicBezTo>
                  <a:pt x="31755" y="478429"/>
                  <a:pt x="16278" y="478962"/>
                  <a:pt x="0" y="479140"/>
                </a:cubicBezTo>
                <a:lnTo>
                  <a:pt x="0" y="387778"/>
                </a:lnTo>
                <a:cubicBezTo>
                  <a:pt x="16278" y="387689"/>
                  <a:pt x="31755" y="387512"/>
                  <a:pt x="46432" y="387334"/>
                </a:cubicBezTo>
                <a:close/>
                <a:moveTo>
                  <a:pt x="197301" y="381265"/>
                </a:moveTo>
                <a:lnTo>
                  <a:pt x="197301" y="459228"/>
                </a:lnTo>
                <a:cubicBezTo>
                  <a:pt x="187161" y="461451"/>
                  <a:pt x="171506" y="464473"/>
                  <a:pt x="150869" y="467496"/>
                </a:cubicBezTo>
                <a:lnTo>
                  <a:pt x="150869" y="383932"/>
                </a:lnTo>
                <a:cubicBezTo>
                  <a:pt x="170616" y="383043"/>
                  <a:pt x="186182" y="382065"/>
                  <a:pt x="197301" y="381265"/>
                </a:cubicBezTo>
                <a:close/>
                <a:moveTo>
                  <a:pt x="348169" y="362777"/>
                </a:moveTo>
                <a:lnTo>
                  <a:pt x="380474" y="362777"/>
                </a:lnTo>
                <a:lnTo>
                  <a:pt x="491805" y="362777"/>
                </a:lnTo>
                <a:lnTo>
                  <a:pt x="525978" y="362777"/>
                </a:lnTo>
                <a:lnTo>
                  <a:pt x="525978" y="393706"/>
                </a:lnTo>
                <a:lnTo>
                  <a:pt x="547070" y="393706"/>
                </a:lnTo>
                <a:cubicBezTo>
                  <a:pt x="552321" y="393706"/>
                  <a:pt x="557393" y="394506"/>
                  <a:pt x="562199" y="395928"/>
                </a:cubicBezTo>
                <a:cubicBezTo>
                  <a:pt x="582667" y="402416"/>
                  <a:pt x="597618" y="421525"/>
                  <a:pt x="597618" y="444099"/>
                </a:cubicBezTo>
                <a:lnTo>
                  <a:pt x="597618" y="522133"/>
                </a:lnTo>
                <a:cubicBezTo>
                  <a:pt x="597618" y="544708"/>
                  <a:pt x="582667" y="563817"/>
                  <a:pt x="562199" y="570305"/>
                </a:cubicBezTo>
                <a:cubicBezTo>
                  <a:pt x="557393" y="571816"/>
                  <a:pt x="552321" y="572616"/>
                  <a:pt x="547070" y="572616"/>
                </a:cubicBezTo>
                <a:lnTo>
                  <a:pt x="525978" y="572616"/>
                </a:lnTo>
                <a:lnTo>
                  <a:pt x="525978" y="599101"/>
                </a:lnTo>
                <a:lnTo>
                  <a:pt x="348169" y="599101"/>
                </a:lnTo>
                <a:close/>
                <a:moveTo>
                  <a:pt x="150869" y="264056"/>
                </a:moveTo>
                <a:cubicBezTo>
                  <a:pt x="170972" y="265033"/>
                  <a:pt x="186627" y="266011"/>
                  <a:pt x="197301" y="266721"/>
                </a:cubicBezTo>
                <a:lnTo>
                  <a:pt x="197301" y="344993"/>
                </a:lnTo>
                <a:cubicBezTo>
                  <a:pt x="186627" y="345792"/>
                  <a:pt x="170972" y="346770"/>
                  <a:pt x="150869" y="347747"/>
                </a:cubicBezTo>
                <a:close/>
                <a:moveTo>
                  <a:pt x="0" y="260245"/>
                </a:moveTo>
                <a:cubicBezTo>
                  <a:pt x="16278" y="260334"/>
                  <a:pt x="31755" y="260511"/>
                  <a:pt x="46432" y="260689"/>
                </a:cubicBezTo>
                <a:lnTo>
                  <a:pt x="46432" y="351024"/>
                </a:lnTo>
                <a:cubicBezTo>
                  <a:pt x="31755" y="351291"/>
                  <a:pt x="16278" y="351468"/>
                  <a:pt x="0" y="351557"/>
                </a:cubicBezTo>
                <a:close/>
                <a:moveTo>
                  <a:pt x="238793" y="172603"/>
                </a:moveTo>
                <a:lnTo>
                  <a:pt x="517103" y="172603"/>
                </a:lnTo>
                <a:lnTo>
                  <a:pt x="517103" y="211430"/>
                </a:lnTo>
                <a:lnTo>
                  <a:pt x="437980" y="211430"/>
                </a:lnTo>
                <a:lnTo>
                  <a:pt x="448127" y="236307"/>
                </a:lnTo>
                <a:cubicBezTo>
                  <a:pt x="453022" y="248479"/>
                  <a:pt x="455603" y="261274"/>
                  <a:pt x="455603" y="274423"/>
                </a:cubicBezTo>
                <a:lnTo>
                  <a:pt x="455603" y="326577"/>
                </a:lnTo>
                <a:lnTo>
                  <a:pt x="416709" y="326577"/>
                </a:lnTo>
                <a:lnTo>
                  <a:pt x="416709" y="274423"/>
                </a:lnTo>
                <a:cubicBezTo>
                  <a:pt x="416709" y="239683"/>
                  <a:pt x="388406" y="211430"/>
                  <a:pt x="353517" y="211430"/>
                </a:cubicBezTo>
                <a:lnTo>
                  <a:pt x="238793" y="211430"/>
                </a:lnTo>
                <a:close/>
                <a:moveTo>
                  <a:pt x="150869" y="144236"/>
                </a:moveTo>
                <a:cubicBezTo>
                  <a:pt x="171506" y="147347"/>
                  <a:pt x="187161" y="150370"/>
                  <a:pt x="197301" y="152592"/>
                </a:cubicBezTo>
                <a:lnTo>
                  <a:pt x="197301" y="230467"/>
                </a:lnTo>
                <a:cubicBezTo>
                  <a:pt x="186182" y="229756"/>
                  <a:pt x="170616" y="228778"/>
                  <a:pt x="150869" y="227800"/>
                </a:cubicBezTo>
                <a:close/>
                <a:moveTo>
                  <a:pt x="0" y="132593"/>
                </a:moveTo>
                <a:cubicBezTo>
                  <a:pt x="16278" y="132860"/>
                  <a:pt x="31755" y="133393"/>
                  <a:pt x="46432" y="134104"/>
                </a:cubicBezTo>
                <a:lnTo>
                  <a:pt x="46432" y="224469"/>
                </a:lnTo>
                <a:cubicBezTo>
                  <a:pt x="31755" y="224202"/>
                  <a:pt x="16278" y="224114"/>
                  <a:pt x="0" y="224025"/>
                </a:cubicBezTo>
                <a:close/>
                <a:moveTo>
                  <a:pt x="150869" y="24698"/>
                </a:moveTo>
                <a:cubicBezTo>
                  <a:pt x="172128" y="30030"/>
                  <a:pt x="187784" y="35184"/>
                  <a:pt x="197301" y="38738"/>
                </a:cubicBezTo>
                <a:lnTo>
                  <a:pt x="197301" y="115516"/>
                </a:lnTo>
                <a:cubicBezTo>
                  <a:pt x="185827" y="113206"/>
                  <a:pt x="170260" y="110362"/>
                  <a:pt x="150869" y="107607"/>
                </a:cubicBezTo>
                <a:close/>
                <a:moveTo>
                  <a:pt x="82632" y="11573"/>
                </a:moveTo>
                <a:cubicBezTo>
                  <a:pt x="93406" y="13084"/>
                  <a:pt x="104091" y="14772"/>
                  <a:pt x="114598" y="16727"/>
                </a:cubicBezTo>
                <a:lnTo>
                  <a:pt x="114598" y="595076"/>
                </a:lnTo>
                <a:cubicBezTo>
                  <a:pt x="104091" y="597031"/>
                  <a:pt x="93406" y="598719"/>
                  <a:pt x="82632" y="600230"/>
                </a:cubicBezTo>
                <a:close/>
                <a:moveTo>
                  <a:pt x="0" y="5081"/>
                </a:moveTo>
                <a:cubicBezTo>
                  <a:pt x="16278" y="5437"/>
                  <a:pt x="31755" y="6325"/>
                  <a:pt x="46432" y="7659"/>
                </a:cubicBezTo>
                <a:lnTo>
                  <a:pt x="46432" y="97875"/>
                </a:lnTo>
                <a:cubicBezTo>
                  <a:pt x="31755" y="97164"/>
                  <a:pt x="16278" y="96720"/>
                  <a:pt x="0" y="96453"/>
                </a:cubicBezTo>
                <a:close/>
                <a:moveTo>
                  <a:pt x="378583" y="0"/>
                </a:moveTo>
                <a:lnTo>
                  <a:pt x="468695" y="0"/>
                </a:lnTo>
                <a:lnTo>
                  <a:pt x="447592" y="136403"/>
                </a:lnTo>
                <a:lnTo>
                  <a:pt x="399776" y="136403"/>
                </a:lnTo>
                <a:close/>
              </a:path>
            </a:pathLst>
          </a:custGeom>
          <a:solidFill>
            <a:srgbClr val="99DFF9"/>
          </a:solidFill>
          <a:ln>
            <a:noFill/>
          </a:ln>
        </p:spPr>
        <p:txBody>
          <a:bodyPr/>
          <a:lstStyle/>
          <a:p>
            <a:endParaRPr lang="zh-CN" altLang="en-US"/>
          </a:p>
        </p:txBody>
      </p:sp>
      <p:grpSp>
        <p:nvGrpSpPr>
          <p:cNvPr id="496" name="组合 495">
            <a:extLst>
              <a:ext uri="{FF2B5EF4-FFF2-40B4-BE49-F238E27FC236}">
                <a16:creationId xmlns:a16="http://schemas.microsoft.com/office/drawing/2014/main" xmlns="" id="{995BDB59-37EA-43F7-99D6-89C164A3CC5B}"/>
              </a:ext>
            </a:extLst>
          </p:cNvPr>
          <p:cNvGrpSpPr/>
          <p:nvPr/>
        </p:nvGrpSpPr>
        <p:grpSpPr>
          <a:xfrm>
            <a:off x="7915342" y="4281874"/>
            <a:ext cx="1308261" cy="1503786"/>
            <a:chOff x="4119897" y="2204864"/>
            <a:chExt cx="2156123" cy="2641601"/>
          </a:xfrm>
        </p:grpSpPr>
        <p:grpSp>
          <p:nvGrpSpPr>
            <p:cNvPr id="509" name="组合 508">
              <a:extLst>
                <a:ext uri="{FF2B5EF4-FFF2-40B4-BE49-F238E27FC236}">
                  <a16:creationId xmlns:a16="http://schemas.microsoft.com/office/drawing/2014/main" xmlns="" id="{D43BB67E-E02F-4C5B-A317-09178EC9FC7B}"/>
                </a:ext>
              </a:extLst>
            </p:cNvPr>
            <p:cNvGrpSpPr/>
            <p:nvPr/>
          </p:nvGrpSpPr>
          <p:grpSpPr>
            <a:xfrm>
              <a:off x="4119897" y="2204864"/>
              <a:ext cx="1431430" cy="2641601"/>
              <a:chOff x="9263161" y="2075346"/>
              <a:chExt cx="1431430" cy="2641601"/>
            </a:xfrm>
          </p:grpSpPr>
          <p:sp>
            <p:nvSpPr>
              <p:cNvPr id="511" name="ïṣ1iḓé">
                <a:extLst>
                  <a:ext uri="{FF2B5EF4-FFF2-40B4-BE49-F238E27FC236}">
                    <a16:creationId xmlns:a16="http://schemas.microsoft.com/office/drawing/2014/main" xmlns="" id="{768FBBD5-1842-4155-9B1D-426B0F709ECD}"/>
                  </a:ext>
                </a:extLst>
              </p:cNvPr>
              <p:cNvSpPr/>
              <p:nvPr/>
            </p:nvSpPr>
            <p:spPr bwMode="auto">
              <a:xfrm>
                <a:off x="9313466" y="2200759"/>
                <a:ext cx="1381125" cy="2516188"/>
              </a:xfrm>
              <a:custGeom>
                <a:avLst/>
                <a:gdLst>
                  <a:gd name="T0" fmla="*/ 0 w 77"/>
                  <a:gd name="T1" fmla="*/ 0 h 140"/>
                  <a:gd name="T2" fmla="*/ 0 w 77"/>
                  <a:gd name="T3" fmla="*/ 126 h 140"/>
                  <a:gd name="T4" fmla="*/ 38 w 77"/>
                  <a:gd name="T5" fmla="*/ 140 h 140"/>
                  <a:gd name="T6" fmla="*/ 77 w 77"/>
                  <a:gd name="T7" fmla="*/ 126 h 140"/>
                  <a:gd name="T8" fmla="*/ 77 w 77"/>
                  <a:gd name="T9" fmla="*/ 0 h 140"/>
                  <a:gd name="T10" fmla="*/ 0 w 77"/>
                  <a:gd name="T11" fmla="*/ 0 h 140"/>
                </a:gdLst>
                <a:ahLst/>
                <a:cxnLst>
                  <a:cxn ang="0">
                    <a:pos x="T0" y="T1"/>
                  </a:cxn>
                  <a:cxn ang="0">
                    <a:pos x="T2" y="T3"/>
                  </a:cxn>
                  <a:cxn ang="0">
                    <a:pos x="T4" y="T5"/>
                  </a:cxn>
                  <a:cxn ang="0">
                    <a:pos x="T6" y="T7"/>
                  </a:cxn>
                  <a:cxn ang="0">
                    <a:pos x="T8" y="T9"/>
                  </a:cxn>
                  <a:cxn ang="0">
                    <a:pos x="T10" y="T11"/>
                  </a:cxn>
                </a:cxnLst>
                <a:rect l="0" t="0" r="r" b="b"/>
                <a:pathLst>
                  <a:path w="77" h="140">
                    <a:moveTo>
                      <a:pt x="0" y="0"/>
                    </a:moveTo>
                    <a:cubicBezTo>
                      <a:pt x="0" y="126"/>
                      <a:pt x="0" y="126"/>
                      <a:pt x="0" y="126"/>
                    </a:cubicBezTo>
                    <a:cubicBezTo>
                      <a:pt x="0" y="133"/>
                      <a:pt x="17" y="140"/>
                      <a:pt x="38" y="140"/>
                    </a:cubicBezTo>
                    <a:cubicBezTo>
                      <a:pt x="60" y="140"/>
                      <a:pt x="77" y="133"/>
                      <a:pt x="77" y="126"/>
                    </a:cubicBezTo>
                    <a:cubicBezTo>
                      <a:pt x="77" y="0"/>
                      <a:pt x="77" y="0"/>
                      <a:pt x="77" y="0"/>
                    </a:cubicBezTo>
                    <a:lnTo>
                      <a:pt x="0" y="0"/>
                    </a:lnTo>
                    <a:close/>
                  </a:path>
                </a:pathLst>
              </a:custGeom>
              <a:solidFill>
                <a:srgbClr val="FBCB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12" name="í$lïdè">
                <a:extLst>
                  <a:ext uri="{FF2B5EF4-FFF2-40B4-BE49-F238E27FC236}">
                    <a16:creationId xmlns:a16="http://schemas.microsoft.com/office/drawing/2014/main" xmlns="" id="{58F05F08-FD87-4AC1-8D20-D5F324AF7952}"/>
                  </a:ext>
                </a:extLst>
              </p:cNvPr>
              <p:cNvSpPr/>
              <p:nvPr/>
            </p:nvSpPr>
            <p:spPr bwMode="auto">
              <a:xfrm>
                <a:off x="9313466" y="2075346"/>
                <a:ext cx="1381125" cy="233363"/>
              </a:xfrm>
              <a:prstGeom prst="ellipse">
                <a:avLst/>
              </a:prstGeom>
              <a:solidFill>
                <a:srgbClr val="F5B4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13" name="íšḷîdê">
                <a:extLst>
                  <a:ext uri="{FF2B5EF4-FFF2-40B4-BE49-F238E27FC236}">
                    <a16:creationId xmlns:a16="http://schemas.microsoft.com/office/drawing/2014/main" xmlns="" id="{5AF2DB27-CDCF-4688-83CC-F56A1F3B1B7E}"/>
                  </a:ext>
                </a:extLst>
              </p:cNvPr>
              <p:cNvSpPr/>
              <p:nvPr/>
            </p:nvSpPr>
            <p:spPr bwMode="auto">
              <a:xfrm>
                <a:off x="10264378" y="2453171"/>
                <a:ext cx="287338" cy="1741488"/>
              </a:xfrm>
              <a:custGeom>
                <a:avLst/>
                <a:gdLst>
                  <a:gd name="T0" fmla="*/ 16 w 16"/>
                  <a:gd name="T1" fmla="*/ 91 h 97"/>
                  <a:gd name="T2" fmla="*/ 9 w 16"/>
                  <a:gd name="T3" fmla="*/ 97 h 97"/>
                  <a:gd name="T4" fmla="*/ 7 w 16"/>
                  <a:gd name="T5" fmla="*/ 97 h 97"/>
                  <a:gd name="T6" fmla="*/ 0 w 16"/>
                  <a:gd name="T7" fmla="*/ 91 h 97"/>
                  <a:gd name="T8" fmla="*/ 0 w 16"/>
                  <a:gd name="T9" fmla="*/ 7 h 97"/>
                  <a:gd name="T10" fmla="*/ 7 w 16"/>
                  <a:gd name="T11" fmla="*/ 0 h 97"/>
                  <a:gd name="T12" fmla="*/ 9 w 16"/>
                  <a:gd name="T13" fmla="*/ 0 h 97"/>
                  <a:gd name="T14" fmla="*/ 16 w 16"/>
                  <a:gd name="T15" fmla="*/ 7 h 97"/>
                  <a:gd name="T16" fmla="*/ 16 w 16"/>
                  <a:gd name="T17" fmla="*/ 91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97">
                    <a:moveTo>
                      <a:pt x="16" y="91"/>
                    </a:moveTo>
                    <a:cubicBezTo>
                      <a:pt x="16" y="94"/>
                      <a:pt x="13" y="97"/>
                      <a:pt x="9" y="97"/>
                    </a:cubicBezTo>
                    <a:cubicBezTo>
                      <a:pt x="7" y="97"/>
                      <a:pt x="7" y="97"/>
                      <a:pt x="7" y="97"/>
                    </a:cubicBezTo>
                    <a:cubicBezTo>
                      <a:pt x="3" y="97"/>
                      <a:pt x="0" y="94"/>
                      <a:pt x="0" y="91"/>
                    </a:cubicBezTo>
                    <a:cubicBezTo>
                      <a:pt x="0" y="7"/>
                      <a:pt x="0" y="7"/>
                      <a:pt x="0" y="7"/>
                    </a:cubicBezTo>
                    <a:cubicBezTo>
                      <a:pt x="0" y="3"/>
                      <a:pt x="3" y="0"/>
                      <a:pt x="7" y="0"/>
                    </a:cubicBezTo>
                    <a:cubicBezTo>
                      <a:pt x="9" y="0"/>
                      <a:pt x="9" y="0"/>
                      <a:pt x="9" y="0"/>
                    </a:cubicBezTo>
                    <a:cubicBezTo>
                      <a:pt x="13" y="0"/>
                      <a:pt x="16" y="3"/>
                      <a:pt x="16" y="7"/>
                    </a:cubicBezTo>
                    <a:lnTo>
                      <a:pt x="16" y="9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14" name="ïśļíḍé">
                <a:extLst>
                  <a:ext uri="{FF2B5EF4-FFF2-40B4-BE49-F238E27FC236}">
                    <a16:creationId xmlns:a16="http://schemas.microsoft.com/office/drawing/2014/main" xmlns="" id="{2413D560-4472-4356-94B0-D19AB1249A16}"/>
                  </a:ext>
                </a:extLst>
              </p:cNvPr>
              <p:cNvSpPr/>
              <p:nvPr/>
            </p:nvSpPr>
            <p:spPr bwMode="auto">
              <a:xfrm>
                <a:off x="9301377" y="2507146"/>
                <a:ext cx="663576" cy="1741488"/>
              </a:xfrm>
              <a:custGeom>
                <a:avLst/>
                <a:gdLst>
                  <a:gd name="T0" fmla="*/ 49 w 49"/>
                  <a:gd name="T1" fmla="*/ 90 h 97"/>
                  <a:gd name="T2" fmla="*/ 0 w 49"/>
                  <a:gd name="T3" fmla="*/ 83 h 97"/>
                  <a:gd name="T4" fmla="*/ 0 w 49"/>
                  <a:gd name="T5" fmla="*/ 0 h 97"/>
                  <a:gd name="T6" fmla="*/ 49 w 49"/>
                  <a:gd name="T7" fmla="*/ 7 h 97"/>
                  <a:gd name="T8" fmla="*/ 49 w 49"/>
                  <a:gd name="T9" fmla="*/ 90 h 97"/>
                </a:gdLst>
                <a:ahLst/>
                <a:cxnLst>
                  <a:cxn ang="0">
                    <a:pos x="T0" y="T1"/>
                  </a:cxn>
                  <a:cxn ang="0">
                    <a:pos x="T2" y="T3"/>
                  </a:cxn>
                  <a:cxn ang="0">
                    <a:pos x="T4" y="T5"/>
                  </a:cxn>
                  <a:cxn ang="0">
                    <a:pos x="T6" y="T7"/>
                  </a:cxn>
                  <a:cxn ang="0">
                    <a:pos x="T8" y="T9"/>
                  </a:cxn>
                </a:cxnLst>
                <a:rect l="0" t="0" r="r" b="b"/>
                <a:pathLst>
                  <a:path w="49" h="97">
                    <a:moveTo>
                      <a:pt x="49" y="90"/>
                    </a:moveTo>
                    <a:cubicBezTo>
                      <a:pt x="10" y="97"/>
                      <a:pt x="0" y="83"/>
                      <a:pt x="0" y="83"/>
                    </a:cubicBezTo>
                    <a:cubicBezTo>
                      <a:pt x="0" y="0"/>
                      <a:pt x="0" y="0"/>
                      <a:pt x="0" y="0"/>
                    </a:cubicBezTo>
                    <a:cubicBezTo>
                      <a:pt x="0" y="0"/>
                      <a:pt x="7" y="13"/>
                      <a:pt x="49" y="7"/>
                    </a:cubicBezTo>
                    <a:lnTo>
                      <a:pt x="49" y="90"/>
                    </a:lnTo>
                    <a:close/>
                  </a:path>
                </a:pathLst>
              </a:custGeom>
              <a:solidFill>
                <a:srgbClr val="F2F2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15" name="iṧľîḍè">
                <a:extLst>
                  <a:ext uri="{FF2B5EF4-FFF2-40B4-BE49-F238E27FC236}">
                    <a16:creationId xmlns:a16="http://schemas.microsoft.com/office/drawing/2014/main" xmlns="" id="{D82A2361-4E82-4DB6-9F27-2597234783B4}"/>
                  </a:ext>
                </a:extLst>
              </p:cNvPr>
              <p:cNvSpPr/>
              <p:nvPr/>
            </p:nvSpPr>
            <p:spPr bwMode="auto">
              <a:xfrm>
                <a:off x="9263161" y="3045308"/>
                <a:ext cx="806450" cy="773114"/>
              </a:xfrm>
              <a:custGeom>
                <a:avLst/>
                <a:gdLst>
                  <a:gd name="T0" fmla="*/ 32 w 45"/>
                  <a:gd name="T1" fmla="*/ 36 h 43"/>
                  <a:gd name="T2" fmla="*/ 14 w 45"/>
                  <a:gd name="T3" fmla="*/ 41 h 43"/>
                  <a:gd name="T4" fmla="*/ 12 w 45"/>
                  <a:gd name="T5" fmla="*/ 39 h 43"/>
                  <a:gd name="T6" fmla="*/ 10 w 45"/>
                  <a:gd name="T7" fmla="*/ 39 h 43"/>
                  <a:gd name="T8" fmla="*/ 9 w 45"/>
                  <a:gd name="T9" fmla="*/ 38 h 43"/>
                  <a:gd name="T10" fmla="*/ 0 w 45"/>
                  <a:gd name="T11" fmla="*/ 21 h 43"/>
                  <a:gd name="T12" fmla="*/ 13 w 45"/>
                  <a:gd name="T13" fmla="*/ 0 h 43"/>
                  <a:gd name="T14" fmla="*/ 16 w 45"/>
                  <a:gd name="T15" fmla="*/ 0 h 43"/>
                  <a:gd name="T16" fmla="*/ 20 w 45"/>
                  <a:gd name="T17" fmla="*/ 1 h 43"/>
                  <a:gd name="T18" fmla="*/ 26 w 45"/>
                  <a:gd name="T19" fmla="*/ 6 h 43"/>
                  <a:gd name="T20" fmla="*/ 26 w 45"/>
                  <a:gd name="T21" fmla="*/ 6 h 43"/>
                  <a:gd name="T22" fmla="*/ 40 w 45"/>
                  <a:gd name="T23" fmla="*/ 12 h 43"/>
                  <a:gd name="T24" fmla="*/ 32 w 45"/>
                  <a:gd name="T25" fmla="*/ 36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 h="43">
                    <a:moveTo>
                      <a:pt x="32" y="36"/>
                    </a:moveTo>
                    <a:cubicBezTo>
                      <a:pt x="26" y="41"/>
                      <a:pt x="20" y="43"/>
                      <a:pt x="14" y="41"/>
                    </a:cubicBezTo>
                    <a:cubicBezTo>
                      <a:pt x="13" y="40"/>
                      <a:pt x="13" y="39"/>
                      <a:pt x="12" y="39"/>
                    </a:cubicBezTo>
                    <a:cubicBezTo>
                      <a:pt x="11" y="39"/>
                      <a:pt x="10" y="39"/>
                      <a:pt x="10" y="39"/>
                    </a:cubicBezTo>
                    <a:cubicBezTo>
                      <a:pt x="9" y="39"/>
                      <a:pt x="9" y="39"/>
                      <a:pt x="9" y="38"/>
                    </a:cubicBezTo>
                    <a:cubicBezTo>
                      <a:pt x="3" y="35"/>
                      <a:pt x="0" y="29"/>
                      <a:pt x="0" y="21"/>
                    </a:cubicBezTo>
                    <a:cubicBezTo>
                      <a:pt x="0" y="10"/>
                      <a:pt x="6" y="0"/>
                      <a:pt x="13" y="0"/>
                    </a:cubicBezTo>
                    <a:cubicBezTo>
                      <a:pt x="14" y="0"/>
                      <a:pt x="15" y="0"/>
                      <a:pt x="16" y="0"/>
                    </a:cubicBezTo>
                    <a:cubicBezTo>
                      <a:pt x="18" y="0"/>
                      <a:pt x="19" y="1"/>
                      <a:pt x="20" y="1"/>
                    </a:cubicBezTo>
                    <a:cubicBezTo>
                      <a:pt x="22" y="2"/>
                      <a:pt x="24" y="4"/>
                      <a:pt x="26" y="6"/>
                    </a:cubicBezTo>
                    <a:cubicBezTo>
                      <a:pt x="26" y="6"/>
                      <a:pt x="26" y="6"/>
                      <a:pt x="26" y="6"/>
                    </a:cubicBezTo>
                    <a:cubicBezTo>
                      <a:pt x="32" y="6"/>
                      <a:pt x="37" y="8"/>
                      <a:pt x="40" y="12"/>
                    </a:cubicBezTo>
                    <a:cubicBezTo>
                      <a:pt x="45" y="18"/>
                      <a:pt x="41" y="29"/>
                      <a:pt x="32" y="36"/>
                    </a:cubicBezTo>
                    <a:close/>
                  </a:path>
                </a:pathLst>
              </a:custGeom>
              <a:solidFill>
                <a:srgbClr val="F1572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16" name="iṡļïḓé">
                <a:extLst>
                  <a:ext uri="{FF2B5EF4-FFF2-40B4-BE49-F238E27FC236}">
                    <a16:creationId xmlns:a16="http://schemas.microsoft.com/office/drawing/2014/main" xmlns="" id="{28613778-2885-4132-98A3-98EFE6B38735}"/>
                  </a:ext>
                </a:extLst>
              </p:cNvPr>
              <p:cNvSpPr/>
              <p:nvPr/>
            </p:nvSpPr>
            <p:spPr bwMode="auto">
              <a:xfrm>
                <a:off x="9635728" y="2991334"/>
                <a:ext cx="179388" cy="198438"/>
              </a:xfrm>
              <a:custGeom>
                <a:avLst/>
                <a:gdLst>
                  <a:gd name="T0" fmla="*/ 1 w 10"/>
                  <a:gd name="T1" fmla="*/ 11 h 11"/>
                  <a:gd name="T2" fmla="*/ 0 w 10"/>
                  <a:gd name="T3" fmla="*/ 10 h 11"/>
                  <a:gd name="T4" fmla="*/ 2 w 10"/>
                  <a:gd name="T5" fmla="*/ 3 h 11"/>
                  <a:gd name="T6" fmla="*/ 8 w 10"/>
                  <a:gd name="T7" fmla="*/ 0 h 11"/>
                  <a:gd name="T8" fmla="*/ 10 w 10"/>
                  <a:gd name="T9" fmla="*/ 1 h 11"/>
                  <a:gd name="T10" fmla="*/ 8 w 10"/>
                  <a:gd name="T11" fmla="*/ 3 h 11"/>
                  <a:gd name="T12" fmla="*/ 4 w 10"/>
                  <a:gd name="T13" fmla="*/ 5 h 11"/>
                  <a:gd name="T14" fmla="*/ 3 w 10"/>
                  <a:gd name="T15" fmla="*/ 10 h 11"/>
                  <a:gd name="T16" fmla="*/ 2 w 10"/>
                  <a:gd name="T17" fmla="*/ 11 h 11"/>
                  <a:gd name="T18" fmla="*/ 1 w 10"/>
                  <a:gd name="T19" fmla="*/ 11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11">
                    <a:moveTo>
                      <a:pt x="1" y="11"/>
                    </a:moveTo>
                    <a:cubicBezTo>
                      <a:pt x="1" y="11"/>
                      <a:pt x="0" y="11"/>
                      <a:pt x="0" y="10"/>
                    </a:cubicBezTo>
                    <a:cubicBezTo>
                      <a:pt x="0" y="10"/>
                      <a:pt x="0" y="6"/>
                      <a:pt x="2" y="3"/>
                    </a:cubicBezTo>
                    <a:cubicBezTo>
                      <a:pt x="3" y="1"/>
                      <a:pt x="6" y="0"/>
                      <a:pt x="8" y="0"/>
                    </a:cubicBezTo>
                    <a:cubicBezTo>
                      <a:pt x="9" y="0"/>
                      <a:pt x="10" y="1"/>
                      <a:pt x="10" y="1"/>
                    </a:cubicBezTo>
                    <a:cubicBezTo>
                      <a:pt x="10" y="2"/>
                      <a:pt x="9" y="3"/>
                      <a:pt x="8" y="3"/>
                    </a:cubicBezTo>
                    <a:cubicBezTo>
                      <a:pt x="6" y="3"/>
                      <a:pt x="5" y="3"/>
                      <a:pt x="4" y="5"/>
                    </a:cubicBezTo>
                    <a:cubicBezTo>
                      <a:pt x="2" y="7"/>
                      <a:pt x="3" y="10"/>
                      <a:pt x="3" y="10"/>
                    </a:cubicBezTo>
                    <a:cubicBezTo>
                      <a:pt x="3" y="11"/>
                      <a:pt x="2" y="11"/>
                      <a:pt x="2" y="11"/>
                    </a:cubicBezTo>
                    <a:cubicBezTo>
                      <a:pt x="1" y="11"/>
                      <a:pt x="1" y="11"/>
                      <a:pt x="1" y="11"/>
                    </a:cubicBezTo>
                    <a:close/>
                  </a:path>
                </a:pathLst>
              </a:custGeom>
              <a:solidFill>
                <a:srgbClr val="79544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17" name="îs1îḋè">
                <a:extLst>
                  <a:ext uri="{FF2B5EF4-FFF2-40B4-BE49-F238E27FC236}">
                    <a16:creationId xmlns:a16="http://schemas.microsoft.com/office/drawing/2014/main" xmlns="" id="{5AB26733-7CFA-4286-933D-85BA40CDD744}"/>
                  </a:ext>
                </a:extLst>
              </p:cNvPr>
              <p:cNvSpPr/>
              <p:nvPr/>
            </p:nvSpPr>
            <p:spPr bwMode="auto">
              <a:xfrm>
                <a:off x="9726216" y="3278671"/>
                <a:ext cx="142875" cy="215900"/>
              </a:xfrm>
              <a:custGeom>
                <a:avLst/>
                <a:gdLst>
                  <a:gd name="T0" fmla="*/ 7 w 8"/>
                  <a:gd name="T1" fmla="*/ 5 h 12"/>
                  <a:gd name="T2" fmla="*/ 6 w 8"/>
                  <a:gd name="T3" fmla="*/ 11 h 12"/>
                  <a:gd name="T4" fmla="*/ 1 w 8"/>
                  <a:gd name="T5" fmla="*/ 7 h 12"/>
                  <a:gd name="T6" fmla="*/ 2 w 8"/>
                  <a:gd name="T7" fmla="*/ 1 h 12"/>
                  <a:gd name="T8" fmla="*/ 7 w 8"/>
                  <a:gd name="T9" fmla="*/ 5 h 12"/>
                </a:gdLst>
                <a:ahLst/>
                <a:cxnLst>
                  <a:cxn ang="0">
                    <a:pos x="T0" y="T1"/>
                  </a:cxn>
                  <a:cxn ang="0">
                    <a:pos x="T2" y="T3"/>
                  </a:cxn>
                  <a:cxn ang="0">
                    <a:pos x="T4" y="T5"/>
                  </a:cxn>
                  <a:cxn ang="0">
                    <a:pos x="T6" y="T7"/>
                  </a:cxn>
                  <a:cxn ang="0">
                    <a:pos x="T8" y="T9"/>
                  </a:cxn>
                </a:cxnLst>
                <a:rect l="0" t="0" r="r" b="b"/>
                <a:pathLst>
                  <a:path w="8" h="12">
                    <a:moveTo>
                      <a:pt x="7" y="5"/>
                    </a:moveTo>
                    <a:cubicBezTo>
                      <a:pt x="8" y="8"/>
                      <a:pt x="7" y="10"/>
                      <a:pt x="6" y="11"/>
                    </a:cubicBezTo>
                    <a:cubicBezTo>
                      <a:pt x="4" y="12"/>
                      <a:pt x="2" y="10"/>
                      <a:pt x="1" y="7"/>
                    </a:cubicBezTo>
                    <a:cubicBezTo>
                      <a:pt x="0" y="4"/>
                      <a:pt x="0" y="1"/>
                      <a:pt x="2" y="1"/>
                    </a:cubicBezTo>
                    <a:cubicBezTo>
                      <a:pt x="3" y="0"/>
                      <a:pt x="6" y="2"/>
                      <a:pt x="7" y="5"/>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grpSp>
        <p:sp>
          <p:nvSpPr>
            <p:cNvPr id="510" name="barrel_336142">
              <a:extLst>
                <a:ext uri="{FF2B5EF4-FFF2-40B4-BE49-F238E27FC236}">
                  <a16:creationId xmlns:a16="http://schemas.microsoft.com/office/drawing/2014/main" xmlns="" id="{A56B2A1C-661B-4482-8FEE-E3414DDAC7EE}"/>
                </a:ext>
              </a:extLst>
            </p:cNvPr>
            <p:cNvSpPr>
              <a:spLocks noChangeAspect="1"/>
            </p:cNvSpPr>
            <p:nvPr/>
          </p:nvSpPr>
          <p:spPr bwMode="auto">
            <a:xfrm>
              <a:off x="5102004" y="3465004"/>
              <a:ext cx="1174016" cy="1191904"/>
            </a:xfrm>
            <a:custGeom>
              <a:avLst/>
              <a:gdLst>
                <a:gd name="connsiteX0" fmla="*/ 46432 w 597618"/>
                <a:gd name="connsiteY0" fmla="*/ 513858 h 606722"/>
                <a:gd name="connsiteX1" fmla="*/ 46432 w 597618"/>
                <a:gd name="connsiteY1" fmla="*/ 604234 h 606722"/>
                <a:gd name="connsiteX2" fmla="*/ 0 w 597618"/>
                <a:gd name="connsiteY2" fmla="*/ 606722 h 606722"/>
                <a:gd name="connsiteX3" fmla="*/ 0 w 597618"/>
                <a:gd name="connsiteY3" fmla="*/ 515280 h 606722"/>
                <a:gd name="connsiteX4" fmla="*/ 46432 w 597618"/>
                <a:gd name="connsiteY4" fmla="*/ 513858 h 606722"/>
                <a:gd name="connsiteX5" fmla="*/ 197301 w 597618"/>
                <a:gd name="connsiteY5" fmla="*/ 496287 h 606722"/>
                <a:gd name="connsiteX6" fmla="*/ 197301 w 597618"/>
                <a:gd name="connsiteY6" fmla="*/ 573138 h 606722"/>
                <a:gd name="connsiteX7" fmla="*/ 150869 w 597618"/>
                <a:gd name="connsiteY7" fmla="*/ 587175 h 606722"/>
                <a:gd name="connsiteX8" fmla="*/ 150869 w 597618"/>
                <a:gd name="connsiteY8" fmla="*/ 504194 h 606722"/>
                <a:gd name="connsiteX9" fmla="*/ 197301 w 597618"/>
                <a:gd name="connsiteY9" fmla="*/ 496287 h 606722"/>
                <a:gd name="connsiteX10" fmla="*/ 525994 w 597618"/>
                <a:gd name="connsiteY10" fmla="*/ 429885 h 606722"/>
                <a:gd name="connsiteX11" fmla="*/ 547084 w 597618"/>
                <a:gd name="connsiteY11" fmla="*/ 429885 h 606722"/>
                <a:gd name="connsiteX12" fmla="*/ 557204 w 597618"/>
                <a:gd name="connsiteY12" fmla="*/ 434056 h 606722"/>
                <a:gd name="connsiteX13" fmla="*/ 561398 w 597618"/>
                <a:gd name="connsiteY13" fmla="*/ 444099 h 606722"/>
                <a:gd name="connsiteX14" fmla="*/ 561398 w 597618"/>
                <a:gd name="connsiteY14" fmla="*/ 522133 h 606722"/>
                <a:gd name="connsiteX15" fmla="*/ 557204 w 597618"/>
                <a:gd name="connsiteY15" fmla="*/ 532221 h 606722"/>
                <a:gd name="connsiteX16" fmla="*/ 547079 w 597618"/>
                <a:gd name="connsiteY16" fmla="*/ 536439 h 606722"/>
                <a:gd name="connsiteX17" fmla="*/ 525994 w 597618"/>
                <a:gd name="connsiteY17" fmla="*/ 536439 h 606722"/>
                <a:gd name="connsiteX18" fmla="*/ 525978 w 597618"/>
                <a:gd name="connsiteY18" fmla="*/ 429879 h 606722"/>
                <a:gd name="connsiteX19" fmla="*/ 525978 w 597618"/>
                <a:gd name="connsiteY19" fmla="*/ 536443 h 606722"/>
                <a:gd name="connsiteX20" fmla="*/ 547070 w 597618"/>
                <a:gd name="connsiteY20" fmla="*/ 536443 h 606722"/>
                <a:gd name="connsiteX21" fmla="*/ 547079 w 597618"/>
                <a:gd name="connsiteY21" fmla="*/ 536439 h 606722"/>
                <a:gd name="connsiteX22" fmla="*/ 547088 w 597618"/>
                <a:gd name="connsiteY22" fmla="*/ 536439 h 606722"/>
                <a:gd name="connsiteX23" fmla="*/ 561418 w 597618"/>
                <a:gd name="connsiteY23" fmla="*/ 522131 h 606722"/>
                <a:gd name="connsiteX24" fmla="*/ 561418 w 597618"/>
                <a:gd name="connsiteY24" fmla="*/ 444104 h 606722"/>
                <a:gd name="connsiteX25" fmla="*/ 547088 w 597618"/>
                <a:gd name="connsiteY25" fmla="*/ 429885 h 606722"/>
                <a:gd name="connsiteX26" fmla="*/ 547084 w 597618"/>
                <a:gd name="connsiteY26" fmla="*/ 429885 h 606722"/>
                <a:gd name="connsiteX27" fmla="*/ 547070 w 597618"/>
                <a:gd name="connsiteY27" fmla="*/ 429879 h 606722"/>
                <a:gd name="connsiteX28" fmla="*/ 454072 w 597618"/>
                <a:gd name="connsiteY28" fmla="*/ 411570 h 606722"/>
                <a:gd name="connsiteX29" fmla="*/ 454072 w 597618"/>
                <a:gd name="connsiteY29" fmla="*/ 554662 h 606722"/>
                <a:gd name="connsiteX30" fmla="*/ 490292 w 597618"/>
                <a:gd name="connsiteY30" fmla="*/ 554662 h 606722"/>
                <a:gd name="connsiteX31" fmla="*/ 490292 w 597618"/>
                <a:gd name="connsiteY31" fmla="*/ 411570 h 606722"/>
                <a:gd name="connsiteX32" fmla="*/ 383856 w 597618"/>
                <a:gd name="connsiteY32" fmla="*/ 411570 h 606722"/>
                <a:gd name="connsiteX33" fmla="*/ 383856 w 597618"/>
                <a:gd name="connsiteY33" fmla="*/ 554662 h 606722"/>
                <a:gd name="connsiteX34" fmla="*/ 420076 w 597618"/>
                <a:gd name="connsiteY34" fmla="*/ 554662 h 606722"/>
                <a:gd name="connsiteX35" fmla="*/ 420076 w 597618"/>
                <a:gd name="connsiteY35" fmla="*/ 411570 h 606722"/>
                <a:gd name="connsiteX36" fmla="*/ 46432 w 597618"/>
                <a:gd name="connsiteY36" fmla="*/ 387334 h 606722"/>
                <a:gd name="connsiteX37" fmla="*/ 46432 w 597618"/>
                <a:gd name="connsiteY37" fmla="*/ 477629 h 606722"/>
                <a:gd name="connsiteX38" fmla="*/ 0 w 597618"/>
                <a:gd name="connsiteY38" fmla="*/ 479140 h 606722"/>
                <a:gd name="connsiteX39" fmla="*/ 0 w 597618"/>
                <a:gd name="connsiteY39" fmla="*/ 387778 h 606722"/>
                <a:gd name="connsiteX40" fmla="*/ 46432 w 597618"/>
                <a:gd name="connsiteY40" fmla="*/ 387334 h 606722"/>
                <a:gd name="connsiteX41" fmla="*/ 197301 w 597618"/>
                <a:gd name="connsiteY41" fmla="*/ 381265 h 606722"/>
                <a:gd name="connsiteX42" fmla="*/ 197301 w 597618"/>
                <a:gd name="connsiteY42" fmla="*/ 459228 h 606722"/>
                <a:gd name="connsiteX43" fmla="*/ 150869 w 597618"/>
                <a:gd name="connsiteY43" fmla="*/ 467496 h 606722"/>
                <a:gd name="connsiteX44" fmla="*/ 150869 w 597618"/>
                <a:gd name="connsiteY44" fmla="*/ 383932 h 606722"/>
                <a:gd name="connsiteX45" fmla="*/ 197301 w 597618"/>
                <a:gd name="connsiteY45" fmla="*/ 381265 h 606722"/>
                <a:gd name="connsiteX46" fmla="*/ 348169 w 597618"/>
                <a:gd name="connsiteY46" fmla="*/ 362777 h 606722"/>
                <a:gd name="connsiteX47" fmla="*/ 380474 w 597618"/>
                <a:gd name="connsiteY47" fmla="*/ 362777 h 606722"/>
                <a:gd name="connsiteX48" fmla="*/ 491805 w 597618"/>
                <a:gd name="connsiteY48" fmla="*/ 362777 h 606722"/>
                <a:gd name="connsiteX49" fmla="*/ 525978 w 597618"/>
                <a:gd name="connsiteY49" fmla="*/ 362777 h 606722"/>
                <a:gd name="connsiteX50" fmla="*/ 525978 w 597618"/>
                <a:gd name="connsiteY50" fmla="*/ 393706 h 606722"/>
                <a:gd name="connsiteX51" fmla="*/ 547070 w 597618"/>
                <a:gd name="connsiteY51" fmla="*/ 393706 h 606722"/>
                <a:gd name="connsiteX52" fmla="*/ 562199 w 597618"/>
                <a:gd name="connsiteY52" fmla="*/ 395928 h 606722"/>
                <a:gd name="connsiteX53" fmla="*/ 597618 w 597618"/>
                <a:gd name="connsiteY53" fmla="*/ 444099 h 606722"/>
                <a:gd name="connsiteX54" fmla="*/ 597618 w 597618"/>
                <a:gd name="connsiteY54" fmla="*/ 522133 h 606722"/>
                <a:gd name="connsiteX55" fmla="*/ 562199 w 597618"/>
                <a:gd name="connsiteY55" fmla="*/ 570305 h 606722"/>
                <a:gd name="connsiteX56" fmla="*/ 547070 w 597618"/>
                <a:gd name="connsiteY56" fmla="*/ 572616 h 606722"/>
                <a:gd name="connsiteX57" fmla="*/ 525978 w 597618"/>
                <a:gd name="connsiteY57" fmla="*/ 572616 h 606722"/>
                <a:gd name="connsiteX58" fmla="*/ 525978 w 597618"/>
                <a:gd name="connsiteY58" fmla="*/ 599101 h 606722"/>
                <a:gd name="connsiteX59" fmla="*/ 348169 w 597618"/>
                <a:gd name="connsiteY59" fmla="*/ 599101 h 606722"/>
                <a:gd name="connsiteX60" fmla="*/ 150869 w 597618"/>
                <a:gd name="connsiteY60" fmla="*/ 264056 h 606722"/>
                <a:gd name="connsiteX61" fmla="*/ 197301 w 597618"/>
                <a:gd name="connsiteY61" fmla="*/ 266721 h 606722"/>
                <a:gd name="connsiteX62" fmla="*/ 197301 w 597618"/>
                <a:gd name="connsiteY62" fmla="*/ 344993 h 606722"/>
                <a:gd name="connsiteX63" fmla="*/ 150869 w 597618"/>
                <a:gd name="connsiteY63" fmla="*/ 347747 h 606722"/>
                <a:gd name="connsiteX64" fmla="*/ 0 w 597618"/>
                <a:gd name="connsiteY64" fmla="*/ 260245 h 606722"/>
                <a:gd name="connsiteX65" fmla="*/ 46432 w 597618"/>
                <a:gd name="connsiteY65" fmla="*/ 260689 h 606722"/>
                <a:gd name="connsiteX66" fmla="*/ 46432 w 597618"/>
                <a:gd name="connsiteY66" fmla="*/ 351024 h 606722"/>
                <a:gd name="connsiteX67" fmla="*/ 0 w 597618"/>
                <a:gd name="connsiteY67" fmla="*/ 351557 h 606722"/>
                <a:gd name="connsiteX68" fmla="*/ 238793 w 597618"/>
                <a:gd name="connsiteY68" fmla="*/ 172603 h 606722"/>
                <a:gd name="connsiteX69" fmla="*/ 517103 w 597618"/>
                <a:gd name="connsiteY69" fmla="*/ 172603 h 606722"/>
                <a:gd name="connsiteX70" fmla="*/ 517103 w 597618"/>
                <a:gd name="connsiteY70" fmla="*/ 211430 h 606722"/>
                <a:gd name="connsiteX71" fmla="*/ 437980 w 597618"/>
                <a:gd name="connsiteY71" fmla="*/ 211430 h 606722"/>
                <a:gd name="connsiteX72" fmla="*/ 448127 w 597618"/>
                <a:gd name="connsiteY72" fmla="*/ 236307 h 606722"/>
                <a:gd name="connsiteX73" fmla="*/ 455603 w 597618"/>
                <a:gd name="connsiteY73" fmla="*/ 274423 h 606722"/>
                <a:gd name="connsiteX74" fmla="*/ 455603 w 597618"/>
                <a:gd name="connsiteY74" fmla="*/ 326577 h 606722"/>
                <a:gd name="connsiteX75" fmla="*/ 416709 w 597618"/>
                <a:gd name="connsiteY75" fmla="*/ 326577 h 606722"/>
                <a:gd name="connsiteX76" fmla="*/ 416709 w 597618"/>
                <a:gd name="connsiteY76" fmla="*/ 274423 h 606722"/>
                <a:gd name="connsiteX77" fmla="*/ 353517 w 597618"/>
                <a:gd name="connsiteY77" fmla="*/ 211430 h 606722"/>
                <a:gd name="connsiteX78" fmla="*/ 238793 w 597618"/>
                <a:gd name="connsiteY78" fmla="*/ 211430 h 606722"/>
                <a:gd name="connsiteX79" fmla="*/ 150869 w 597618"/>
                <a:gd name="connsiteY79" fmla="*/ 144236 h 606722"/>
                <a:gd name="connsiteX80" fmla="*/ 197301 w 597618"/>
                <a:gd name="connsiteY80" fmla="*/ 152592 h 606722"/>
                <a:gd name="connsiteX81" fmla="*/ 197301 w 597618"/>
                <a:gd name="connsiteY81" fmla="*/ 230467 h 606722"/>
                <a:gd name="connsiteX82" fmla="*/ 150869 w 597618"/>
                <a:gd name="connsiteY82" fmla="*/ 227800 h 606722"/>
                <a:gd name="connsiteX83" fmla="*/ 0 w 597618"/>
                <a:gd name="connsiteY83" fmla="*/ 132593 h 606722"/>
                <a:gd name="connsiteX84" fmla="*/ 46432 w 597618"/>
                <a:gd name="connsiteY84" fmla="*/ 134104 h 606722"/>
                <a:gd name="connsiteX85" fmla="*/ 46432 w 597618"/>
                <a:gd name="connsiteY85" fmla="*/ 224469 h 606722"/>
                <a:gd name="connsiteX86" fmla="*/ 0 w 597618"/>
                <a:gd name="connsiteY86" fmla="*/ 224025 h 606722"/>
                <a:gd name="connsiteX87" fmla="*/ 150869 w 597618"/>
                <a:gd name="connsiteY87" fmla="*/ 24698 h 606722"/>
                <a:gd name="connsiteX88" fmla="*/ 197301 w 597618"/>
                <a:gd name="connsiteY88" fmla="*/ 38738 h 606722"/>
                <a:gd name="connsiteX89" fmla="*/ 197301 w 597618"/>
                <a:gd name="connsiteY89" fmla="*/ 115516 h 606722"/>
                <a:gd name="connsiteX90" fmla="*/ 150869 w 597618"/>
                <a:gd name="connsiteY90" fmla="*/ 107607 h 606722"/>
                <a:gd name="connsiteX91" fmla="*/ 82632 w 597618"/>
                <a:gd name="connsiteY91" fmla="*/ 11573 h 606722"/>
                <a:gd name="connsiteX92" fmla="*/ 114598 w 597618"/>
                <a:gd name="connsiteY92" fmla="*/ 16727 h 606722"/>
                <a:gd name="connsiteX93" fmla="*/ 114598 w 597618"/>
                <a:gd name="connsiteY93" fmla="*/ 595076 h 606722"/>
                <a:gd name="connsiteX94" fmla="*/ 82632 w 597618"/>
                <a:gd name="connsiteY94" fmla="*/ 600230 h 606722"/>
                <a:gd name="connsiteX95" fmla="*/ 0 w 597618"/>
                <a:gd name="connsiteY95" fmla="*/ 5081 h 606722"/>
                <a:gd name="connsiteX96" fmla="*/ 46432 w 597618"/>
                <a:gd name="connsiteY96" fmla="*/ 7659 h 606722"/>
                <a:gd name="connsiteX97" fmla="*/ 46432 w 597618"/>
                <a:gd name="connsiteY97" fmla="*/ 97875 h 606722"/>
                <a:gd name="connsiteX98" fmla="*/ 0 w 597618"/>
                <a:gd name="connsiteY98" fmla="*/ 96453 h 606722"/>
                <a:gd name="connsiteX99" fmla="*/ 378583 w 597618"/>
                <a:gd name="connsiteY99" fmla="*/ 0 h 606722"/>
                <a:gd name="connsiteX100" fmla="*/ 468695 w 597618"/>
                <a:gd name="connsiteY100" fmla="*/ 0 h 606722"/>
                <a:gd name="connsiteX101" fmla="*/ 447592 w 597618"/>
                <a:gd name="connsiteY101" fmla="*/ 136403 h 606722"/>
                <a:gd name="connsiteX102" fmla="*/ 399776 w 597618"/>
                <a:gd name="connsiteY102" fmla="*/ 136403 h 6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Lst>
              <a:rect l="l" t="t" r="r" b="b"/>
              <a:pathLst>
                <a:path w="597618" h="606722">
                  <a:moveTo>
                    <a:pt x="46432" y="513858"/>
                  </a:moveTo>
                  <a:lnTo>
                    <a:pt x="46432" y="604234"/>
                  </a:lnTo>
                  <a:cubicBezTo>
                    <a:pt x="31755" y="605478"/>
                    <a:pt x="16278" y="606278"/>
                    <a:pt x="0" y="606722"/>
                  </a:cubicBezTo>
                  <a:lnTo>
                    <a:pt x="0" y="515280"/>
                  </a:lnTo>
                  <a:cubicBezTo>
                    <a:pt x="16278" y="515102"/>
                    <a:pt x="31755" y="514569"/>
                    <a:pt x="46432" y="513858"/>
                  </a:cubicBezTo>
                  <a:close/>
                  <a:moveTo>
                    <a:pt x="197301" y="496287"/>
                  </a:moveTo>
                  <a:lnTo>
                    <a:pt x="197301" y="573138"/>
                  </a:lnTo>
                  <a:cubicBezTo>
                    <a:pt x="187784" y="576602"/>
                    <a:pt x="172128" y="581844"/>
                    <a:pt x="150869" y="587175"/>
                  </a:cubicBezTo>
                  <a:lnTo>
                    <a:pt x="150869" y="504194"/>
                  </a:lnTo>
                  <a:cubicBezTo>
                    <a:pt x="170260" y="501440"/>
                    <a:pt x="185827" y="498597"/>
                    <a:pt x="197301" y="496287"/>
                  </a:cubicBezTo>
                  <a:close/>
                  <a:moveTo>
                    <a:pt x="525994" y="429885"/>
                  </a:moveTo>
                  <a:lnTo>
                    <a:pt x="547084" y="429885"/>
                  </a:lnTo>
                  <a:lnTo>
                    <a:pt x="557204" y="434056"/>
                  </a:lnTo>
                  <a:cubicBezTo>
                    <a:pt x="559796" y="436634"/>
                    <a:pt x="561398" y="440189"/>
                    <a:pt x="561398" y="444099"/>
                  </a:cubicBezTo>
                  <a:lnTo>
                    <a:pt x="561398" y="522133"/>
                  </a:lnTo>
                  <a:cubicBezTo>
                    <a:pt x="561398" y="526044"/>
                    <a:pt x="559796" y="529622"/>
                    <a:pt x="557204" y="532221"/>
                  </a:cubicBezTo>
                  <a:lnTo>
                    <a:pt x="547079" y="536439"/>
                  </a:lnTo>
                  <a:lnTo>
                    <a:pt x="525994" y="536439"/>
                  </a:lnTo>
                  <a:close/>
                  <a:moveTo>
                    <a:pt x="525978" y="429879"/>
                  </a:moveTo>
                  <a:lnTo>
                    <a:pt x="525978" y="536443"/>
                  </a:lnTo>
                  <a:lnTo>
                    <a:pt x="547070" y="536443"/>
                  </a:lnTo>
                  <a:lnTo>
                    <a:pt x="547079" y="536439"/>
                  </a:lnTo>
                  <a:lnTo>
                    <a:pt x="547088" y="536439"/>
                  </a:lnTo>
                  <a:cubicBezTo>
                    <a:pt x="555010" y="536439"/>
                    <a:pt x="561418" y="529952"/>
                    <a:pt x="561418" y="522131"/>
                  </a:cubicBezTo>
                  <a:lnTo>
                    <a:pt x="561418" y="444104"/>
                  </a:lnTo>
                  <a:cubicBezTo>
                    <a:pt x="561418" y="436284"/>
                    <a:pt x="555010" y="429885"/>
                    <a:pt x="547088" y="429885"/>
                  </a:cubicBezTo>
                  <a:lnTo>
                    <a:pt x="547084" y="429885"/>
                  </a:lnTo>
                  <a:lnTo>
                    <a:pt x="547070" y="429879"/>
                  </a:lnTo>
                  <a:close/>
                  <a:moveTo>
                    <a:pt x="454072" y="411570"/>
                  </a:moveTo>
                  <a:lnTo>
                    <a:pt x="454072" y="554662"/>
                  </a:lnTo>
                  <a:lnTo>
                    <a:pt x="490292" y="554662"/>
                  </a:lnTo>
                  <a:lnTo>
                    <a:pt x="490292" y="411570"/>
                  </a:lnTo>
                  <a:close/>
                  <a:moveTo>
                    <a:pt x="383856" y="411570"/>
                  </a:moveTo>
                  <a:lnTo>
                    <a:pt x="383856" y="554662"/>
                  </a:lnTo>
                  <a:lnTo>
                    <a:pt x="420076" y="554662"/>
                  </a:lnTo>
                  <a:lnTo>
                    <a:pt x="420076" y="411570"/>
                  </a:lnTo>
                  <a:close/>
                  <a:moveTo>
                    <a:pt x="46432" y="387334"/>
                  </a:moveTo>
                  <a:lnTo>
                    <a:pt x="46432" y="477629"/>
                  </a:lnTo>
                  <a:cubicBezTo>
                    <a:pt x="31755" y="478429"/>
                    <a:pt x="16278" y="478962"/>
                    <a:pt x="0" y="479140"/>
                  </a:cubicBezTo>
                  <a:lnTo>
                    <a:pt x="0" y="387778"/>
                  </a:lnTo>
                  <a:cubicBezTo>
                    <a:pt x="16278" y="387689"/>
                    <a:pt x="31755" y="387512"/>
                    <a:pt x="46432" y="387334"/>
                  </a:cubicBezTo>
                  <a:close/>
                  <a:moveTo>
                    <a:pt x="197301" y="381265"/>
                  </a:moveTo>
                  <a:lnTo>
                    <a:pt x="197301" y="459228"/>
                  </a:lnTo>
                  <a:cubicBezTo>
                    <a:pt x="187161" y="461451"/>
                    <a:pt x="171506" y="464473"/>
                    <a:pt x="150869" y="467496"/>
                  </a:cubicBezTo>
                  <a:lnTo>
                    <a:pt x="150869" y="383932"/>
                  </a:lnTo>
                  <a:cubicBezTo>
                    <a:pt x="170616" y="383043"/>
                    <a:pt x="186182" y="382065"/>
                    <a:pt x="197301" y="381265"/>
                  </a:cubicBezTo>
                  <a:close/>
                  <a:moveTo>
                    <a:pt x="348169" y="362777"/>
                  </a:moveTo>
                  <a:lnTo>
                    <a:pt x="380474" y="362777"/>
                  </a:lnTo>
                  <a:lnTo>
                    <a:pt x="491805" y="362777"/>
                  </a:lnTo>
                  <a:lnTo>
                    <a:pt x="525978" y="362777"/>
                  </a:lnTo>
                  <a:lnTo>
                    <a:pt x="525978" y="393706"/>
                  </a:lnTo>
                  <a:lnTo>
                    <a:pt x="547070" y="393706"/>
                  </a:lnTo>
                  <a:cubicBezTo>
                    <a:pt x="552321" y="393706"/>
                    <a:pt x="557393" y="394506"/>
                    <a:pt x="562199" y="395928"/>
                  </a:cubicBezTo>
                  <a:cubicBezTo>
                    <a:pt x="582667" y="402416"/>
                    <a:pt x="597618" y="421525"/>
                    <a:pt x="597618" y="444099"/>
                  </a:cubicBezTo>
                  <a:lnTo>
                    <a:pt x="597618" y="522133"/>
                  </a:lnTo>
                  <a:cubicBezTo>
                    <a:pt x="597618" y="544708"/>
                    <a:pt x="582667" y="563817"/>
                    <a:pt x="562199" y="570305"/>
                  </a:cubicBezTo>
                  <a:cubicBezTo>
                    <a:pt x="557393" y="571816"/>
                    <a:pt x="552321" y="572616"/>
                    <a:pt x="547070" y="572616"/>
                  </a:cubicBezTo>
                  <a:lnTo>
                    <a:pt x="525978" y="572616"/>
                  </a:lnTo>
                  <a:lnTo>
                    <a:pt x="525978" y="599101"/>
                  </a:lnTo>
                  <a:lnTo>
                    <a:pt x="348169" y="599101"/>
                  </a:lnTo>
                  <a:close/>
                  <a:moveTo>
                    <a:pt x="150869" y="264056"/>
                  </a:moveTo>
                  <a:cubicBezTo>
                    <a:pt x="170972" y="265033"/>
                    <a:pt x="186627" y="266011"/>
                    <a:pt x="197301" y="266721"/>
                  </a:cubicBezTo>
                  <a:lnTo>
                    <a:pt x="197301" y="344993"/>
                  </a:lnTo>
                  <a:cubicBezTo>
                    <a:pt x="186627" y="345792"/>
                    <a:pt x="170972" y="346770"/>
                    <a:pt x="150869" y="347747"/>
                  </a:cubicBezTo>
                  <a:close/>
                  <a:moveTo>
                    <a:pt x="0" y="260245"/>
                  </a:moveTo>
                  <a:cubicBezTo>
                    <a:pt x="16278" y="260334"/>
                    <a:pt x="31755" y="260511"/>
                    <a:pt x="46432" y="260689"/>
                  </a:cubicBezTo>
                  <a:lnTo>
                    <a:pt x="46432" y="351024"/>
                  </a:lnTo>
                  <a:cubicBezTo>
                    <a:pt x="31755" y="351291"/>
                    <a:pt x="16278" y="351468"/>
                    <a:pt x="0" y="351557"/>
                  </a:cubicBezTo>
                  <a:close/>
                  <a:moveTo>
                    <a:pt x="238793" y="172603"/>
                  </a:moveTo>
                  <a:lnTo>
                    <a:pt x="517103" y="172603"/>
                  </a:lnTo>
                  <a:lnTo>
                    <a:pt x="517103" y="211430"/>
                  </a:lnTo>
                  <a:lnTo>
                    <a:pt x="437980" y="211430"/>
                  </a:lnTo>
                  <a:lnTo>
                    <a:pt x="448127" y="236307"/>
                  </a:lnTo>
                  <a:cubicBezTo>
                    <a:pt x="453022" y="248479"/>
                    <a:pt x="455603" y="261274"/>
                    <a:pt x="455603" y="274423"/>
                  </a:cubicBezTo>
                  <a:lnTo>
                    <a:pt x="455603" y="326577"/>
                  </a:lnTo>
                  <a:lnTo>
                    <a:pt x="416709" y="326577"/>
                  </a:lnTo>
                  <a:lnTo>
                    <a:pt x="416709" y="274423"/>
                  </a:lnTo>
                  <a:cubicBezTo>
                    <a:pt x="416709" y="239683"/>
                    <a:pt x="388406" y="211430"/>
                    <a:pt x="353517" y="211430"/>
                  </a:cubicBezTo>
                  <a:lnTo>
                    <a:pt x="238793" y="211430"/>
                  </a:lnTo>
                  <a:close/>
                  <a:moveTo>
                    <a:pt x="150869" y="144236"/>
                  </a:moveTo>
                  <a:cubicBezTo>
                    <a:pt x="171506" y="147347"/>
                    <a:pt x="187161" y="150370"/>
                    <a:pt x="197301" y="152592"/>
                  </a:cubicBezTo>
                  <a:lnTo>
                    <a:pt x="197301" y="230467"/>
                  </a:lnTo>
                  <a:cubicBezTo>
                    <a:pt x="186182" y="229756"/>
                    <a:pt x="170616" y="228778"/>
                    <a:pt x="150869" y="227800"/>
                  </a:cubicBezTo>
                  <a:close/>
                  <a:moveTo>
                    <a:pt x="0" y="132593"/>
                  </a:moveTo>
                  <a:cubicBezTo>
                    <a:pt x="16278" y="132860"/>
                    <a:pt x="31755" y="133393"/>
                    <a:pt x="46432" y="134104"/>
                  </a:cubicBezTo>
                  <a:lnTo>
                    <a:pt x="46432" y="224469"/>
                  </a:lnTo>
                  <a:cubicBezTo>
                    <a:pt x="31755" y="224202"/>
                    <a:pt x="16278" y="224114"/>
                    <a:pt x="0" y="224025"/>
                  </a:cubicBezTo>
                  <a:close/>
                  <a:moveTo>
                    <a:pt x="150869" y="24698"/>
                  </a:moveTo>
                  <a:cubicBezTo>
                    <a:pt x="172128" y="30030"/>
                    <a:pt x="187784" y="35184"/>
                    <a:pt x="197301" y="38738"/>
                  </a:cubicBezTo>
                  <a:lnTo>
                    <a:pt x="197301" y="115516"/>
                  </a:lnTo>
                  <a:cubicBezTo>
                    <a:pt x="185827" y="113206"/>
                    <a:pt x="170260" y="110362"/>
                    <a:pt x="150869" y="107607"/>
                  </a:cubicBezTo>
                  <a:close/>
                  <a:moveTo>
                    <a:pt x="82632" y="11573"/>
                  </a:moveTo>
                  <a:cubicBezTo>
                    <a:pt x="93406" y="13084"/>
                    <a:pt x="104091" y="14772"/>
                    <a:pt x="114598" y="16727"/>
                  </a:cubicBezTo>
                  <a:lnTo>
                    <a:pt x="114598" y="595076"/>
                  </a:lnTo>
                  <a:cubicBezTo>
                    <a:pt x="104091" y="597031"/>
                    <a:pt x="93406" y="598719"/>
                    <a:pt x="82632" y="600230"/>
                  </a:cubicBezTo>
                  <a:close/>
                  <a:moveTo>
                    <a:pt x="0" y="5081"/>
                  </a:moveTo>
                  <a:cubicBezTo>
                    <a:pt x="16278" y="5437"/>
                    <a:pt x="31755" y="6325"/>
                    <a:pt x="46432" y="7659"/>
                  </a:cubicBezTo>
                  <a:lnTo>
                    <a:pt x="46432" y="97875"/>
                  </a:lnTo>
                  <a:cubicBezTo>
                    <a:pt x="31755" y="97164"/>
                    <a:pt x="16278" y="96720"/>
                    <a:pt x="0" y="96453"/>
                  </a:cubicBezTo>
                  <a:close/>
                  <a:moveTo>
                    <a:pt x="378583" y="0"/>
                  </a:moveTo>
                  <a:lnTo>
                    <a:pt x="468695" y="0"/>
                  </a:lnTo>
                  <a:lnTo>
                    <a:pt x="447592" y="136403"/>
                  </a:lnTo>
                  <a:lnTo>
                    <a:pt x="399776" y="136403"/>
                  </a:lnTo>
                  <a:close/>
                </a:path>
              </a:pathLst>
            </a:custGeom>
            <a:solidFill>
              <a:srgbClr val="FBCB43"/>
            </a:solidFill>
            <a:ln>
              <a:noFill/>
            </a:ln>
          </p:spPr>
          <p:txBody>
            <a:bodyPr/>
            <a:lstStyle/>
            <a:p>
              <a:endParaRPr lang="zh-CN" altLang="en-US"/>
            </a:p>
          </p:txBody>
        </p:sp>
      </p:grpSp>
      <p:grpSp>
        <p:nvGrpSpPr>
          <p:cNvPr id="497" name="组合 496">
            <a:extLst>
              <a:ext uri="{FF2B5EF4-FFF2-40B4-BE49-F238E27FC236}">
                <a16:creationId xmlns:a16="http://schemas.microsoft.com/office/drawing/2014/main" xmlns="" id="{E7C7180E-A39B-4DB5-9FAB-9E36EBB670BD}"/>
              </a:ext>
            </a:extLst>
          </p:cNvPr>
          <p:cNvGrpSpPr/>
          <p:nvPr/>
        </p:nvGrpSpPr>
        <p:grpSpPr>
          <a:xfrm>
            <a:off x="9358961" y="4281874"/>
            <a:ext cx="1280348" cy="1503786"/>
            <a:chOff x="6564052" y="2204864"/>
            <a:chExt cx="2110120" cy="2641601"/>
          </a:xfrm>
        </p:grpSpPr>
        <p:grpSp>
          <p:nvGrpSpPr>
            <p:cNvPr id="498" name="组合 497">
              <a:extLst>
                <a:ext uri="{FF2B5EF4-FFF2-40B4-BE49-F238E27FC236}">
                  <a16:creationId xmlns:a16="http://schemas.microsoft.com/office/drawing/2014/main" xmlns="" id="{57E20839-99A1-46D6-A358-6BB4618A1C49}"/>
                </a:ext>
              </a:extLst>
            </p:cNvPr>
            <p:cNvGrpSpPr/>
            <p:nvPr/>
          </p:nvGrpSpPr>
          <p:grpSpPr>
            <a:xfrm>
              <a:off x="6564052" y="2204864"/>
              <a:ext cx="1382713" cy="2641601"/>
              <a:chOff x="11180366" y="2075346"/>
              <a:chExt cx="1382713" cy="2641601"/>
            </a:xfrm>
          </p:grpSpPr>
          <p:sp>
            <p:nvSpPr>
              <p:cNvPr id="500" name="îṧļidê">
                <a:extLst>
                  <a:ext uri="{FF2B5EF4-FFF2-40B4-BE49-F238E27FC236}">
                    <a16:creationId xmlns:a16="http://schemas.microsoft.com/office/drawing/2014/main" xmlns="" id="{83E6E8EE-50F9-40F7-B5C2-F9604E250C98}"/>
                  </a:ext>
                </a:extLst>
              </p:cNvPr>
              <p:cNvSpPr/>
              <p:nvPr/>
            </p:nvSpPr>
            <p:spPr bwMode="auto">
              <a:xfrm>
                <a:off x="11180366" y="2200759"/>
                <a:ext cx="1382713" cy="2516188"/>
              </a:xfrm>
              <a:custGeom>
                <a:avLst/>
                <a:gdLst>
                  <a:gd name="T0" fmla="*/ 0 w 77"/>
                  <a:gd name="T1" fmla="*/ 0 h 140"/>
                  <a:gd name="T2" fmla="*/ 0 w 77"/>
                  <a:gd name="T3" fmla="*/ 126 h 140"/>
                  <a:gd name="T4" fmla="*/ 38 w 77"/>
                  <a:gd name="T5" fmla="*/ 140 h 140"/>
                  <a:gd name="T6" fmla="*/ 77 w 77"/>
                  <a:gd name="T7" fmla="*/ 126 h 140"/>
                  <a:gd name="T8" fmla="*/ 77 w 77"/>
                  <a:gd name="T9" fmla="*/ 0 h 140"/>
                  <a:gd name="T10" fmla="*/ 0 w 77"/>
                  <a:gd name="T11" fmla="*/ 0 h 140"/>
                </a:gdLst>
                <a:ahLst/>
                <a:cxnLst>
                  <a:cxn ang="0">
                    <a:pos x="T0" y="T1"/>
                  </a:cxn>
                  <a:cxn ang="0">
                    <a:pos x="T2" y="T3"/>
                  </a:cxn>
                  <a:cxn ang="0">
                    <a:pos x="T4" y="T5"/>
                  </a:cxn>
                  <a:cxn ang="0">
                    <a:pos x="T6" y="T7"/>
                  </a:cxn>
                  <a:cxn ang="0">
                    <a:pos x="T8" y="T9"/>
                  </a:cxn>
                  <a:cxn ang="0">
                    <a:pos x="T10" y="T11"/>
                  </a:cxn>
                </a:cxnLst>
                <a:rect l="0" t="0" r="r" b="b"/>
                <a:pathLst>
                  <a:path w="77" h="140">
                    <a:moveTo>
                      <a:pt x="0" y="0"/>
                    </a:moveTo>
                    <a:cubicBezTo>
                      <a:pt x="0" y="126"/>
                      <a:pt x="0" y="126"/>
                      <a:pt x="0" y="126"/>
                    </a:cubicBezTo>
                    <a:cubicBezTo>
                      <a:pt x="0" y="133"/>
                      <a:pt x="17" y="140"/>
                      <a:pt x="38" y="140"/>
                    </a:cubicBezTo>
                    <a:cubicBezTo>
                      <a:pt x="59" y="140"/>
                      <a:pt x="77" y="133"/>
                      <a:pt x="77" y="126"/>
                    </a:cubicBezTo>
                    <a:cubicBezTo>
                      <a:pt x="77" y="0"/>
                      <a:pt x="77" y="0"/>
                      <a:pt x="77" y="0"/>
                    </a:cubicBezTo>
                    <a:lnTo>
                      <a:pt x="0" y="0"/>
                    </a:lnTo>
                    <a:close/>
                  </a:path>
                </a:pathLst>
              </a:custGeom>
              <a:solidFill>
                <a:srgbClr val="4DBFD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01" name="íśľïḋè">
                <a:extLst>
                  <a:ext uri="{FF2B5EF4-FFF2-40B4-BE49-F238E27FC236}">
                    <a16:creationId xmlns:a16="http://schemas.microsoft.com/office/drawing/2014/main" xmlns="" id="{64B21FCA-50CB-4951-9885-6C238089EEF1}"/>
                  </a:ext>
                </a:extLst>
              </p:cNvPr>
              <p:cNvSpPr/>
              <p:nvPr/>
            </p:nvSpPr>
            <p:spPr bwMode="auto">
              <a:xfrm>
                <a:off x="11180366" y="2075346"/>
                <a:ext cx="1382713" cy="233363"/>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02" name="íṧ1îḋè">
                <a:extLst>
                  <a:ext uri="{FF2B5EF4-FFF2-40B4-BE49-F238E27FC236}">
                    <a16:creationId xmlns:a16="http://schemas.microsoft.com/office/drawing/2014/main" xmlns="" id="{DAF92E9A-3F6F-477F-8B08-FCF6A87A9D66}"/>
                  </a:ext>
                </a:extLst>
              </p:cNvPr>
              <p:cNvSpPr/>
              <p:nvPr/>
            </p:nvSpPr>
            <p:spPr bwMode="auto">
              <a:xfrm>
                <a:off x="12148741" y="2488096"/>
                <a:ext cx="269875" cy="1743075"/>
              </a:xfrm>
              <a:custGeom>
                <a:avLst/>
                <a:gdLst>
                  <a:gd name="T0" fmla="*/ 15 w 15"/>
                  <a:gd name="T1" fmla="*/ 90 h 97"/>
                  <a:gd name="T2" fmla="*/ 9 w 15"/>
                  <a:gd name="T3" fmla="*/ 97 h 97"/>
                  <a:gd name="T4" fmla="*/ 6 w 15"/>
                  <a:gd name="T5" fmla="*/ 97 h 97"/>
                  <a:gd name="T6" fmla="*/ 0 w 15"/>
                  <a:gd name="T7" fmla="*/ 90 h 97"/>
                  <a:gd name="T8" fmla="*/ 0 w 15"/>
                  <a:gd name="T9" fmla="*/ 6 h 97"/>
                  <a:gd name="T10" fmla="*/ 6 w 15"/>
                  <a:gd name="T11" fmla="*/ 0 h 97"/>
                  <a:gd name="T12" fmla="*/ 9 w 15"/>
                  <a:gd name="T13" fmla="*/ 0 h 97"/>
                  <a:gd name="T14" fmla="*/ 15 w 15"/>
                  <a:gd name="T15" fmla="*/ 6 h 97"/>
                  <a:gd name="T16" fmla="*/ 15 w 15"/>
                  <a:gd name="T17" fmla="*/ 90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97">
                    <a:moveTo>
                      <a:pt x="15" y="90"/>
                    </a:moveTo>
                    <a:cubicBezTo>
                      <a:pt x="15" y="94"/>
                      <a:pt x="12" y="97"/>
                      <a:pt x="9" y="97"/>
                    </a:cubicBezTo>
                    <a:cubicBezTo>
                      <a:pt x="6" y="97"/>
                      <a:pt x="6" y="97"/>
                      <a:pt x="6" y="97"/>
                    </a:cubicBezTo>
                    <a:cubicBezTo>
                      <a:pt x="3" y="97"/>
                      <a:pt x="0" y="94"/>
                      <a:pt x="0" y="90"/>
                    </a:cubicBezTo>
                    <a:cubicBezTo>
                      <a:pt x="0" y="6"/>
                      <a:pt x="0" y="6"/>
                      <a:pt x="0" y="6"/>
                    </a:cubicBezTo>
                    <a:cubicBezTo>
                      <a:pt x="0" y="3"/>
                      <a:pt x="3" y="0"/>
                      <a:pt x="6" y="0"/>
                    </a:cubicBezTo>
                    <a:cubicBezTo>
                      <a:pt x="9" y="0"/>
                      <a:pt x="9" y="0"/>
                      <a:pt x="9" y="0"/>
                    </a:cubicBezTo>
                    <a:cubicBezTo>
                      <a:pt x="12" y="0"/>
                      <a:pt x="15" y="3"/>
                      <a:pt x="15" y="6"/>
                    </a:cubicBezTo>
                    <a:lnTo>
                      <a:pt x="15" y="9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03" name="iŝḻíďè">
                <a:extLst>
                  <a:ext uri="{FF2B5EF4-FFF2-40B4-BE49-F238E27FC236}">
                    <a16:creationId xmlns:a16="http://schemas.microsoft.com/office/drawing/2014/main" xmlns="" id="{8A21B415-ECA0-44BF-AE52-FC9BEA700885}"/>
                  </a:ext>
                </a:extLst>
              </p:cNvPr>
              <p:cNvSpPr/>
              <p:nvPr/>
            </p:nvSpPr>
            <p:spPr bwMode="auto">
              <a:xfrm>
                <a:off x="11862991" y="3673959"/>
                <a:ext cx="214313"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04" name="ïṥḷíḍe">
                <a:extLst>
                  <a:ext uri="{FF2B5EF4-FFF2-40B4-BE49-F238E27FC236}">
                    <a16:creationId xmlns:a16="http://schemas.microsoft.com/office/drawing/2014/main" xmlns="" id="{6A3DBF00-CE38-431E-BD75-7B5EB76BAF5A}"/>
                  </a:ext>
                </a:extLst>
              </p:cNvPr>
              <p:cNvSpPr/>
              <p:nvPr/>
            </p:nvSpPr>
            <p:spPr bwMode="auto">
              <a:xfrm>
                <a:off x="11755041" y="3116746"/>
                <a:ext cx="214313"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05" name="ïšľîḋè">
                <a:extLst>
                  <a:ext uri="{FF2B5EF4-FFF2-40B4-BE49-F238E27FC236}">
                    <a16:creationId xmlns:a16="http://schemas.microsoft.com/office/drawing/2014/main" xmlns="" id="{991BF9D9-6D1F-4AC6-B883-0E89B4164B41}"/>
                  </a:ext>
                </a:extLst>
              </p:cNvPr>
              <p:cNvSpPr/>
              <p:nvPr/>
            </p:nvSpPr>
            <p:spPr bwMode="auto">
              <a:xfrm>
                <a:off x="11413728" y="2434121"/>
                <a:ext cx="215900"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06" name="îśḻîde">
                <a:extLst>
                  <a:ext uri="{FF2B5EF4-FFF2-40B4-BE49-F238E27FC236}">
                    <a16:creationId xmlns:a16="http://schemas.microsoft.com/office/drawing/2014/main" xmlns="" id="{964EF3D3-01AC-4D6D-9954-BBCA772ABD44}"/>
                  </a:ext>
                </a:extLst>
              </p:cNvPr>
              <p:cNvSpPr/>
              <p:nvPr/>
            </p:nvSpPr>
            <p:spPr bwMode="auto">
              <a:xfrm>
                <a:off x="11897916" y="2542071"/>
                <a:ext cx="215900"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07" name="ïṥľiḑè">
                <a:extLst>
                  <a:ext uri="{FF2B5EF4-FFF2-40B4-BE49-F238E27FC236}">
                    <a16:creationId xmlns:a16="http://schemas.microsoft.com/office/drawing/2014/main" xmlns="" id="{7ADC99DC-1319-420D-A7F6-4E4377B29575}"/>
                  </a:ext>
                </a:extLst>
              </p:cNvPr>
              <p:cNvSpPr/>
              <p:nvPr/>
            </p:nvSpPr>
            <p:spPr bwMode="auto">
              <a:xfrm>
                <a:off x="11969353" y="4356584"/>
                <a:ext cx="215900"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sp>
            <p:nvSpPr>
              <p:cNvPr id="508" name="îş1iḑé">
                <a:extLst>
                  <a:ext uri="{FF2B5EF4-FFF2-40B4-BE49-F238E27FC236}">
                    <a16:creationId xmlns:a16="http://schemas.microsoft.com/office/drawing/2014/main" xmlns="" id="{C3C0748E-0725-4791-9EAC-ADCB5A35E76E}"/>
                  </a:ext>
                </a:extLst>
              </p:cNvPr>
              <p:cNvSpPr/>
              <p:nvPr/>
            </p:nvSpPr>
            <p:spPr bwMode="auto">
              <a:xfrm>
                <a:off x="11647091" y="4159734"/>
                <a:ext cx="215900"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FrutigerNext LT Regular" pitchFamily="34" charset="0"/>
                    <a:ea typeface="宋体" charset="-122"/>
                    <a:cs typeface="+mn-cs"/>
                  </a:defRPr>
                </a:lvl1pPr>
                <a:lvl2pPr marL="457200" algn="l" rtl="0" fontAlgn="t">
                  <a:spcBef>
                    <a:spcPct val="0"/>
                  </a:spcBef>
                  <a:spcAft>
                    <a:spcPct val="0"/>
                  </a:spcAft>
                  <a:defRPr sz="1000" kern="1200">
                    <a:solidFill>
                      <a:schemeClr val="tx1"/>
                    </a:solidFill>
                    <a:latin typeface="FrutigerNext LT Regular" pitchFamily="34" charset="0"/>
                    <a:ea typeface="宋体" charset="-122"/>
                    <a:cs typeface="+mn-cs"/>
                  </a:defRPr>
                </a:lvl2pPr>
                <a:lvl3pPr marL="914400" algn="l" rtl="0" fontAlgn="t">
                  <a:spcBef>
                    <a:spcPct val="0"/>
                  </a:spcBef>
                  <a:spcAft>
                    <a:spcPct val="0"/>
                  </a:spcAft>
                  <a:defRPr sz="1000" kern="1200">
                    <a:solidFill>
                      <a:schemeClr val="tx1"/>
                    </a:solidFill>
                    <a:latin typeface="FrutigerNext LT Regular" pitchFamily="34" charset="0"/>
                    <a:ea typeface="宋体" charset="-122"/>
                    <a:cs typeface="+mn-cs"/>
                  </a:defRPr>
                </a:lvl3pPr>
                <a:lvl4pPr marL="1371600" algn="l" rtl="0" fontAlgn="t">
                  <a:spcBef>
                    <a:spcPct val="0"/>
                  </a:spcBef>
                  <a:spcAft>
                    <a:spcPct val="0"/>
                  </a:spcAft>
                  <a:defRPr sz="1000" kern="1200">
                    <a:solidFill>
                      <a:schemeClr val="tx1"/>
                    </a:solidFill>
                    <a:latin typeface="FrutigerNext LT Regular" pitchFamily="34" charset="0"/>
                    <a:ea typeface="宋体" charset="-122"/>
                    <a:cs typeface="+mn-cs"/>
                  </a:defRPr>
                </a:lvl4pPr>
                <a:lvl5pPr marL="1828800" algn="l" rtl="0" fontAlgn="t">
                  <a:spcBef>
                    <a:spcPct val="0"/>
                  </a:spcBef>
                  <a:spcAft>
                    <a:spcPct val="0"/>
                  </a:spcAft>
                  <a:defRPr sz="1000" kern="1200">
                    <a:solidFill>
                      <a:schemeClr val="tx1"/>
                    </a:solidFill>
                    <a:latin typeface="FrutigerNext LT Regular" pitchFamily="34" charset="0"/>
                    <a:ea typeface="宋体" charset="-122"/>
                    <a:cs typeface="+mn-cs"/>
                  </a:defRPr>
                </a:lvl5pPr>
                <a:lvl6pPr marL="2286000" algn="l" defTabSz="914400" rtl="0" eaLnBrk="1" latinLnBrk="0" hangingPunct="1">
                  <a:defRPr sz="1000" kern="1200">
                    <a:solidFill>
                      <a:schemeClr val="tx1"/>
                    </a:solidFill>
                    <a:latin typeface="FrutigerNext LT Regular" pitchFamily="34" charset="0"/>
                    <a:ea typeface="宋体" charset="-122"/>
                    <a:cs typeface="+mn-cs"/>
                  </a:defRPr>
                </a:lvl6pPr>
                <a:lvl7pPr marL="2743200" algn="l" defTabSz="914400" rtl="0" eaLnBrk="1" latinLnBrk="0" hangingPunct="1">
                  <a:defRPr sz="1000" kern="1200">
                    <a:solidFill>
                      <a:schemeClr val="tx1"/>
                    </a:solidFill>
                    <a:latin typeface="FrutigerNext LT Regular" pitchFamily="34" charset="0"/>
                    <a:ea typeface="宋体" charset="-122"/>
                    <a:cs typeface="+mn-cs"/>
                  </a:defRPr>
                </a:lvl7pPr>
                <a:lvl8pPr marL="3200400" algn="l" defTabSz="914400" rtl="0" eaLnBrk="1" latinLnBrk="0" hangingPunct="1">
                  <a:defRPr sz="1000" kern="1200">
                    <a:solidFill>
                      <a:schemeClr val="tx1"/>
                    </a:solidFill>
                    <a:latin typeface="FrutigerNext LT Regular" pitchFamily="34" charset="0"/>
                    <a:ea typeface="宋体" charset="-122"/>
                    <a:cs typeface="+mn-cs"/>
                  </a:defRPr>
                </a:lvl8pPr>
                <a:lvl9pPr marL="3657600" algn="l" defTabSz="914400" rtl="0" eaLnBrk="1" latinLnBrk="0" hangingPunct="1">
                  <a:defRPr sz="1000" kern="1200">
                    <a:solidFill>
                      <a:schemeClr val="tx1"/>
                    </a:solidFill>
                    <a:latin typeface="FrutigerNext LT Regular" pitchFamily="34" charset="0"/>
                    <a:ea typeface="宋体" charset="-122"/>
                    <a:cs typeface="+mn-cs"/>
                  </a:defRPr>
                </a:lvl9pPr>
              </a:lstStyle>
              <a:p>
                <a:pPr algn="ctr"/>
                <a:endParaRPr>
                  <a:latin typeface="+mn-lt"/>
                  <a:ea typeface="+mn-ea"/>
                </a:endParaRPr>
              </a:p>
            </p:txBody>
          </p:sp>
        </p:grpSp>
        <p:sp>
          <p:nvSpPr>
            <p:cNvPr id="499" name="barrel_336142">
              <a:extLst>
                <a:ext uri="{FF2B5EF4-FFF2-40B4-BE49-F238E27FC236}">
                  <a16:creationId xmlns:a16="http://schemas.microsoft.com/office/drawing/2014/main" xmlns="" id="{DB7F0348-9A56-4773-806A-3C4E5C657D4D}"/>
                </a:ext>
              </a:extLst>
            </p:cNvPr>
            <p:cNvSpPr>
              <a:spLocks noChangeAspect="1"/>
            </p:cNvSpPr>
            <p:nvPr/>
          </p:nvSpPr>
          <p:spPr bwMode="auto">
            <a:xfrm>
              <a:off x="7500156" y="3465004"/>
              <a:ext cx="1174016" cy="1191904"/>
            </a:xfrm>
            <a:custGeom>
              <a:avLst/>
              <a:gdLst>
                <a:gd name="connsiteX0" fmla="*/ 46432 w 597618"/>
                <a:gd name="connsiteY0" fmla="*/ 513858 h 606722"/>
                <a:gd name="connsiteX1" fmla="*/ 46432 w 597618"/>
                <a:gd name="connsiteY1" fmla="*/ 604234 h 606722"/>
                <a:gd name="connsiteX2" fmla="*/ 0 w 597618"/>
                <a:gd name="connsiteY2" fmla="*/ 606722 h 606722"/>
                <a:gd name="connsiteX3" fmla="*/ 0 w 597618"/>
                <a:gd name="connsiteY3" fmla="*/ 515280 h 606722"/>
                <a:gd name="connsiteX4" fmla="*/ 46432 w 597618"/>
                <a:gd name="connsiteY4" fmla="*/ 513858 h 606722"/>
                <a:gd name="connsiteX5" fmla="*/ 197301 w 597618"/>
                <a:gd name="connsiteY5" fmla="*/ 496287 h 606722"/>
                <a:gd name="connsiteX6" fmla="*/ 197301 w 597618"/>
                <a:gd name="connsiteY6" fmla="*/ 573138 h 606722"/>
                <a:gd name="connsiteX7" fmla="*/ 150869 w 597618"/>
                <a:gd name="connsiteY7" fmla="*/ 587175 h 606722"/>
                <a:gd name="connsiteX8" fmla="*/ 150869 w 597618"/>
                <a:gd name="connsiteY8" fmla="*/ 504194 h 606722"/>
                <a:gd name="connsiteX9" fmla="*/ 197301 w 597618"/>
                <a:gd name="connsiteY9" fmla="*/ 496287 h 606722"/>
                <a:gd name="connsiteX10" fmla="*/ 525994 w 597618"/>
                <a:gd name="connsiteY10" fmla="*/ 429885 h 606722"/>
                <a:gd name="connsiteX11" fmla="*/ 547084 w 597618"/>
                <a:gd name="connsiteY11" fmla="*/ 429885 h 606722"/>
                <a:gd name="connsiteX12" fmla="*/ 557204 w 597618"/>
                <a:gd name="connsiteY12" fmla="*/ 434056 h 606722"/>
                <a:gd name="connsiteX13" fmla="*/ 561398 w 597618"/>
                <a:gd name="connsiteY13" fmla="*/ 444099 h 606722"/>
                <a:gd name="connsiteX14" fmla="*/ 561398 w 597618"/>
                <a:gd name="connsiteY14" fmla="*/ 522133 h 606722"/>
                <a:gd name="connsiteX15" fmla="*/ 557204 w 597618"/>
                <a:gd name="connsiteY15" fmla="*/ 532221 h 606722"/>
                <a:gd name="connsiteX16" fmla="*/ 547079 w 597618"/>
                <a:gd name="connsiteY16" fmla="*/ 536439 h 606722"/>
                <a:gd name="connsiteX17" fmla="*/ 525994 w 597618"/>
                <a:gd name="connsiteY17" fmla="*/ 536439 h 606722"/>
                <a:gd name="connsiteX18" fmla="*/ 525978 w 597618"/>
                <a:gd name="connsiteY18" fmla="*/ 429879 h 606722"/>
                <a:gd name="connsiteX19" fmla="*/ 525978 w 597618"/>
                <a:gd name="connsiteY19" fmla="*/ 536443 h 606722"/>
                <a:gd name="connsiteX20" fmla="*/ 547070 w 597618"/>
                <a:gd name="connsiteY20" fmla="*/ 536443 h 606722"/>
                <a:gd name="connsiteX21" fmla="*/ 547079 w 597618"/>
                <a:gd name="connsiteY21" fmla="*/ 536439 h 606722"/>
                <a:gd name="connsiteX22" fmla="*/ 547088 w 597618"/>
                <a:gd name="connsiteY22" fmla="*/ 536439 h 606722"/>
                <a:gd name="connsiteX23" fmla="*/ 561418 w 597618"/>
                <a:gd name="connsiteY23" fmla="*/ 522131 h 606722"/>
                <a:gd name="connsiteX24" fmla="*/ 561418 w 597618"/>
                <a:gd name="connsiteY24" fmla="*/ 444104 h 606722"/>
                <a:gd name="connsiteX25" fmla="*/ 547088 w 597618"/>
                <a:gd name="connsiteY25" fmla="*/ 429885 h 606722"/>
                <a:gd name="connsiteX26" fmla="*/ 547084 w 597618"/>
                <a:gd name="connsiteY26" fmla="*/ 429885 h 606722"/>
                <a:gd name="connsiteX27" fmla="*/ 547070 w 597618"/>
                <a:gd name="connsiteY27" fmla="*/ 429879 h 606722"/>
                <a:gd name="connsiteX28" fmla="*/ 454072 w 597618"/>
                <a:gd name="connsiteY28" fmla="*/ 411570 h 606722"/>
                <a:gd name="connsiteX29" fmla="*/ 454072 w 597618"/>
                <a:gd name="connsiteY29" fmla="*/ 554662 h 606722"/>
                <a:gd name="connsiteX30" fmla="*/ 490292 w 597618"/>
                <a:gd name="connsiteY30" fmla="*/ 554662 h 606722"/>
                <a:gd name="connsiteX31" fmla="*/ 490292 w 597618"/>
                <a:gd name="connsiteY31" fmla="*/ 411570 h 606722"/>
                <a:gd name="connsiteX32" fmla="*/ 383856 w 597618"/>
                <a:gd name="connsiteY32" fmla="*/ 411570 h 606722"/>
                <a:gd name="connsiteX33" fmla="*/ 383856 w 597618"/>
                <a:gd name="connsiteY33" fmla="*/ 554662 h 606722"/>
                <a:gd name="connsiteX34" fmla="*/ 420076 w 597618"/>
                <a:gd name="connsiteY34" fmla="*/ 554662 h 606722"/>
                <a:gd name="connsiteX35" fmla="*/ 420076 w 597618"/>
                <a:gd name="connsiteY35" fmla="*/ 411570 h 606722"/>
                <a:gd name="connsiteX36" fmla="*/ 46432 w 597618"/>
                <a:gd name="connsiteY36" fmla="*/ 387334 h 606722"/>
                <a:gd name="connsiteX37" fmla="*/ 46432 w 597618"/>
                <a:gd name="connsiteY37" fmla="*/ 477629 h 606722"/>
                <a:gd name="connsiteX38" fmla="*/ 0 w 597618"/>
                <a:gd name="connsiteY38" fmla="*/ 479140 h 606722"/>
                <a:gd name="connsiteX39" fmla="*/ 0 w 597618"/>
                <a:gd name="connsiteY39" fmla="*/ 387778 h 606722"/>
                <a:gd name="connsiteX40" fmla="*/ 46432 w 597618"/>
                <a:gd name="connsiteY40" fmla="*/ 387334 h 606722"/>
                <a:gd name="connsiteX41" fmla="*/ 197301 w 597618"/>
                <a:gd name="connsiteY41" fmla="*/ 381265 h 606722"/>
                <a:gd name="connsiteX42" fmla="*/ 197301 w 597618"/>
                <a:gd name="connsiteY42" fmla="*/ 459228 h 606722"/>
                <a:gd name="connsiteX43" fmla="*/ 150869 w 597618"/>
                <a:gd name="connsiteY43" fmla="*/ 467496 h 606722"/>
                <a:gd name="connsiteX44" fmla="*/ 150869 w 597618"/>
                <a:gd name="connsiteY44" fmla="*/ 383932 h 606722"/>
                <a:gd name="connsiteX45" fmla="*/ 197301 w 597618"/>
                <a:gd name="connsiteY45" fmla="*/ 381265 h 606722"/>
                <a:gd name="connsiteX46" fmla="*/ 348169 w 597618"/>
                <a:gd name="connsiteY46" fmla="*/ 362777 h 606722"/>
                <a:gd name="connsiteX47" fmla="*/ 380474 w 597618"/>
                <a:gd name="connsiteY47" fmla="*/ 362777 h 606722"/>
                <a:gd name="connsiteX48" fmla="*/ 491805 w 597618"/>
                <a:gd name="connsiteY48" fmla="*/ 362777 h 606722"/>
                <a:gd name="connsiteX49" fmla="*/ 525978 w 597618"/>
                <a:gd name="connsiteY49" fmla="*/ 362777 h 606722"/>
                <a:gd name="connsiteX50" fmla="*/ 525978 w 597618"/>
                <a:gd name="connsiteY50" fmla="*/ 393706 h 606722"/>
                <a:gd name="connsiteX51" fmla="*/ 547070 w 597618"/>
                <a:gd name="connsiteY51" fmla="*/ 393706 h 606722"/>
                <a:gd name="connsiteX52" fmla="*/ 562199 w 597618"/>
                <a:gd name="connsiteY52" fmla="*/ 395928 h 606722"/>
                <a:gd name="connsiteX53" fmla="*/ 597618 w 597618"/>
                <a:gd name="connsiteY53" fmla="*/ 444099 h 606722"/>
                <a:gd name="connsiteX54" fmla="*/ 597618 w 597618"/>
                <a:gd name="connsiteY54" fmla="*/ 522133 h 606722"/>
                <a:gd name="connsiteX55" fmla="*/ 562199 w 597618"/>
                <a:gd name="connsiteY55" fmla="*/ 570305 h 606722"/>
                <a:gd name="connsiteX56" fmla="*/ 547070 w 597618"/>
                <a:gd name="connsiteY56" fmla="*/ 572616 h 606722"/>
                <a:gd name="connsiteX57" fmla="*/ 525978 w 597618"/>
                <a:gd name="connsiteY57" fmla="*/ 572616 h 606722"/>
                <a:gd name="connsiteX58" fmla="*/ 525978 w 597618"/>
                <a:gd name="connsiteY58" fmla="*/ 599101 h 606722"/>
                <a:gd name="connsiteX59" fmla="*/ 348169 w 597618"/>
                <a:gd name="connsiteY59" fmla="*/ 599101 h 606722"/>
                <a:gd name="connsiteX60" fmla="*/ 150869 w 597618"/>
                <a:gd name="connsiteY60" fmla="*/ 264056 h 606722"/>
                <a:gd name="connsiteX61" fmla="*/ 197301 w 597618"/>
                <a:gd name="connsiteY61" fmla="*/ 266721 h 606722"/>
                <a:gd name="connsiteX62" fmla="*/ 197301 w 597618"/>
                <a:gd name="connsiteY62" fmla="*/ 344993 h 606722"/>
                <a:gd name="connsiteX63" fmla="*/ 150869 w 597618"/>
                <a:gd name="connsiteY63" fmla="*/ 347747 h 606722"/>
                <a:gd name="connsiteX64" fmla="*/ 0 w 597618"/>
                <a:gd name="connsiteY64" fmla="*/ 260245 h 606722"/>
                <a:gd name="connsiteX65" fmla="*/ 46432 w 597618"/>
                <a:gd name="connsiteY65" fmla="*/ 260689 h 606722"/>
                <a:gd name="connsiteX66" fmla="*/ 46432 w 597618"/>
                <a:gd name="connsiteY66" fmla="*/ 351024 h 606722"/>
                <a:gd name="connsiteX67" fmla="*/ 0 w 597618"/>
                <a:gd name="connsiteY67" fmla="*/ 351557 h 606722"/>
                <a:gd name="connsiteX68" fmla="*/ 238793 w 597618"/>
                <a:gd name="connsiteY68" fmla="*/ 172603 h 606722"/>
                <a:gd name="connsiteX69" fmla="*/ 517103 w 597618"/>
                <a:gd name="connsiteY69" fmla="*/ 172603 h 606722"/>
                <a:gd name="connsiteX70" fmla="*/ 517103 w 597618"/>
                <a:gd name="connsiteY70" fmla="*/ 211430 h 606722"/>
                <a:gd name="connsiteX71" fmla="*/ 437980 w 597618"/>
                <a:gd name="connsiteY71" fmla="*/ 211430 h 606722"/>
                <a:gd name="connsiteX72" fmla="*/ 448127 w 597618"/>
                <a:gd name="connsiteY72" fmla="*/ 236307 h 606722"/>
                <a:gd name="connsiteX73" fmla="*/ 455603 w 597618"/>
                <a:gd name="connsiteY73" fmla="*/ 274423 h 606722"/>
                <a:gd name="connsiteX74" fmla="*/ 455603 w 597618"/>
                <a:gd name="connsiteY74" fmla="*/ 326577 h 606722"/>
                <a:gd name="connsiteX75" fmla="*/ 416709 w 597618"/>
                <a:gd name="connsiteY75" fmla="*/ 326577 h 606722"/>
                <a:gd name="connsiteX76" fmla="*/ 416709 w 597618"/>
                <a:gd name="connsiteY76" fmla="*/ 274423 h 606722"/>
                <a:gd name="connsiteX77" fmla="*/ 353517 w 597618"/>
                <a:gd name="connsiteY77" fmla="*/ 211430 h 606722"/>
                <a:gd name="connsiteX78" fmla="*/ 238793 w 597618"/>
                <a:gd name="connsiteY78" fmla="*/ 211430 h 606722"/>
                <a:gd name="connsiteX79" fmla="*/ 150869 w 597618"/>
                <a:gd name="connsiteY79" fmla="*/ 144236 h 606722"/>
                <a:gd name="connsiteX80" fmla="*/ 197301 w 597618"/>
                <a:gd name="connsiteY80" fmla="*/ 152592 h 606722"/>
                <a:gd name="connsiteX81" fmla="*/ 197301 w 597618"/>
                <a:gd name="connsiteY81" fmla="*/ 230467 h 606722"/>
                <a:gd name="connsiteX82" fmla="*/ 150869 w 597618"/>
                <a:gd name="connsiteY82" fmla="*/ 227800 h 606722"/>
                <a:gd name="connsiteX83" fmla="*/ 0 w 597618"/>
                <a:gd name="connsiteY83" fmla="*/ 132593 h 606722"/>
                <a:gd name="connsiteX84" fmla="*/ 46432 w 597618"/>
                <a:gd name="connsiteY84" fmla="*/ 134104 h 606722"/>
                <a:gd name="connsiteX85" fmla="*/ 46432 w 597618"/>
                <a:gd name="connsiteY85" fmla="*/ 224469 h 606722"/>
                <a:gd name="connsiteX86" fmla="*/ 0 w 597618"/>
                <a:gd name="connsiteY86" fmla="*/ 224025 h 606722"/>
                <a:gd name="connsiteX87" fmla="*/ 150869 w 597618"/>
                <a:gd name="connsiteY87" fmla="*/ 24698 h 606722"/>
                <a:gd name="connsiteX88" fmla="*/ 197301 w 597618"/>
                <a:gd name="connsiteY88" fmla="*/ 38738 h 606722"/>
                <a:gd name="connsiteX89" fmla="*/ 197301 w 597618"/>
                <a:gd name="connsiteY89" fmla="*/ 115516 h 606722"/>
                <a:gd name="connsiteX90" fmla="*/ 150869 w 597618"/>
                <a:gd name="connsiteY90" fmla="*/ 107607 h 606722"/>
                <a:gd name="connsiteX91" fmla="*/ 82632 w 597618"/>
                <a:gd name="connsiteY91" fmla="*/ 11573 h 606722"/>
                <a:gd name="connsiteX92" fmla="*/ 114598 w 597618"/>
                <a:gd name="connsiteY92" fmla="*/ 16727 h 606722"/>
                <a:gd name="connsiteX93" fmla="*/ 114598 w 597618"/>
                <a:gd name="connsiteY93" fmla="*/ 595076 h 606722"/>
                <a:gd name="connsiteX94" fmla="*/ 82632 w 597618"/>
                <a:gd name="connsiteY94" fmla="*/ 600230 h 606722"/>
                <a:gd name="connsiteX95" fmla="*/ 0 w 597618"/>
                <a:gd name="connsiteY95" fmla="*/ 5081 h 606722"/>
                <a:gd name="connsiteX96" fmla="*/ 46432 w 597618"/>
                <a:gd name="connsiteY96" fmla="*/ 7659 h 606722"/>
                <a:gd name="connsiteX97" fmla="*/ 46432 w 597618"/>
                <a:gd name="connsiteY97" fmla="*/ 97875 h 606722"/>
                <a:gd name="connsiteX98" fmla="*/ 0 w 597618"/>
                <a:gd name="connsiteY98" fmla="*/ 96453 h 606722"/>
                <a:gd name="connsiteX99" fmla="*/ 378583 w 597618"/>
                <a:gd name="connsiteY99" fmla="*/ 0 h 606722"/>
                <a:gd name="connsiteX100" fmla="*/ 468695 w 597618"/>
                <a:gd name="connsiteY100" fmla="*/ 0 h 606722"/>
                <a:gd name="connsiteX101" fmla="*/ 447592 w 597618"/>
                <a:gd name="connsiteY101" fmla="*/ 136403 h 606722"/>
                <a:gd name="connsiteX102" fmla="*/ 399776 w 597618"/>
                <a:gd name="connsiteY102" fmla="*/ 136403 h 6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Lst>
              <a:rect l="l" t="t" r="r" b="b"/>
              <a:pathLst>
                <a:path w="597618" h="606722">
                  <a:moveTo>
                    <a:pt x="46432" y="513858"/>
                  </a:moveTo>
                  <a:lnTo>
                    <a:pt x="46432" y="604234"/>
                  </a:lnTo>
                  <a:cubicBezTo>
                    <a:pt x="31755" y="605478"/>
                    <a:pt x="16278" y="606278"/>
                    <a:pt x="0" y="606722"/>
                  </a:cubicBezTo>
                  <a:lnTo>
                    <a:pt x="0" y="515280"/>
                  </a:lnTo>
                  <a:cubicBezTo>
                    <a:pt x="16278" y="515102"/>
                    <a:pt x="31755" y="514569"/>
                    <a:pt x="46432" y="513858"/>
                  </a:cubicBezTo>
                  <a:close/>
                  <a:moveTo>
                    <a:pt x="197301" y="496287"/>
                  </a:moveTo>
                  <a:lnTo>
                    <a:pt x="197301" y="573138"/>
                  </a:lnTo>
                  <a:cubicBezTo>
                    <a:pt x="187784" y="576602"/>
                    <a:pt x="172128" y="581844"/>
                    <a:pt x="150869" y="587175"/>
                  </a:cubicBezTo>
                  <a:lnTo>
                    <a:pt x="150869" y="504194"/>
                  </a:lnTo>
                  <a:cubicBezTo>
                    <a:pt x="170260" y="501440"/>
                    <a:pt x="185827" y="498597"/>
                    <a:pt x="197301" y="496287"/>
                  </a:cubicBezTo>
                  <a:close/>
                  <a:moveTo>
                    <a:pt x="525994" y="429885"/>
                  </a:moveTo>
                  <a:lnTo>
                    <a:pt x="547084" y="429885"/>
                  </a:lnTo>
                  <a:lnTo>
                    <a:pt x="557204" y="434056"/>
                  </a:lnTo>
                  <a:cubicBezTo>
                    <a:pt x="559796" y="436634"/>
                    <a:pt x="561398" y="440189"/>
                    <a:pt x="561398" y="444099"/>
                  </a:cubicBezTo>
                  <a:lnTo>
                    <a:pt x="561398" y="522133"/>
                  </a:lnTo>
                  <a:cubicBezTo>
                    <a:pt x="561398" y="526044"/>
                    <a:pt x="559796" y="529622"/>
                    <a:pt x="557204" y="532221"/>
                  </a:cubicBezTo>
                  <a:lnTo>
                    <a:pt x="547079" y="536439"/>
                  </a:lnTo>
                  <a:lnTo>
                    <a:pt x="525994" y="536439"/>
                  </a:lnTo>
                  <a:close/>
                  <a:moveTo>
                    <a:pt x="525978" y="429879"/>
                  </a:moveTo>
                  <a:lnTo>
                    <a:pt x="525978" y="536443"/>
                  </a:lnTo>
                  <a:lnTo>
                    <a:pt x="547070" y="536443"/>
                  </a:lnTo>
                  <a:lnTo>
                    <a:pt x="547079" y="536439"/>
                  </a:lnTo>
                  <a:lnTo>
                    <a:pt x="547088" y="536439"/>
                  </a:lnTo>
                  <a:cubicBezTo>
                    <a:pt x="555010" y="536439"/>
                    <a:pt x="561418" y="529952"/>
                    <a:pt x="561418" y="522131"/>
                  </a:cubicBezTo>
                  <a:lnTo>
                    <a:pt x="561418" y="444104"/>
                  </a:lnTo>
                  <a:cubicBezTo>
                    <a:pt x="561418" y="436284"/>
                    <a:pt x="555010" y="429885"/>
                    <a:pt x="547088" y="429885"/>
                  </a:cubicBezTo>
                  <a:lnTo>
                    <a:pt x="547084" y="429885"/>
                  </a:lnTo>
                  <a:lnTo>
                    <a:pt x="547070" y="429879"/>
                  </a:lnTo>
                  <a:close/>
                  <a:moveTo>
                    <a:pt x="454072" y="411570"/>
                  </a:moveTo>
                  <a:lnTo>
                    <a:pt x="454072" y="554662"/>
                  </a:lnTo>
                  <a:lnTo>
                    <a:pt x="490292" y="554662"/>
                  </a:lnTo>
                  <a:lnTo>
                    <a:pt x="490292" y="411570"/>
                  </a:lnTo>
                  <a:close/>
                  <a:moveTo>
                    <a:pt x="383856" y="411570"/>
                  </a:moveTo>
                  <a:lnTo>
                    <a:pt x="383856" y="554662"/>
                  </a:lnTo>
                  <a:lnTo>
                    <a:pt x="420076" y="554662"/>
                  </a:lnTo>
                  <a:lnTo>
                    <a:pt x="420076" y="411570"/>
                  </a:lnTo>
                  <a:close/>
                  <a:moveTo>
                    <a:pt x="46432" y="387334"/>
                  </a:moveTo>
                  <a:lnTo>
                    <a:pt x="46432" y="477629"/>
                  </a:lnTo>
                  <a:cubicBezTo>
                    <a:pt x="31755" y="478429"/>
                    <a:pt x="16278" y="478962"/>
                    <a:pt x="0" y="479140"/>
                  </a:cubicBezTo>
                  <a:lnTo>
                    <a:pt x="0" y="387778"/>
                  </a:lnTo>
                  <a:cubicBezTo>
                    <a:pt x="16278" y="387689"/>
                    <a:pt x="31755" y="387512"/>
                    <a:pt x="46432" y="387334"/>
                  </a:cubicBezTo>
                  <a:close/>
                  <a:moveTo>
                    <a:pt x="197301" y="381265"/>
                  </a:moveTo>
                  <a:lnTo>
                    <a:pt x="197301" y="459228"/>
                  </a:lnTo>
                  <a:cubicBezTo>
                    <a:pt x="187161" y="461451"/>
                    <a:pt x="171506" y="464473"/>
                    <a:pt x="150869" y="467496"/>
                  </a:cubicBezTo>
                  <a:lnTo>
                    <a:pt x="150869" y="383932"/>
                  </a:lnTo>
                  <a:cubicBezTo>
                    <a:pt x="170616" y="383043"/>
                    <a:pt x="186182" y="382065"/>
                    <a:pt x="197301" y="381265"/>
                  </a:cubicBezTo>
                  <a:close/>
                  <a:moveTo>
                    <a:pt x="348169" y="362777"/>
                  </a:moveTo>
                  <a:lnTo>
                    <a:pt x="380474" y="362777"/>
                  </a:lnTo>
                  <a:lnTo>
                    <a:pt x="491805" y="362777"/>
                  </a:lnTo>
                  <a:lnTo>
                    <a:pt x="525978" y="362777"/>
                  </a:lnTo>
                  <a:lnTo>
                    <a:pt x="525978" y="393706"/>
                  </a:lnTo>
                  <a:lnTo>
                    <a:pt x="547070" y="393706"/>
                  </a:lnTo>
                  <a:cubicBezTo>
                    <a:pt x="552321" y="393706"/>
                    <a:pt x="557393" y="394506"/>
                    <a:pt x="562199" y="395928"/>
                  </a:cubicBezTo>
                  <a:cubicBezTo>
                    <a:pt x="582667" y="402416"/>
                    <a:pt x="597618" y="421525"/>
                    <a:pt x="597618" y="444099"/>
                  </a:cubicBezTo>
                  <a:lnTo>
                    <a:pt x="597618" y="522133"/>
                  </a:lnTo>
                  <a:cubicBezTo>
                    <a:pt x="597618" y="544708"/>
                    <a:pt x="582667" y="563817"/>
                    <a:pt x="562199" y="570305"/>
                  </a:cubicBezTo>
                  <a:cubicBezTo>
                    <a:pt x="557393" y="571816"/>
                    <a:pt x="552321" y="572616"/>
                    <a:pt x="547070" y="572616"/>
                  </a:cubicBezTo>
                  <a:lnTo>
                    <a:pt x="525978" y="572616"/>
                  </a:lnTo>
                  <a:lnTo>
                    <a:pt x="525978" y="599101"/>
                  </a:lnTo>
                  <a:lnTo>
                    <a:pt x="348169" y="599101"/>
                  </a:lnTo>
                  <a:close/>
                  <a:moveTo>
                    <a:pt x="150869" y="264056"/>
                  </a:moveTo>
                  <a:cubicBezTo>
                    <a:pt x="170972" y="265033"/>
                    <a:pt x="186627" y="266011"/>
                    <a:pt x="197301" y="266721"/>
                  </a:cubicBezTo>
                  <a:lnTo>
                    <a:pt x="197301" y="344993"/>
                  </a:lnTo>
                  <a:cubicBezTo>
                    <a:pt x="186627" y="345792"/>
                    <a:pt x="170972" y="346770"/>
                    <a:pt x="150869" y="347747"/>
                  </a:cubicBezTo>
                  <a:close/>
                  <a:moveTo>
                    <a:pt x="0" y="260245"/>
                  </a:moveTo>
                  <a:cubicBezTo>
                    <a:pt x="16278" y="260334"/>
                    <a:pt x="31755" y="260511"/>
                    <a:pt x="46432" y="260689"/>
                  </a:cubicBezTo>
                  <a:lnTo>
                    <a:pt x="46432" y="351024"/>
                  </a:lnTo>
                  <a:cubicBezTo>
                    <a:pt x="31755" y="351291"/>
                    <a:pt x="16278" y="351468"/>
                    <a:pt x="0" y="351557"/>
                  </a:cubicBezTo>
                  <a:close/>
                  <a:moveTo>
                    <a:pt x="238793" y="172603"/>
                  </a:moveTo>
                  <a:lnTo>
                    <a:pt x="517103" y="172603"/>
                  </a:lnTo>
                  <a:lnTo>
                    <a:pt x="517103" y="211430"/>
                  </a:lnTo>
                  <a:lnTo>
                    <a:pt x="437980" y="211430"/>
                  </a:lnTo>
                  <a:lnTo>
                    <a:pt x="448127" y="236307"/>
                  </a:lnTo>
                  <a:cubicBezTo>
                    <a:pt x="453022" y="248479"/>
                    <a:pt x="455603" y="261274"/>
                    <a:pt x="455603" y="274423"/>
                  </a:cubicBezTo>
                  <a:lnTo>
                    <a:pt x="455603" y="326577"/>
                  </a:lnTo>
                  <a:lnTo>
                    <a:pt x="416709" y="326577"/>
                  </a:lnTo>
                  <a:lnTo>
                    <a:pt x="416709" y="274423"/>
                  </a:lnTo>
                  <a:cubicBezTo>
                    <a:pt x="416709" y="239683"/>
                    <a:pt x="388406" y="211430"/>
                    <a:pt x="353517" y="211430"/>
                  </a:cubicBezTo>
                  <a:lnTo>
                    <a:pt x="238793" y="211430"/>
                  </a:lnTo>
                  <a:close/>
                  <a:moveTo>
                    <a:pt x="150869" y="144236"/>
                  </a:moveTo>
                  <a:cubicBezTo>
                    <a:pt x="171506" y="147347"/>
                    <a:pt x="187161" y="150370"/>
                    <a:pt x="197301" y="152592"/>
                  </a:cubicBezTo>
                  <a:lnTo>
                    <a:pt x="197301" y="230467"/>
                  </a:lnTo>
                  <a:cubicBezTo>
                    <a:pt x="186182" y="229756"/>
                    <a:pt x="170616" y="228778"/>
                    <a:pt x="150869" y="227800"/>
                  </a:cubicBezTo>
                  <a:close/>
                  <a:moveTo>
                    <a:pt x="0" y="132593"/>
                  </a:moveTo>
                  <a:cubicBezTo>
                    <a:pt x="16278" y="132860"/>
                    <a:pt x="31755" y="133393"/>
                    <a:pt x="46432" y="134104"/>
                  </a:cubicBezTo>
                  <a:lnTo>
                    <a:pt x="46432" y="224469"/>
                  </a:lnTo>
                  <a:cubicBezTo>
                    <a:pt x="31755" y="224202"/>
                    <a:pt x="16278" y="224114"/>
                    <a:pt x="0" y="224025"/>
                  </a:cubicBezTo>
                  <a:close/>
                  <a:moveTo>
                    <a:pt x="150869" y="24698"/>
                  </a:moveTo>
                  <a:cubicBezTo>
                    <a:pt x="172128" y="30030"/>
                    <a:pt x="187784" y="35184"/>
                    <a:pt x="197301" y="38738"/>
                  </a:cubicBezTo>
                  <a:lnTo>
                    <a:pt x="197301" y="115516"/>
                  </a:lnTo>
                  <a:cubicBezTo>
                    <a:pt x="185827" y="113206"/>
                    <a:pt x="170260" y="110362"/>
                    <a:pt x="150869" y="107607"/>
                  </a:cubicBezTo>
                  <a:close/>
                  <a:moveTo>
                    <a:pt x="82632" y="11573"/>
                  </a:moveTo>
                  <a:cubicBezTo>
                    <a:pt x="93406" y="13084"/>
                    <a:pt x="104091" y="14772"/>
                    <a:pt x="114598" y="16727"/>
                  </a:cubicBezTo>
                  <a:lnTo>
                    <a:pt x="114598" y="595076"/>
                  </a:lnTo>
                  <a:cubicBezTo>
                    <a:pt x="104091" y="597031"/>
                    <a:pt x="93406" y="598719"/>
                    <a:pt x="82632" y="600230"/>
                  </a:cubicBezTo>
                  <a:close/>
                  <a:moveTo>
                    <a:pt x="0" y="5081"/>
                  </a:moveTo>
                  <a:cubicBezTo>
                    <a:pt x="16278" y="5437"/>
                    <a:pt x="31755" y="6325"/>
                    <a:pt x="46432" y="7659"/>
                  </a:cubicBezTo>
                  <a:lnTo>
                    <a:pt x="46432" y="97875"/>
                  </a:lnTo>
                  <a:cubicBezTo>
                    <a:pt x="31755" y="97164"/>
                    <a:pt x="16278" y="96720"/>
                    <a:pt x="0" y="96453"/>
                  </a:cubicBezTo>
                  <a:close/>
                  <a:moveTo>
                    <a:pt x="378583" y="0"/>
                  </a:moveTo>
                  <a:lnTo>
                    <a:pt x="468695" y="0"/>
                  </a:lnTo>
                  <a:lnTo>
                    <a:pt x="447592" y="136403"/>
                  </a:lnTo>
                  <a:lnTo>
                    <a:pt x="399776" y="136403"/>
                  </a:lnTo>
                  <a:close/>
                </a:path>
              </a:pathLst>
            </a:custGeom>
            <a:solidFill>
              <a:srgbClr val="4DBFD9"/>
            </a:solidFill>
            <a:ln>
              <a:noFill/>
            </a:ln>
          </p:spPr>
          <p:txBody>
            <a:bodyPr/>
            <a:lstStyle/>
            <a:p>
              <a:endParaRPr lang="zh-CN" altLang="en-US"/>
            </a:p>
          </p:txBody>
        </p:sp>
      </p:grpSp>
      <p:sp>
        <p:nvSpPr>
          <p:cNvPr id="535" name="文本框 534">
            <a:extLst>
              <a:ext uri="{FF2B5EF4-FFF2-40B4-BE49-F238E27FC236}">
                <a16:creationId xmlns:a16="http://schemas.microsoft.com/office/drawing/2014/main" xmlns="" id="{82056227-F1F7-40BB-AB65-06E4DB3442AE}"/>
              </a:ext>
            </a:extLst>
          </p:cNvPr>
          <p:cNvSpPr txBox="1"/>
          <p:nvPr/>
        </p:nvSpPr>
        <p:spPr>
          <a:xfrm>
            <a:off x="5276035" y="3021715"/>
            <a:ext cx="1425390" cy="338554"/>
          </a:xfrm>
          <a:prstGeom prst="rect">
            <a:avLst/>
          </a:prstGeom>
          <a:noFill/>
        </p:spPr>
        <p:txBody>
          <a:bodyPr wrap="none" rtlCol="0">
            <a:spAutoFit/>
          </a:bodyPr>
          <a:lstStyle/>
          <a:p>
            <a:r>
              <a:rPr lang="zh-CN" altLang="en-US" sz="1600" b="1" dirty="0"/>
              <a:t>云计算的特征</a:t>
            </a:r>
          </a:p>
        </p:txBody>
      </p:sp>
      <p:sp>
        <p:nvSpPr>
          <p:cNvPr id="536" name="Oval 4"/>
          <p:cNvSpPr>
            <a:spLocks noChangeAspect="1"/>
          </p:cNvSpPr>
          <p:nvPr/>
        </p:nvSpPr>
        <p:spPr>
          <a:xfrm>
            <a:off x="1205362" y="3432445"/>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7" name="Oval 4"/>
          <p:cNvSpPr>
            <a:spLocks noChangeAspect="1"/>
          </p:cNvSpPr>
          <p:nvPr/>
        </p:nvSpPr>
        <p:spPr>
          <a:xfrm>
            <a:off x="4224138" y="3469975"/>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8" name="Oval 4"/>
          <p:cNvSpPr>
            <a:spLocks noChangeAspect="1"/>
          </p:cNvSpPr>
          <p:nvPr/>
        </p:nvSpPr>
        <p:spPr>
          <a:xfrm>
            <a:off x="6313183" y="3469975"/>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9" name="Oval 4"/>
          <p:cNvSpPr>
            <a:spLocks noChangeAspect="1"/>
          </p:cNvSpPr>
          <p:nvPr/>
        </p:nvSpPr>
        <p:spPr>
          <a:xfrm>
            <a:off x="7766895" y="3482855"/>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0" name="Oval 4"/>
          <p:cNvSpPr>
            <a:spLocks noChangeAspect="1"/>
          </p:cNvSpPr>
          <p:nvPr/>
        </p:nvSpPr>
        <p:spPr>
          <a:xfrm>
            <a:off x="9374557" y="3458845"/>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auto">
              <a:spcBef>
                <a:spcPts val="0"/>
              </a:spcBef>
              <a:spcAft>
                <a:spcPts val="0"/>
              </a:spcAft>
            </a:pP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5</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16853433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E2350F51-6091-4EED-B205-2FF98429A754}"/>
              </a:ext>
            </a:extLst>
          </p:cNvPr>
          <p:cNvSpPr>
            <a:spLocks noGrp="1"/>
          </p:cNvSpPr>
          <p:nvPr>
            <p:ph type="title"/>
          </p:nvPr>
        </p:nvSpPr>
        <p:spPr/>
        <p:txBody>
          <a:bodyPr/>
          <a:lstStyle/>
          <a:p>
            <a:r>
              <a:rPr lang="en-US" altLang="zh-CN"/>
              <a:t>NFV</a:t>
            </a:r>
            <a:r>
              <a:rPr lang="zh-CN" altLang="en-US"/>
              <a:t>架构简介</a:t>
            </a:r>
          </a:p>
        </p:txBody>
      </p:sp>
      <p:sp>
        <p:nvSpPr>
          <p:cNvPr id="15" name="Content Placeholder 2">
            <a:extLst>
              <a:ext uri="{FF2B5EF4-FFF2-40B4-BE49-F238E27FC236}">
                <a16:creationId xmlns:a16="http://schemas.microsoft.com/office/drawing/2014/main" xmlns="" id="{0E67DC35-ED72-46CD-957C-28AB3931D649}"/>
              </a:ext>
            </a:extLst>
          </p:cNvPr>
          <p:cNvSpPr txBox="1">
            <a:spLocks/>
          </p:cNvSpPr>
          <p:nvPr/>
        </p:nvSpPr>
        <p:spPr>
          <a:xfrm>
            <a:off x="446088" y="1233487"/>
            <a:ext cx="11299825" cy="1708868"/>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1800"/>
              <a:t>NFV</a:t>
            </a:r>
            <a:r>
              <a:rPr lang="zh-CN" altLang="en-US" sz="1800"/>
              <a:t>架构分</a:t>
            </a:r>
            <a:r>
              <a:rPr lang="en-US" altLang="zh-CN" sz="1800" b="1"/>
              <a:t>NFVI</a:t>
            </a:r>
            <a:r>
              <a:rPr lang="en-US" altLang="zh-CN" sz="1800"/>
              <a:t> </a:t>
            </a:r>
            <a:r>
              <a:rPr lang="zh-CN" altLang="en-US" sz="1800"/>
              <a:t>（</a:t>
            </a:r>
            <a:r>
              <a:rPr lang="en-US" altLang="zh-CN" sz="1800"/>
              <a:t>Network Functions Virtualization Infrastructure</a:t>
            </a:r>
            <a:r>
              <a:rPr lang="zh-CN" altLang="en-US" sz="1800"/>
              <a:t>，基础设施层）、</a:t>
            </a:r>
            <a:r>
              <a:rPr lang="en-US" altLang="zh-CN" sz="1800"/>
              <a:t> </a:t>
            </a:r>
            <a:r>
              <a:rPr lang="en-US" altLang="zh-CN" sz="1800" b="1"/>
              <a:t>VNF</a:t>
            </a:r>
            <a:r>
              <a:rPr lang="zh-CN" altLang="en-US" sz="1800"/>
              <a:t>（</a:t>
            </a:r>
            <a:r>
              <a:rPr lang="en-US" altLang="zh-CN" sz="1800"/>
              <a:t> Virtualized Network Function</a:t>
            </a:r>
            <a:r>
              <a:rPr lang="zh-CN" altLang="en-US" sz="1800"/>
              <a:t>，虚拟化网络功能层）和</a:t>
            </a:r>
            <a:r>
              <a:rPr lang="en-US" altLang="zh-CN" sz="1800" b="1"/>
              <a:t>MANO</a:t>
            </a:r>
            <a:r>
              <a:rPr lang="zh-CN" altLang="en-US" sz="1800"/>
              <a:t>（</a:t>
            </a:r>
            <a:r>
              <a:rPr lang="en-US" altLang="zh-CN" sz="1800"/>
              <a:t>Management and Orchestration</a:t>
            </a:r>
            <a:r>
              <a:rPr lang="zh-CN" altLang="en-US" sz="1800"/>
              <a:t>，管理编排域），同还要支持现有的</a:t>
            </a:r>
            <a:r>
              <a:rPr lang="en-US" altLang="zh-CN" sz="1800"/>
              <a:t>BSS/OSS</a:t>
            </a:r>
            <a:r>
              <a:rPr lang="zh-CN" altLang="en-US" sz="1800"/>
              <a:t>（</a:t>
            </a:r>
            <a:r>
              <a:rPr lang="en-US" altLang="zh-CN" sz="1800"/>
              <a:t>Business support system/ Operation support system</a:t>
            </a:r>
            <a:r>
              <a:rPr lang="zh-CN" altLang="en-US" sz="1800"/>
              <a:t>）。</a:t>
            </a:r>
          </a:p>
        </p:txBody>
      </p:sp>
      <p:sp>
        <p:nvSpPr>
          <p:cNvPr id="16" name="object 15">
            <a:extLst>
              <a:ext uri="{FF2B5EF4-FFF2-40B4-BE49-F238E27FC236}">
                <a16:creationId xmlns:a16="http://schemas.microsoft.com/office/drawing/2014/main" xmlns="" id="{3450C1EC-D23A-4CBD-9C4D-8FC508E34E52}"/>
              </a:ext>
            </a:extLst>
          </p:cNvPr>
          <p:cNvSpPr/>
          <p:nvPr/>
        </p:nvSpPr>
        <p:spPr>
          <a:xfrm>
            <a:off x="7615083" y="2828927"/>
            <a:ext cx="2733606" cy="3323994"/>
          </a:xfrm>
          <a:custGeom>
            <a:avLst/>
            <a:gdLst/>
            <a:ahLst/>
            <a:cxnLst/>
            <a:rect l="l" t="t" r="r" b="b"/>
            <a:pathLst>
              <a:path w="1844675" h="2162809">
                <a:moveTo>
                  <a:pt x="1844636" y="2162378"/>
                </a:moveTo>
                <a:lnTo>
                  <a:pt x="0" y="2162378"/>
                </a:lnTo>
                <a:lnTo>
                  <a:pt x="0" y="0"/>
                </a:lnTo>
                <a:lnTo>
                  <a:pt x="1844636" y="0"/>
                </a:lnTo>
                <a:lnTo>
                  <a:pt x="1844636" y="2162378"/>
                </a:lnTo>
                <a:close/>
              </a:path>
            </a:pathLst>
          </a:custGeom>
          <a:solidFill>
            <a:srgbClr val="8DE6EC"/>
          </a:solidFill>
        </p:spPr>
        <p:txBody>
          <a:bodyPr wrap="square" lIns="0" tIns="0" rIns="0" bIns="0" rtlCol="0"/>
          <a:lstStyle/>
          <a:p>
            <a:endParaRPr/>
          </a:p>
        </p:txBody>
      </p:sp>
      <p:sp>
        <p:nvSpPr>
          <p:cNvPr id="17" name="object 22">
            <a:extLst>
              <a:ext uri="{FF2B5EF4-FFF2-40B4-BE49-F238E27FC236}">
                <a16:creationId xmlns:a16="http://schemas.microsoft.com/office/drawing/2014/main" xmlns="" id="{B3DC2112-84ED-4BA7-8AED-47D73A8EFD27}"/>
              </a:ext>
            </a:extLst>
          </p:cNvPr>
          <p:cNvSpPr/>
          <p:nvPr/>
        </p:nvSpPr>
        <p:spPr>
          <a:xfrm>
            <a:off x="1882670" y="2848744"/>
            <a:ext cx="5640386" cy="780510"/>
          </a:xfrm>
          <a:custGeom>
            <a:avLst/>
            <a:gdLst/>
            <a:ahLst/>
            <a:cxnLst/>
            <a:rect l="l" t="t" r="r" b="b"/>
            <a:pathLst>
              <a:path w="2522220" h="194310">
                <a:moveTo>
                  <a:pt x="2521610" y="193967"/>
                </a:moveTo>
                <a:lnTo>
                  <a:pt x="0" y="193967"/>
                </a:lnTo>
                <a:lnTo>
                  <a:pt x="0" y="0"/>
                </a:lnTo>
                <a:lnTo>
                  <a:pt x="2521610" y="0"/>
                </a:lnTo>
                <a:lnTo>
                  <a:pt x="2521610" y="193967"/>
                </a:lnTo>
                <a:close/>
              </a:path>
            </a:pathLst>
          </a:custGeom>
          <a:solidFill>
            <a:srgbClr val="FFDC52"/>
          </a:solidFill>
        </p:spPr>
        <p:txBody>
          <a:bodyPr wrap="square" lIns="0" tIns="0" rIns="0" bIns="0" rtlCol="0"/>
          <a:lstStyle/>
          <a:p>
            <a:endParaRPr/>
          </a:p>
        </p:txBody>
      </p:sp>
      <p:sp>
        <p:nvSpPr>
          <p:cNvPr id="18" name="object 23">
            <a:extLst>
              <a:ext uri="{FF2B5EF4-FFF2-40B4-BE49-F238E27FC236}">
                <a16:creationId xmlns:a16="http://schemas.microsoft.com/office/drawing/2014/main" xmlns="" id="{ACAE7989-2D51-464B-99DA-8B9D9C1B3AD1}"/>
              </a:ext>
            </a:extLst>
          </p:cNvPr>
          <p:cNvSpPr/>
          <p:nvPr/>
        </p:nvSpPr>
        <p:spPr>
          <a:xfrm>
            <a:off x="1882670" y="4984286"/>
            <a:ext cx="5640386" cy="1142777"/>
          </a:xfrm>
          <a:custGeom>
            <a:avLst/>
            <a:gdLst/>
            <a:ahLst/>
            <a:cxnLst/>
            <a:rect l="l" t="t" r="r" b="b"/>
            <a:pathLst>
              <a:path w="2522220" h="1045845">
                <a:moveTo>
                  <a:pt x="2521610" y="1045641"/>
                </a:moveTo>
                <a:lnTo>
                  <a:pt x="0" y="1045641"/>
                </a:lnTo>
                <a:lnTo>
                  <a:pt x="0" y="0"/>
                </a:lnTo>
                <a:lnTo>
                  <a:pt x="2521610" y="0"/>
                </a:lnTo>
                <a:lnTo>
                  <a:pt x="2521610" y="1045641"/>
                </a:lnTo>
                <a:close/>
              </a:path>
            </a:pathLst>
          </a:custGeom>
          <a:solidFill>
            <a:srgbClr val="D1E7F1"/>
          </a:solidFill>
        </p:spPr>
        <p:txBody>
          <a:bodyPr wrap="square" lIns="0" tIns="0" rIns="0" bIns="0" rtlCol="0"/>
          <a:lstStyle/>
          <a:p>
            <a:endParaRPr/>
          </a:p>
        </p:txBody>
      </p:sp>
      <p:sp>
        <p:nvSpPr>
          <p:cNvPr id="19" name="object 24">
            <a:extLst>
              <a:ext uri="{FF2B5EF4-FFF2-40B4-BE49-F238E27FC236}">
                <a16:creationId xmlns:a16="http://schemas.microsoft.com/office/drawing/2014/main" xmlns="" id="{F6E1B803-52B5-4CE1-9AB4-95E249DF34BE}"/>
              </a:ext>
            </a:extLst>
          </p:cNvPr>
          <p:cNvSpPr/>
          <p:nvPr/>
        </p:nvSpPr>
        <p:spPr>
          <a:xfrm>
            <a:off x="1882670" y="3779257"/>
            <a:ext cx="5640386" cy="996417"/>
          </a:xfrm>
          <a:custGeom>
            <a:avLst/>
            <a:gdLst/>
            <a:ahLst/>
            <a:cxnLst/>
            <a:rect l="l" t="t" r="r" b="b"/>
            <a:pathLst>
              <a:path w="2522220" h="648334">
                <a:moveTo>
                  <a:pt x="2521610" y="647712"/>
                </a:moveTo>
                <a:lnTo>
                  <a:pt x="0" y="647712"/>
                </a:lnTo>
                <a:lnTo>
                  <a:pt x="0" y="0"/>
                </a:lnTo>
                <a:lnTo>
                  <a:pt x="2521610" y="0"/>
                </a:lnTo>
                <a:lnTo>
                  <a:pt x="2521610" y="647712"/>
                </a:lnTo>
                <a:close/>
              </a:path>
            </a:pathLst>
          </a:custGeom>
          <a:solidFill>
            <a:srgbClr val="52D1C6"/>
          </a:solidFill>
        </p:spPr>
        <p:txBody>
          <a:bodyPr wrap="square" lIns="0" tIns="0" rIns="0" bIns="0" rtlCol="0"/>
          <a:lstStyle/>
          <a:p>
            <a:endParaRPr/>
          </a:p>
        </p:txBody>
      </p:sp>
      <p:sp>
        <p:nvSpPr>
          <p:cNvPr id="20" name="object 25">
            <a:extLst>
              <a:ext uri="{FF2B5EF4-FFF2-40B4-BE49-F238E27FC236}">
                <a16:creationId xmlns:a16="http://schemas.microsoft.com/office/drawing/2014/main" xmlns="" id="{F0759B95-3729-474B-BBB3-066ADFCE44D9}"/>
              </a:ext>
            </a:extLst>
          </p:cNvPr>
          <p:cNvSpPr txBox="1"/>
          <p:nvPr/>
        </p:nvSpPr>
        <p:spPr>
          <a:xfrm>
            <a:off x="1773580" y="3123811"/>
            <a:ext cx="5640386" cy="307777"/>
          </a:xfrm>
          <a:prstGeom prst="rect">
            <a:avLst/>
          </a:prstGeom>
        </p:spPr>
        <p:txBody>
          <a:bodyPr vert="horz" wrap="square" lIns="0" tIns="30480" rIns="0" bIns="0" rtlCol="0">
            <a:spAutoFit/>
          </a:bodyPr>
          <a:lstStyle/>
          <a:p>
            <a:pPr marL="6350" algn="ctr">
              <a:lnSpc>
                <a:spcPct val="100000"/>
              </a:lnSpc>
              <a:spcBef>
                <a:spcPts val="240"/>
              </a:spcBef>
            </a:pPr>
            <a:r>
              <a:rPr spc="35" dirty="0">
                <a:solidFill>
                  <a:srgbClr val="2F2F2F"/>
                </a:solidFill>
                <a:cs typeface="微软雅黑"/>
              </a:rPr>
              <a:t>OSS</a:t>
            </a:r>
            <a:r>
              <a:rPr spc="35">
                <a:solidFill>
                  <a:srgbClr val="2F2F2F"/>
                </a:solidFill>
                <a:cs typeface="微软雅黑"/>
              </a:rPr>
              <a:t>/BSS</a:t>
            </a:r>
            <a:r>
              <a:rPr lang="zh-CN" altLang="en-US" spc="35">
                <a:solidFill>
                  <a:srgbClr val="2F2F2F"/>
                </a:solidFill>
                <a:cs typeface="微软雅黑"/>
              </a:rPr>
              <a:t>：现有的运营</a:t>
            </a:r>
            <a:r>
              <a:rPr lang="en-US" altLang="zh-CN" spc="35">
                <a:solidFill>
                  <a:srgbClr val="2F2F2F"/>
                </a:solidFill>
                <a:cs typeface="微软雅黑"/>
              </a:rPr>
              <a:t>/</a:t>
            </a:r>
            <a:r>
              <a:rPr lang="zh-CN" altLang="en-US" spc="35">
                <a:solidFill>
                  <a:srgbClr val="2F2F2F"/>
                </a:solidFill>
                <a:cs typeface="微软雅黑"/>
              </a:rPr>
              <a:t>运维支撑系统</a:t>
            </a:r>
            <a:endParaRPr>
              <a:cs typeface="微软雅黑"/>
            </a:endParaRPr>
          </a:p>
        </p:txBody>
      </p:sp>
      <p:sp>
        <p:nvSpPr>
          <p:cNvPr id="21" name="object 68">
            <a:extLst>
              <a:ext uri="{FF2B5EF4-FFF2-40B4-BE49-F238E27FC236}">
                <a16:creationId xmlns:a16="http://schemas.microsoft.com/office/drawing/2014/main" xmlns="" id="{54E8056E-A64A-4B2C-9F49-0564EE36C15F}"/>
              </a:ext>
            </a:extLst>
          </p:cNvPr>
          <p:cNvSpPr txBox="1"/>
          <p:nvPr/>
        </p:nvSpPr>
        <p:spPr>
          <a:xfrm>
            <a:off x="3338288" y="5400128"/>
            <a:ext cx="2510971" cy="276999"/>
          </a:xfrm>
          <a:prstGeom prst="rect">
            <a:avLst/>
          </a:prstGeom>
        </p:spPr>
        <p:txBody>
          <a:bodyPr vert="horz" wrap="square" lIns="0" tIns="0" rIns="0" bIns="0" rtlCol="0">
            <a:spAutoFit/>
          </a:bodyPr>
          <a:lstStyle/>
          <a:p>
            <a:pPr marL="12700">
              <a:lnSpc>
                <a:spcPct val="100000"/>
              </a:lnSpc>
            </a:pPr>
            <a:r>
              <a:rPr lang="en-US" b="1" spc="30">
                <a:solidFill>
                  <a:srgbClr val="C00000"/>
                </a:solidFill>
                <a:cs typeface="微软雅黑"/>
              </a:rPr>
              <a:t>NFVI</a:t>
            </a:r>
            <a:r>
              <a:rPr lang="zh-CN" altLang="en-US" b="1" spc="30">
                <a:solidFill>
                  <a:srgbClr val="C00000"/>
                </a:solidFill>
                <a:cs typeface="微软雅黑"/>
              </a:rPr>
              <a:t>：</a:t>
            </a:r>
            <a:r>
              <a:rPr lang="zh-CN" altLang="en-US" spc="30">
                <a:cs typeface="微软雅黑"/>
              </a:rPr>
              <a:t>提供云化资源池</a:t>
            </a:r>
            <a:endParaRPr>
              <a:cs typeface="微软雅黑"/>
            </a:endParaRPr>
          </a:p>
        </p:txBody>
      </p:sp>
      <p:sp>
        <p:nvSpPr>
          <p:cNvPr id="22" name="object 69">
            <a:extLst>
              <a:ext uri="{FF2B5EF4-FFF2-40B4-BE49-F238E27FC236}">
                <a16:creationId xmlns:a16="http://schemas.microsoft.com/office/drawing/2014/main" xmlns="" id="{F11E9650-3340-4669-8C74-E609B7EC76BC}"/>
              </a:ext>
            </a:extLst>
          </p:cNvPr>
          <p:cNvSpPr txBox="1"/>
          <p:nvPr/>
        </p:nvSpPr>
        <p:spPr>
          <a:xfrm>
            <a:off x="3077002" y="4180655"/>
            <a:ext cx="3410889" cy="276999"/>
          </a:xfrm>
          <a:prstGeom prst="rect">
            <a:avLst/>
          </a:prstGeom>
        </p:spPr>
        <p:txBody>
          <a:bodyPr vert="horz" wrap="square" lIns="0" tIns="0" rIns="0" bIns="0" rtlCol="0">
            <a:spAutoFit/>
          </a:bodyPr>
          <a:lstStyle/>
          <a:p>
            <a:pPr marL="12700">
              <a:lnSpc>
                <a:spcPct val="100000"/>
              </a:lnSpc>
            </a:pPr>
            <a:r>
              <a:rPr b="1" spc="35">
                <a:solidFill>
                  <a:srgbClr val="C00000"/>
                </a:solidFill>
                <a:cs typeface="微软雅黑"/>
              </a:rPr>
              <a:t>VNF</a:t>
            </a:r>
            <a:r>
              <a:rPr lang="zh-CN" altLang="en-US" b="1" spc="35">
                <a:solidFill>
                  <a:srgbClr val="C00000"/>
                </a:solidFill>
                <a:cs typeface="微软雅黑"/>
              </a:rPr>
              <a:t>：</a:t>
            </a:r>
            <a:r>
              <a:rPr lang="zh-CN" altLang="en-US" spc="35">
                <a:cs typeface="微软雅黑"/>
              </a:rPr>
              <a:t>利用云资源构建软件网元</a:t>
            </a:r>
            <a:endParaRPr>
              <a:cs typeface="微软雅黑"/>
            </a:endParaRPr>
          </a:p>
        </p:txBody>
      </p:sp>
      <p:sp>
        <p:nvSpPr>
          <p:cNvPr id="23" name="object 71">
            <a:extLst>
              <a:ext uri="{FF2B5EF4-FFF2-40B4-BE49-F238E27FC236}">
                <a16:creationId xmlns:a16="http://schemas.microsoft.com/office/drawing/2014/main" xmlns="" id="{271547C3-52BC-4BDE-B68F-14AD87B37653}"/>
              </a:ext>
            </a:extLst>
          </p:cNvPr>
          <p:cNvSpPr txBox="1"/>
          <p:nvPr/>
        </p:nvSpPr>
        <p:spPr>
          <a:xfrm>
            <a:off x="7800323" y="3872576"/>
            <a:ext cx="2363126" cy="830997"/>
          </a:xfrm>
          <a:prstGeom prst="rect">
            <a:avLst/>
          </a:prstGeom>
        </p:spPr>
        <p:txBody>
          <a:bodyPr vert="horz" wrap="square" lIns="0" tIns="0" rIns="0" bIns="0" rtlCol="0">
            <a:spAutoFit/>
          </a:bodyPr>
          <a:lstStyle/>
          <a:p>
            <a:pPr marL="12700">
              <a:lnSpc>
                <a:spcPct val="100000"/>
              </a:lnSpc>
            </a:pPr>
            <a:r>
              <a:rPr b="1" spc="35">
                <a:solidFill>
                  <a:srgbClr val="C00000"/>
                </a:solidFill>
                <a:cs typeface="微软雅黑"/>
              </a:rPr>
              <a:t>MANO</a:t>
            </a:r>
            <a:r>
              <a:rPr lang="zh-CN" altLang="en-US" b="1" spc="35">
                <a:solidFill>
                  <a:srgbClr val="C00000"/>
                </a:solidFill>
                <a:cs typeface="微软雅黑"/>
              </a:rPr>
              <a:t>：</a:t>
            </a:r>
            <a:endParaRPr lang="en-US" altLang="zh-CN" b="1" spc="35">
              <a:solidFill>
                <a:srgbClr val="C00000"/>
              </a:solidFill>
              <a:cs typeface="微软雅黑"/>
            </a:endParaRPr>
          </a:p>
          <a:p>
            <a:pPr marL="12700">
              <a:lnSpc>
                <a:spcPct val="100000"/>
              </a:lnSpc>
            </a:pPr>
            <a:r>
              <a:rPr lang="zh-CN" altLang="en-US" spc="35">
                <a:cs typeface="微软雅黑"/>
              </a:rPr>
              <a:t>提供业务编排、业务管理和资源管理等功能</a:t>
            </a:r>
            <a:endParaRPr>
              <a:cs typeface="微软雅黑"/>
            </a:endParaRPr>
          </a:p>
        </p:txBody>
      </p:sp>
    </p:spTree>
    <p:extLst>
      <p:ext uri="{BB962C8B-B14F-4D97-AF65-F5344CB8AC3E}">
        <p14:creationId xmlns:p14="http://schemas.microsoft.com/office/powerpoint/2010/main" val="89481000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F70C6934-C8AB-4B6B-BF16-4C434C5D5C83}"/>
              </a:ext>
            </a:extLst>
          </p:cNvPr>
          <p:cNvSpPr>
            <a:spLocks noGrp="1"/>
          </p:cNvSpPr>
          <p:nvPr>
            <p:ph type="title"/>
          </p:nvPr>
        </p:nvSpPr>
        <p:spPr/>
        <p:txBody>
          <a:bodyPr/>
          <a:lstStyle/>
          <a:p>
            <a:r>
              <a:rPr lang="en-US" altLang="zh-CN" dirty="0"/>
              <a:t>NFV</a:t>
            </a:r>
            <a:r>
              <a:rPr lang="zh-CN" altLang="en-US" dirty="0"/>
              <a:t>的标准架构</a:t>
            </a:r>
          </a:p>
        </p:txBody>
      </p:sp>
      <p:sp>
        <p:nvSpPr>
          <p:cNvPr id="17" name="Content Placeholder 2">
            <a:extLst>
              <a:ext uri="{FF2B5EF4-FFF2-40B4-BE49-F238E27FC236}">
                <a16:creationId xmlns:a16="http://schemas.microsoft.com/office/drawing/2014/main" xmlns="" id="{52EA4A92-AD77-4E5A-B15B-85E36FF2B1CF}"/>
              </a:ext>
            </a:extLst>
          </p:cNvPr>
          <p:cNvSpPr txBox="1">
            <a:spLocks/>
          </p:cNvSpPr>
          <p:nvPr/>
        </p:nvSpPr>
        <p:spPr>
          <a:xfrm>
            <a:off x="446088" y="1233487"/>
            <a:ext cx="11299825" cy="2596391"/>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1800" dirty="0"/>
              <a:t>ETSI</a:t>
            </a:r>
            <a:r>
              <a:rPr lang="zh-CN" altLang="en-US" sz="1800" dirty="0"/>
              <a:t>定义了</a:t>
            </a:r>
            <a:r>
              <a:rPr lang="en-US" altLang="zh-CN" sz="1800" dirty="0"/>
              <a:t>NFV</a:t>
            </a:r>
            <a:r>
              <a:rPr lang="zh-CN" altLang="en-US" sz="1800" dirty="0"/>
              <a:t>标准架构，由</a:t>
            </a:r>
            <a:r>
              <a:rPr lang="en-US" altLang="zh-CN" sz="1800" dirty="0"/>
              <a:t>NFVI</a:t>
            </a:r>
            <a:r>
              <a:rPr lang="zh-CN" altLang="en-US" sz="1800" dirty="0"/>
              <a:t>、</a:t>
            </a:r>
            <a:r>
              <a:rPr lang="en-US" altLang="zh-CN" sz="1800" dirty="0"/>
              <a:t>VNF</a:t>
            </a:r>
            <a:r>
              <a:rPr lang="zh-CN" altLang="en-US" sz="1800" dirty="0"/>
              <a:t>以及</a:t>
            </a:r>
            <a:r>
              <a:rPr lang="en-US" altLang="zh-CN" sz="1800" dirty="0"/>
              <a:t>MANO</a:t>
            </a:r>
            <a:r>
              <a:rPr lang="zh-CN" altLang="en-US" sz="1800" dirty="0"/>
              <a:t>主要组件组成。</a:t>
            </a:r>
            <a:r>
              <a:rPr lang="en-US" altLang="zh-CN" sz="1800" dirty="0"/>
              <a:t>NFVI</a:t>
            </a:r>
            <a:r>
              <a:rPr lang="zh-CN" altLang="en-US" sz="1800" dirty="0"/>
              <a:t>包括通用的硬件设施及其虚拟化，</a:t>
            </a:r>
            <a:r>
              <a:rPr lang="en-US" altLang="zh-CN" sz="1800" dirty="0"/>
              <a:t>VNF</a:t>
            </a:r>
            <a:r>
              <a:rPr lang="zh-CN" altLang="en-US" sz="1800" dirty="0"/>
              <a:t>使用软件实现虚拟化网络功能，</a:t>
            </a:r>
            <a:r>
              <a:rPr lang="en-US" altLang="zh-CN" sz="1800" dirty="0"/>
              <a:t>MANO</a:t>
            </a:r>
            <a:r>
              <a:rPr lang="zh-CN" altLang="en-US" sz="1800" dirty="0"/>
              <a:t>实现</a:t>
            </a:r>
            <a:r>
              <a:rPr lang="en-US" altLang="zh-CN" sz="1800" dirty="0"/>
              <a:t>NFV</a:t>
            </a:r>
            <a:r>
              <a:rPr lang="zh-CN" altLang="en-US" sz="1800" dirty="0"/>
              <a:t>架构的管理和编排。</a:t>
            </a:r>
            <a:endParaRPr lang="zh-CN" altLang="en-US" sz="1600" dirty="0"/>
          </a:p>
        </p:txBody>
      </p:sp>
      <p:sp>
        <p:nvSpPr>
          <p:cNvPr id="122" name="object 15">
            <a:extLst>
              <a:ext uri="{FF2B5EF4-FFF2-40B4-BE49-F238E27FC236}">
                <a16:creationId xmlns:a16="http://schemas.microsoft.com/office/drawing/2014/main" xmlns="" id="{5EC05946-6A93-40AF-8295-45B0C68CB69C}"/>
              </a:ext>
            </a:extLst>
          </p:cNvPr>
          <p:cNvSpPr/>
          <p:nvPr/>
        </p:nvSpPr>
        <p:spPr>
          <a:xfrm>
            <a:off x="7545197" y="2364529"/>
            <a:ext cx="4125207" cy="3323994"/>
          </a:xfrm>
          <a:custGeom>
            <a:avLst/>
            <a:gdLst/>
            <a:ahLst/>
            <a:cxnLst/>
            <a:rect l="l" t="t" r="r" b="b"/>
            <a:pathLst>
              <a:path w="1844675" h="2162809">
                <a:moveTo>
                  <a:pt x="1844636" y="2162378"/>
                </a:moveTo>
                <a:lnTo>
                  <a:pt x="0" y="2162378"/>
                </a:lnTo>
                <a:lnTo>
                  <a:pt x="0" y="0"/>
                </a:lnTo>
                <a:lnTo>
                  <a:pt x="1844636" y="0"/>
                </a:lnTo>
                <a:lnTo>
                  <a:pt x="1844636" y="2162378"/>
                </a:lnTo>
                <a:close/>
              </a:path>
            </a:pathLst>
          </a:custGeom>
          <a:solidFill>
            <a:srgbClr val="8DE6EC"/>
          </a:solidFill>
        </p:spPr>
        <p:txBody>
          <a:bodyPr wrap="square" lIns="0" tIns="0" rIns="0" bIns="0" rtlCol="0"/>
          <a:lstStyle/>
          <a:p>
            <a:endParaRPr sz="1500"/>
          </a:p>
        </p:txBody>
      </p:sp>
      <p:sp>
        <p:nvSpPr>
          <p:cNvPr id="123" name="object 16">
            <a:extLst>
              <a:ext uri="{FF2B5EF4-FFF2-40B4-BE49-F238E27FC236}">
                <a16:creationId xmlns:a16="http://schemas.microsoft.com/office/drawing/2014/main" xmlns="" id="{7537C8CF-FD2B-45B8-A6C2-1F1A2389A8AC}"/>
              </a:ext>
            </a:extLst>
          </p:cNvPr>
          <p:cNvSpPr/>
          <p:nvPr/>
        </p:nvSpPr>
        <p:spPr>
          <a:xfrm>
            <a:off x="9641565" y="3558152"/>
            <a:ext cx="1662863" cy="677094"/>
          </a:xfrm>
          <a:custGeom>
            <a:avLst/>
            <a:gdLst/>
            <a:ahLst/>
            <a:cxnLst/>
            <a:rect l="l" t="t" r="r" b="b"/>
            <a:pathLst>
              <a:path w="743585" h="330834">
                <a:moveTo>
                  <a:pt x="742975" y="0"/>
                </a:moveTo>
                <a:lnTo>
                  <a:pt x="122758" y="0"/>
                </a:lnTo>
                <a:lnTo>
                  <a:pt x="0" y="90157"/>
                </a:lnTo>
                <a:lnTo>
                  <a:pt x="0" y="330669"/>
                </a:lnTo>
                <a:lnTo>
                  <a:pt x="742975" y="330669"/>
                </a:lnTo>
                <a:lnTo>
                  <a:pt x="742975" y="0"/>
                </a:lnTo>
                <a:close/>
              </a:path>
            </a:pathLst>
          </a:custGeom>
          <a:solidFill>
            <a:srgbClr val="FFFFFF"/>
          </a:solidFill>
        </p:spPr>
        <p:txBody>
          <a:bodyPr wrap="square" lIns="0" tIns="0" rIns="0" bIns="0" rtlCol="0"/>
          <a:lstStyle/>
          <a:p>
            <a:endParaRPr sz="1500"/>
          </a:p>
        </p:txBody>
      </p:sp>
      <p:sp>
        <p:nvSpPr>
          <p:cNvPr id="124" name="object 17">
            <a:extLst>
              <a:ext uri="{FF2B5EF4-FFF2-40B4-BE49-F238E27FC236}">
                <a16:creationId xmlns:a16="http://schemas.microsoft.com/office/drawing/2014/main" xmlns="" id="{5942EBAE-CB8C-4B59-BB09-B4EB502C0437}"/>
              </a:ext>
            </a:extLst>
          </p:cNvPr>
          <p:cNvSpPr/>
          <p:nvPr/>
        </p:nvSpPr>
        <p:spPr>
          <a:xfrm>
            <a:off x="8349682" y="2964307"/>
            <a:ext cx="3122661" cy="2276829"/>
          </a:xfrm>
          <a:custGeom>
            <a:avLst/>
            <a:gdLst/>
            <a:ahLst/>
            <a:cxnLst/>
            <a:rect l="l" t="t" r="r" b="b"/>
            <a:pathLst>
              <a:path w="1396364" h="1481454">
                <a:moveTo>
                  <a:pt x="0" y="383400"/>
                </a:moveTo>
                <a:lnTo>
                  <a:pt x="0" y="0"/>
                </a:lnTo>
                <a:lnTo>
                  <a:pt x="1395945" y="0"/>
                </a:lnTo>
                <a:lnTo>
                  <a:pt x="1395945" y="1481378"/>
                </a:lnTo>
                <a:lnTo>
                  <a:pt x="0" y="1481378"/>
                </a:lnTo>
                <a:lnTo>
                  <a:pt x="0" y="436143"/>
                </a:lnTo>
              </a:path>
            </a:pathLst>
          </a:custGeom>
          <a:ln w="14401">
            <a:solidFill>
              <a:srgbClr val="2F2F2F"/>
            </a:solidFill>
          </a:ln>
        </p:spPr>
        <p:txBody>
          <a:bodyPr wrap="square" lIns="0" tIns="0" rIns="0" bIns="0" rtlCol="0"/>
          <a:lstStyle/>
          <a:p>
            <a:endParaRPr sz="1500"/>
          </a:p>
        </p:txBody>
      </p:sp>
      <p:sp>
        <p:nvSpPr>
          <p:cNvPr id="125" name="object 18">
            <a:extLst>
              <a:ext uri="{FF2B5EF4-FFF2-40B4-BE49-F238E27FC236}">
                <a16:creationId xmlns:a16="http://schemas.microsoft.com/office/drawing/2014/main" xmlns="" id="{9D3AE2FB-739C-47C5-A326-F1F6F14A771B}"/>
              </a:ext>
            </a:extLst>
          </p:cNvPr>
          <p:cNvSpPr/>
          <p:nvPr/>
        </p:nvSpPr>
        <p:spPr>
          <a:xfrm>
            <a:off x="9211242" y="3595236"/>
            <a:ext cx="0" cy="694858"/>
          </a:xfrm>
          <a:custGeom>
            <a:avLst/>
            <a:gdLst/>
            <a:ahLst/>
            <a:cxnLst/>
            <a:rect l="l" t="t" r="r" b="b"/>
            <a:pathLst>
              <a:path h="452120">
                <a:moveTo>
                  <a:pt x="0" y="0"/>
                </a:moveTo>
                <a:lnTo>
                  <a:pt x="0" y="452120"/>
                </a:lnTo>
              </a:path>
            </a:pathLst>
          </a:custGeom>
          <a:ln w="18732">
            <a:solidFill>
              <a:srgbClr val="FFFFFF"/>
            </a:solidFill>
          </a:ln>
        </p:spPr>
        <p:txBody>
          <a:bodyPr wrap="square" lIns="0" tIns="0" rIns="0" bIns="0" rtlCol="0"/>
          <a:lstStyle/>
          <a:p>
            <a:endParaRPr sz="1500"/>
          </a:p>
        </p:txBody>
      </p:sp>
      <p:sp>
        <p:nvSpPr>
          <p:cNvPr id="126" name="object 19">
            <a:extLst>
              <a:ext uri="{FF2B5EF4-FFF2-40B4-BE49-F238E27FC236}">
                <a16:creationId xmlns:a16="http://schemas.microsoft.com/office/drawing/2014/main" xmlns="" id="{0020728E-5BB0-4C7F-B35E-F546AEFEAFC0}"/>
              </a:ext>
            </a:extLst>
          </p:cNvPr>
          <p:cNvSpPr/>
          <p:nvPr/>
        </p:nvSpPr>
        <p:spPr>
          <a:xfrm>
            <a:off x="7757366" y="3589382"/>
            <a:ext cx="1475418" cy="0"/>
          </a:xfrm>
          <a:custGeom>
            <a:avLst/>
            <a:gdLst/>
            <a:ahLst/>
            <a:cxnLst/>
            <a:rect l="l" t="t" r="r" b="b"/>
            <a:pathLst>
              <a:path w="659764">
                <a:moveTo>
                  <a:pt x="0" y="0"/>
                </a:moveTo>
                <a:lnTo>
                  <a:pt x="659498" y="0"/>
                </a:lnTo>
              </a:path>
            </a:pathLst>
          </a:custGeom>
          <a:ln w="7619">
            <a:solidFill>
              <a:srgbClr val="FFFFFF"/>
            </a:solidFill>
          </a:ln>
        </p:spPr>
        <p:txBody>
          <a:bodyPr wrap="square" lIns="0" tIns="0" rIns="0" bIns="0" rtlCol="0"/>
          <a:lstStyle/>
          <a:p>
            <a:endParaRPr sz="1500"/>
          </a:p>
        </p:txBody>
      </p:sp>
      <p:sp>
        <p:nvSpPr>
          <p:cNvPr id="127" name="object 20">
            <a:extLst>
              <a:ext uri="{FF2B5EF4-FFF2-40B4-BE49-F238E27FC236}">
                <a16:creationId xmlns:a16="http://schemas.microsoft.com/office/drawing/2014/main" xmlns="" id="{FE985AC7-F485-417F-9BE3-C6AC50F448FD}"/>
              </a:ext>
            </a:extLst>
          </p:cNvPr>
          <p:cNvSpPr/>
          <p:nvPr/>
        </p:nvSpPr>
        <p:spPr>
          <a:xfrm>
            <a:off x="9280104" y="3568946"/>
            <a:ext cx="0" cy="694858"/>
          </a:xfrm>
          <a:custGeom>
            <a:avLst/>
            <a:gdLst/>
            <a:ahLst/>
            <a:cxnLst/>
            <a:rect l="l" t="t" r="r" b="b"/>
            <a:pathLst>
              <a:path h="452120">
                <a:moveTo>
                  <a:pt x="0" y="0"/>
                </a:moveTo>
                <a:lnTo>
                  <a:pt x="0" y="452120"/>
                </a:lnTo>
              </a:path>
            </a:pathLst>
          </a:custGeom>
          <a:ln w="18732">
            <a:solidFill>
              <a:srgbClr val="FFFFFF"/>
            </a:solidFill>
          </a:ln>
        </p:spPr>
        <p:txBody>
          <a:bodyPr wrap="square" lIns="0" tIns="0" rIns="0" bIns="0" rtlCol="0"/>
          <a:lstStyle/>
          <a:p>
            <a:endParaRPr sz="1500"/>
          </a:p>
        </p:txBody>
      </p:sp>
      <p:sp>
        <p:nvSpPr>
          <p:cNvPr id="128" name="object 21">
            <a:extLst>
              <a:ext uri="{FF2B5EF4-FFF2-40B4-BE49-F238E27FC236}">
                <a16:creationId xmlns:a16="http://schemas.microsoft.com/office/drawing/2014/main" xmlns="" id="{4CCE3554-6BF8-4939-9372-1508AFCF4F34}"/>
              </a:ext>
            </a:extLst>
          </p:cNvPr>
          <p:cNvSpPr/>
          <p:nvPr/>
        </p:nvSpPr>
        <p:spPr>
          <a:xfrm>
            <a:off x="7826225" y="3563090"/>
            <a:ext cx="1475418" cy="0"/>
          </a:xfrm>
          <a:custGeom>
            <a:avLst/>
            <a:gdLst/>
            <a:ahLst/>
            <a:cxnLst/>
            <a:rect l="l" t="t" r="r" b="b"/>
            <a:pathLst>
              <a:path w="659764">
                <a:moveTo>
                  <a:pt x="0" y="0"/>
                </a:moveTo>
                <a:lnTo>
                  <a:pt x="659498" y="0"/>
                </a:lnTo>
              </a:path>
            </a:pathLst>
          </a:custGeom>
          <a:ln w="7619">
            <a:solidFill>
              <a:srgbClr val="FFFFFF"/>
            </a:solidFill>
          </a:ln>
        </p:spPr>
        <p:txBody>
          <a:bodyPr wrap="square" lIns="0" tIns="0" rIns="0" bIns="0" rtlCol="0"/>
          <a:lstStyle/>
          <a:p>
            <a:endParaRPr sz="1500"/>
          </a:p>
        </p:txBody>
      </p:sp>
      <p:sp>
        <p:nvSpPr>
          <p:cNvPr id="131" name="object 22">
            <a:extLst>
              <a:ext uri="{FF2B5EF4-FFF2-40B4-BE49-F238E27FC236}">
                <a16:creationId xmlns:a16="http://schemas.microsoft.com/office/drawing/2014/main" xmlns="" id="{FADFAC55-C1A3-408E-895E-F355D8D6FB51}"/>
              </a:ext>
            </a:extLst>
          </p:cNvPr>
          <p:cNvSpPr/>
          <p:nvPr/>
        </p:nvSpPr>
        <p:spPr>
          <a:xfrm>
            <a:off x="968267" y="2820364"/>
            <a:ext cx="5640386" cy="298633"/>
          </a:xfrm>
          <a:custGeom>
            <a:avLst/>
            <a:gdLst/>
            <a:ahLst/>
            <a:cxnLst/>
            <a:rect l="l" t="t" r="r" b="b"/>
            <a:pathLst>
              <a:path w="2522220" h="194310">
                <a:moveTo>
                  <a:pt x="2521610" y="193967"/>
                </a:moveTo>
                <a:lnTo>
                  <a:pt x="0" y="193967"/>
                </a:lnTo>
                <a:lnTo>
                  <a:pt x="0" y="0"/>
                </a:lnTo>
                <a:lnTo>
                  <a:pt x="2521610" y="0"/>
                </a:lnTo>
                <a:lnTo>
                  <a:pt x="2521610" y="193967"/>
                </a:lnTo>
                <a:close/>
              </a:path>
            </a:pathLst>
          </a:custGeom>
          <a:solidFill>
            <a:srgbClr val="FFDC52"/>
          </a:solidFill>
        </p:spPr>
        <p:txBody>
          <a:bodyPr wrap="square" lIns="0" tIns="0" rIns="0" bIns="0" rtlCol="0"/>
          <a:lstStyle/>
          <a:p>
            <a:endParaRPr sz="1500"/>
          </a:p>
        </p:txBody>
      </p:sp>
      <p:sp>
        <p:nvSpPr>
          <p:cNvPr id="133" name="object 23">
            <a:extLst>
              <a:ext uri="{FF2B5EF4-FFF2-40B4-BE49-F238E27FC236}">
                <a16:creationId xmlns:a16="http://schemas.microsoft.com/office/drawing/2014/main" xmlns="" id="{AD9861A9-8AC2-49B9-AEAA-BC2ECC84F909}"/>
              </a:ext>
            </a:extLst>
          </p:cNvPr>
          <p:cNvSpPr/>
          <p:nvPr/>
        </p:nvSpPr>
        <p:spPr>
          <a:xfrm>
            <a:off x="968267" y="4491340"/>
            <a:ext cx="5640386" cy="1607344"/>
          </a:xfrm>
          <a:custGeom>
            <a:avLst/>
            <a:gdLst/>
            <a:ahLst/>
            <a:cxnLst/>
            <a:rect l="l" t="t" r="r" b="b"/>
            <a:pathLst>
              <a:path w="2522220" h="1045845">
                <a:moveTo>
                  <a:pt x="2521610" y="1045641"/>
                </a:moveTo>
                <a:lnTo>
                  <a:pt x="0" y="1045641"/>
                </a:lnTo>
                <a:lnTo>
                  <a:pt x="0" y="0"/>
                </a:lnTo>
                <a:lnTo>
                  <a:pt x="2521610" y="0"/>
                </a:lnTo>
                <a:lnTo>
                  <a:pt x="2521610" y="1045641"/>
                </a:lnTo>
                <a:close/>
              </a:path>
            </a:pathLst>
          </a:custGeom>
          <a:solidFill>
            <a:srgbClr val="D1E7F1"/>
          </a:solidFill>
        </p:spPr>
        <p:txBody>
          <a:bodyPr wrap="square" lIns="0" tIns="0" rIns="0" bIns="0" rtlCol="0"/>
          <a:lstStyle/>
          <a:p>
            <a:endParaRPr sz="1500"/>
          </a:p>
        </p:txBody>
      </p:sp>
      <p:sp>
        <p:nvSpPr>
          <p:cNvPr id="135" name="object 24">
            <a:extLst>
              <a:ext uri="{FF2B5EF4-FFF2-40B4-BE49-F238E27FC236}">
                <a16:creationId xmlns:a16="http://schemas.microsoft.com/office/drawing/2014/main" xmlns="" id="{04AB5AC0-687E-43E6-B77B-056C8C438593}"/>
              </a:ext>
            </a:extLst>
          </p:cNvPr>
          <p:cNvSpPr/>
          <p:nvPr/>
        </p:nvSpPr>
        <p:spPr>
          <a:xfrm>
            <a:off x="968267" y="3315450"/>
            <a:ext cx="5640386" cy="996417"/>
          </a:xfrm>
          <a:custGeom>
            <a:avLst/>
            <a:gdLst/>
            <a:ahLst/>
            <a:cxnLst/>
            <a:rect l="l" t="t" r="r" b="b"/>
            <a:pathLst>
              <a:path w="2522220" h="648334">
                <a:moveTo>
                  <a:pt x="2521610" y="647712"/>
                </a:moveTo>
                <a:lnTo>
                  <a:pt x="0" y="647712"/>
                </a:lnTo>
                <a:lnTo>
                  <a:pt x="0" y="0"/>
                </a:lnTo>
                <a:lnTo>
                  <a:pt x="2521610" y="0"/>
                </a:lnTo>
                <a:lnTo>
                  <a:pt x="2521610" y="647712"/>
                </a:lnTo>
                <a:close/>
              </a:path>
            </a:pathLst>
          </a:custGeom>
          <a:solidFill>
            <a:srgbClr val="52D1C6"/>
          </a:solidFill>
        </p:spPr>
        <p:txBody>
          <a:bodyPr wrap="square" lIns="0" tIns="0" rIns="0" bIns="0" rtlCol="0"/>
          <a:lstStyle/>
          <a:p>
            <a:endParaRPr sz="1500"/>
          </a:p>
        </p:txBody>
      </p:sp>
      <p:sp>
        <p:nvSpPr>
          <p:cNvPr id="136" name="object 25">
            <a:extLst>
              <a:ext uri="{FF2B5EF4-FFF2-40B4-BE49-F238E27FC236}">
                <a16:creationId xmlns:a16="http://schemas.microsoft.com/office/drawing/2014/main" xmlns="" id="{9CE5C3B5-A572-4C95-B32F-F772283A0158}"/>
              </a:ext>
            </a:extLst>
          </p:cNvPr>
          <p:cNvSpPr txBox="1"/>
          <p:nvPr/>
        </p:nvSpPr>
        <p:spPr>
          <a:xfrm>
            <a:off x="968267" y="2820364"/>
            <a:ext cx="5640386" cy="261610"/>
          </a:xfrm>
          <a:prstGeom prst="rect">
            <a:avLst/>
          </a:prstGeom>
        </p:spPr>
        <p:txBody>
          <a:bodyPr vert="horz" wrap="square" lIns="0" tIns="30480" rIns="0" bIns="0" rtlCol="0">
            <a:spAutoFit/>
          </a:bodyPr>
          <a:lstStyle/>
          <a:p>
            <a:pPr marL="6350" algn="ctr">
              <a:lnSpc>
                <a:spcPct val="100000"/>
              </a:lnSpc>
              <a:spcBef>
                <a:spcPts val="240"/>
              </a:spcBef>
            </a:pPr>
            <a:r>
              <a:rPr sz="1500" spc="35" dirty="0">
                <a:solidFill>
                  <a:srgbClr val="2F2F2F"/>
                </a:solidFill>
                <a:cs typeface="微软雅黑"/>
              </a:rPr>
              <a:t>OSS/BSS</a:t>
            </a:r>
            <a:endParaRPr sz="1500">
              <a:cs typeface="微软雅黑"/>
            </a:endParaRPr>
          </a:p>
        </p:txBody>
      </p:sp>
      <p:sp>
        <p:nvSpPr>
          <p:cNvPr id="137" name="object 26">
            <a:extLst>
              <a:ext uri="{FF2B5EF4-FFF2-40B4-BE49-F238E27FC236}">
                <a16:creationId xmlns:a16="http://schemas.microsoft.com/office/drawing/2014/main" xmlns="" id="{B9F4DFEB-2000-42CB-8898-4F5EF56FB2A5}"/>
              </a:ext>
            </a:extLst>
          </p:cNvPr>
          <p:cNvSpPr txBox="1"/>
          <p:nvPr/>
        </p:nvSpPr>
        <p:spPr>
          <a:xfrm>
            <a:off x="1402032" y="3506027"/>
            <a:ext cx="1475418" cy="261610"/>
          </a:xfrm>
          <a:prstGeom prst="rect">
            <a:avLst/>
          </a:prstGeom>
          <a:solidFill>
            <a:srgbClr val="FFFFFF"/>
          </a:solidFill>
        </p:spPr>
        <p:txBody>
          <a:bodyPr vert="horz" wrap="square" lIns="0" tIns="30480" rIns="0" bIns="0" rtlCol="0">
            <a:spAutoFit/>
          </a:bodyPr>
          <a:lstStyle/>
          <a:p>
            <a:pPr marL="193675">
              <a:lnSpc>
                <a:spcPct val="100000"/>
              </a:lnSpc>
              <a:spcBef>
                <a:spcPts val="240"/>
              </a:spcBef>
            </a:pPr>
            <a:r>
              <a:rPr lang="en-US" altLang="zh-CN" sz="1500" spc="20">
                <a:solidFill>
                  <a:srgbClr val="2F2F2F"/>
                </a:solidFill>
                <a:cs typeface="微软雅黑"/>
              </a:rPr>
              <a:t>    </a:t>
            </a:r>
            <a:r>
              <a:rPr sz="1500" spc="20">
                <a:solidFill>
                  <a:srgbClr val="2F2F2F"/>
                </a:solidFill>
                <a:cs typeface="微软雅黑"/>
              </a:rPr>
              <a:t>EM</a:t>
            </a:r>
            <a:r>
              <a:rPr sz="1500" spc="-25">
                <a:solidFill>
                  <a:srgbClr val="2F2F2F"/>
                </a:solidFill>
                <a:cs typeface="微软雅黑"/>
              </a:rPr>
              <a:t> </a:t>
            </a:r>
            <a:r>
              <a:rPr sz="1500" dirty="0">
                <a:solidFill>
                  <a:srgbClr val="2F2F2F"/>
                </a:solidFill>
                <a:cs typeface="微软雅黑"/>
              </a:rPr>
              <a:t>1</a:t>
            </a:r>
            <a:endParaRPr sz="1500">
              <a:cs typeface="微软雅黑"/>
            </a:endParaRPr>
          </a:p>
        </p:txBody>
      </p:sp>
      <p:sp>
        <p:nvSpPr>
          <p:cNvPr id="138" name="object 27">
            <a:extLst>
              <a:ext uri="{FF2B5EF4-FFF2-40B4-BE49-F238E27FC236}">
                <a16:creationId xmlns:a16="http://schemas.microsoft.com/office/drawing/2014/main" xmlns="" id="{56942CD2-37DC-4D2F-BF90-0A75B82435F1}"/>
              </a:ext>
            </a:extLst>
          </p:cNvPr>
          <p:cNvSpPr txBox="1"/>
          <p:nvPr/>
        </p:nvSpPr>
        <p:spPr>
          <a:xfrm>
            <a:off x="3093750" y="3506027"/>
            <a:ext cx="1475418" cy="261610"/>
          </a:xfrm>
          <a:prstGeom prst="rect">
            <a:avLst/>
          </a:prstGeom>
          <a:solidFill>
            <a:srgbClr val="FFFFFF"/>
          </a:solidFill>
        </p:spPr>
        <p:txBody>
          <a:bodyPr vert="horz" wrap="square" lIns="0" tIns="30480" rIns="0" bIns="0" rtlCol="0">
            <a:spAutoFit/>
          </a:bodyPr>
          <a:lstStyle/>
          <a:p>
            <a:pPr marL="193675">
              <a:lnSpc>
                <a:spcPct val="100000"/>
              </a:lnSpc>
              <a:spcBef>
                <a:spcPts val="240"/>
              </a:spcBef>
            </a:pPr>
            <a:r>
              <a:rPr lang="en-US" altLang="zh-CN" sz="1500" spc="20">
                <a:solidFill>
                  <a:srgbClr val="2F2F2F"/>
                </a:solidFill>
                <a:cs typeface="微软雅黑"/>
              </a:rPr>
              <a:t>    </a:t>
            </a:r>
            <a:r>
              <a:rPr sz="1500" spc="20">
                <a:solidFill>
                  <a:srgbClr val="2F2F2F"/>
                </a:solidFill>
                <a:cs typeface="微软雅黑"/>
              </a:rPr>
              <a:t>EM</a:t>
            </a:r>
            <a:r>
              <a:rPr sz="1500" spc="-25">
                <a:solidFill>
                  <a:srgbClr val="2F2F2F"/>
                </a:solidFill>
                <a:cs typeface="微软雅黑"/>
              </a:rPr>
              <a:t> </a:t>
            </a:r>
            <a:r>
              <a:rPr sz="1500" dirty="0">
                <a:solidFill>
                  <a:srgbClr val="2F2F2F"/>
                </a:solidFill>
                <a:cs typeface="微软雅黑"/>
              </a:rPr>
              <a:t>2</a:t>
            </a:r>
            <a:endParaRPr sz="1500">
              <a:cs typeface="微软雅黑"/>
            </a:endParaRPr>
          </a:p>
        </p:txBody>
      </p:sp>
      <p:sp>
        <p:nvSpPr>
          <p:cNvPr id="139" name="object 28">
            <a:extLst>
              <a:ext uri="{FF2B5EF4-FFF2-40B4-BE49-F238E27FC236}">
                <a16:creationId xmlns:a16="http://schemas.microsoft.com/office/drawing/2014/main" xmlns="" id="{4990C85D-441C-4E17-ACEB-7FDC4798E620}"/>
              </a:ext>
            </a:extLst>
          </p:cNvPr>
          <p:cNvSpPr txBox="1"/>
          <p:nvPr/>
        </p:nvSpPr>
        <p:spPr>
          <a:xfrm>
            <a:off x="4785439" y="3506027"/>
            <a:ext cx="1475418" cy="261610"/>
          </a:xfrm>
          <a:prstGeom prst="rect">
            <a:avLst/>
          </a:prstGeom>
          <a:solidFill>
            <a:srgbClr val="FFFFFF"/>
          </a:solidFill>
        </p:spPr>
        <p:txBody>
          <a:bodyPr vert="horz" wrap="square" lIns="0" tIns="30480" rIns="0" bIns="0" rtlCol="0">
            <a:spAutoFit/>
          </a:bodyPr>
          <a:lstStyle/>
          <a:p>
            <a:pPr marL="193675">
              <a:lnSpc>
                <a:spcPct val="100000"/>
              </a:lnSpc>
              <a:spcBef>
                <a:spcPts val="240"/>
              </a:spcBef>
            </a:pPr>
            <a:r>
              <a:rPr lang="en-US" altLang="zh-CN" sz="1500" spc="20">
                <a:solidFill>
                  <a:srgbClr val="2F2F2F"/>
                </a:solidFill>
                <a:cs typeface="微软雅黑"/>
              </a:rPr>
              <a:t>    </a:t>
            </a:r>
            <a:r>
              <a:rPr sz="1500" spc="20">
                <a:solidFill>
                  <a:srgbClr val="2F2F2F"/>
                </a:solidFill>
                <a:cs typeface="微软雅黑"/>
              </a:rPr>
              <a:t>EM</a:t>
            </a:r>
            <a:r>
              <a:rPr sz="1500" spc="-25">
                <a:solidFill>
                  <a:srgbClr val="2F2F2F"/>
                </a:solidFill>
                <a:cs typeface="微软雅黑"/>
              </a:rPr>
              <a:t> </a:t>
            </a:r>
            <a:r>
              <a:rPr sz="1500" dirty="0">
                <a:solidFill>
                  <a:srgbClr val="2F2F2F"/>
                </a:solidFill>
                <a:cs typeface="微软雅黑"/>
              </a:rPr>
              <a:t>3</a:t>
            </a:r>
            <a:endParaRPr sz="1500">
              <a:cs typeface="微软雅黑"/>
            </a:endParaRPr>
          </a:p>
        </p:txBody>
      </p:sp>
      <p:sp>
        <p:nvSpPr>
          <p:cNvPr id="140" name="object 29">
            <a:extLst>
              <a:ext uri="{FF2B5EF4-FFF2-40B4-BE49-F238E27FC236}">
                <a16:creationId xmlns:a16="http://schemas.microsoft.com/office/drawing/2014/main" xmlns="" id="{7AE5416E-CB3D-47EA-8589-BE39FA1B8546}"/>
              </a:ext>
            </a:extLst>
          </p:cNvPr>
          <p:cNvSpPr/>
          <p:nvPr/>
        </p:nvSpPr>
        <p:spPr>
          <a:xfrm>
            <a:off x="7689558" y="2630020"/>
            <a:ext cx="1475418" cy="706568"/>
          </a:xfrm>
          <a:custGeom>
            <a:avLst/>
            <a:gdLst/>
            <a:ahLst/>
            <a:cxnLst/>
            <a:rect l="l" t="t" r="r" b="b"/>
            <a:pathLst>
              <a:path w="659764" h="459740">
                <a:moveTo>
                  <a:pt x="659498" y="459460"/>
                </a:moveTo>
                <a:lnTo>
                  <a:pt x="0" y="459460"/>
                </a:lnTo>
                <a:lnTo>
                  <a:pt x="0" y="0"/>
                </a:lnTo>
                <a:lnTo>
                  <a:pt x="659498" y="0"/>
                </a:lnTo>
                <a:lnTo>
                  <a:pt x="659498" y="459460"/>
                </a:lnTo>
                <a:close/>
              </a:path>
            </a:pathLst>
          </a:custGeom>
          <a:solidFill>
            <a:srgbClr val="FFFFFF"/>
          </a:solidFill>
        </p:spPr>
        <p:txBody>
          <a:bodyPr wrap="square" lIns="0" tIns="0" rIns="0" bIns="0" rtlCol="0"/>
          <a:lstStyle/>
          <a:p>
            <a:endParaRPr sz="1500"/>
          </a:p>
        </p:txBody>
      </p:sp>
      <p:sp>
        <p:nvSpPr>
          <p:cNvPr id="141" name="object 30">
            <a:extLst>
              <a:ext uri="{FF2B5EF4-FFF2-40B4-BE49-F238E27FC236}">
                <a16:creationId xmlns:a16="http://schemas.microsoft.com/office/drawing/2014/main" xmlns="" id="{529B49B4-E370-4CE2-8EFB-4C69BBF43CA6}"/>
              </a:ext>
            </a:extLst>
          </p:cNvPr>
          <p:cNvSpPr txBox="1"/>
          <p:nvPr/>
        </p:nvSpPr>
        <p:spPr>
          <a:xfrm>
            <a:off x="8213739" y="2794344"/>
            <a:ext cx="408970" cy="461665"/>
          </a:xfrm>
          <a:prstGeom prst="rect">
            <a:avLst/>
          </a:prstGeom>
        </p:spPr>
        <p:txBody>
          <a:bodyPr vert="horz" wrap="square" lIns="0" tIns="0" rIns="0" bIns="0" rtlCol="0">
            <a:spAutoFit/>
          </a:bodyPr>
          <a:lstStyle/>
          <a:p>
            <a:pPr>
              <a:lnSpc>
                <a:spcPct val="100000"/>
              </a:lnSpc>
            </a:pPr>
            <a:r>
              <a:rPr sz="1500" spc="40" dirty="0">
                <a:solidFill>
                  <a:srgbClr val="2F2F2F"/>
                </a:solidFill>
                <a:cs typeface="微软雅黑"/>
              </a:rPr>
              <a:t>NFV</a:t>
            </a:r>
            <a:endParaRPr sz="1500">
              <a:cs typeface="微软雅黑"/>
            </a:endParaRPr>
          </a:p>
        </p:txBody>
      </p:sp>
      <p:sp>
        <p:nvSpPr>
          <p:cNvPr id="142" name="object 31">
            <a:extLst>
              <a:ext uri="{FF2B5EF4-FFF2-40B4-BE49-F238E27FC236}">
                <a16:creationId xmlns:a16="http://schemas.microsoft.com/office/drawing/2014/main" xmlns="" id="{9E68FEE6-7DD4-4FD2-9980-E9617E79DDE1}"/>
              </a:ext>
            </a:extLst>
          </p:cNvPr>
          <p:cNvSpPr txBox="1"/>
          <p:nvPr/>
        </p:nvSpPr>
        <p:spPr>
          <a:xfrm>
            <a:off x="7851947" y="2958943"/>
            <a:ext cx="1188571" cy="461665"/>
          </a:xfrm>
          <a:prstGeom prst="rect">
            <a:avLst/>
          </a:prstGeom>
        </p:spPr>
        <p:txBody>
          <a:bodyPr vert="horz" wrap="square" lIns="0" tIns="0" rIns="0" bIns="0" rtlCol="0">
            <a:spAutoFit/>
          </a:bodyPr>
          <a:lstStyle/>
          <a:p>
            <a:pPr>
              <a:lnSpc>
                <a:spcPct val="100000"/>
              </a:lnSpc>
            </a:pPr>
            <a:r>
              <a:rPr sz="1500" spc="35" dirty="0">
                <a:solidFill>
                  <a:srgbClr val="2F2F2F"/>
                </a:solidFill>
                <a:cs typeface="微软雅黑"/>
              </a:rPr>
              <a:t>Orchestrator</a:t>
            </a:r>
            <a:endParaRPr sz="1500">
              <a:cs typeface="微软雅黑"/>
            </a:endParaRPr>
          </a:p>
        </p:txBody>
      </p:sp>
      <p:sp>
        <p:nvSpPr>
          <p:cNvPr id="143" name="object 32">
            <a:extLst>
              <a:ext uri="{FF2B5EF4-FFF2-40B4-BE49-F238E27FC236}">
                <a16:creationId xmlns:a16="http://schemas.microsoft.com/office/drawing/2014/main" xmlns="" id="{622555CA-45E2-485A-908E-DC90751CD66F}"/>
              </a:ext>
            </a:extLst>
          </p:cNvPr>
          <p:cNvSpPr/>
          <p:nvPr/>
        </p:nvSpPr>
        <p:spPr>
          <a:xfrm>
            <a:off x="7689558" y="3607368"/>
            <a:ext cx="1475418" cy="706568"/>
          </a:xfrm>
          <a:custGeom>
            <a:avLst/>
            <a:gdLst/>
            <a:ahLst/>
            <a:cxnLst/>
            <a:rect l="l" t="t" r="r" b="b"/>
            <a:pathLst>
              <a:path w="659764" h="459740">
                <a:moveTo>
                  <a:pt x="659498" y="459460"/>
                </a:moveTo>
                <a:lnTo>
                  <a:pt x="0" y="459460"/>
                </a:lnTo>
                <a:lnTo>
                  <a:pt x="0" y="0"/>
                </a:lnTo>
                <a:lnTo>
                  <a:pt x="659498" y="0"/>
                </a:lnTo>
                <a:lnTo>
                  <a:pt x="659498" y="459460"/>
                </a:lnTo>
                <a:close/>
              </a:path>
            </a:pathLst>
          </a:custGeom>
          <a:solidFill>
            <a:srgbClr val="FFFFFF"/>
          </a:solidFill>
        </p:spPr>
        <p:txBody>
          <a:bodyPr wrap="square" lIns="0" tIns="0" rIns="0" bIns="0" rtlCol="0"/>
          <a:lstStyle/>
          <a:p>
            <a:endParaRPr sz="1500"/>
          </a:p>
        </p:txBody>
      </p:sp>
      <p:sp>
        <p:nvSpPr>
          <p:cNvPr id="144" name="object 33">
            <a:extLst>
              <a:ext uri="{FF2B5EF4-FFF2-40B4-BE49-F238E27FC236}">
                <a16:creationId xmlns:a16="http://schemas.microsoft.com/office/drawing/2014/main" xmlns="" id="{1BD52A71-E4D2-4463-AD73-619401A582D4}"/>
              </a:ext>
            </a:extLst>
          </p:cNvPr>
          <p:cNvSpPr txBox="1"/>
          <p:nvPr/>
        </p:nvSpPr>
        <p:spPr>
          <a:xfrm>
            <a:off x="8199133" y="3784922"/>
            <a:ext cx="437372" cy="230832"/>
          </a:xfrm>
          <a:prstGeom prst="rect">
            <a:avLst/>
          </a:prstGeom>
        </p:spPr>
        <p:txBody>
          <a:bodyPr vert="horz" wrap="square" lIns="0" tIns="0" rIns="0" bIns="0" rtlCol="0">
            <a:spAutoFit/>
          </a:bodyPr>
          <a:lstStyle/>
          <a:p>
            <a:pPr marL="12700">
              <a:lnSpc>
                <a:spcPct val="100000"/>
              </a:lnSpc>
            </a:pPr>
            <a:r>
              <a:rPr sz="1500" spc="40" dirty="0">
                <a:solidFill>
                  <a:srgbClr val="2F2F2F"/>
                </a:solidFill>
                <a:cs typeface="微软雅黑"/>
              </a:rPr>
              <a:t>VNF</a:t>
            </a:r>
            <a:endParaRPr sz="1500">
              <a:cs typeface="微软雅黑"/>
            </a:endParaRPr>
          </a:p>
        </p:txBody>
      </p:sp>
      <p:sp>
        <p:nvSpPr>
          <p:cNvPr id="145" name="object 34">
            <a:extLst>
              <a:ext uri="{FF2B5EF4-FFF2-40B4-BE49-F238E27FC236}">
                <a16:creationId xmlns:a16="http://schemas.microsoft.com/office/drawing/2014/main" xmlns="" id="{D3AAF9C3-3767-4B58-A165-47E6174C5D32}"/>
              </a:ext>
            </a:extLst>
          </p:cNvPr>
          <p:cNvSpPr txBox="1"/>
          <p:nvPr/>
        </p:nvSpPr>
        <p:spPr>
          <a:xfrm>
            <a:off x="7884824" y="3936314"/>
            <a:ext cx="1093428"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Manager(s)</a:t>
            </a:r>
            <a:endParaRPr sz="1500">
              <a:cs typeface="微软雅黑"/>
            </a:endParaRPr>
          </a:p>
        </p:txBody>
      </p:sp>
      <p:sp>
        <p:nvSpPr>
          <p:cNvPr id="146" name="object 35">
            <a:extLst>
              <a:ext uri="{FF2B5EF4-FFF2-40B4-BE49-F238E27FC236}">
                <a16:creationId xmlns:a16="http://schemas.microsoft.com/office/drawing/2014/main" xmlns="" id="{F16CB431-C388-4D1A-AC22-204852F61D49}"/>
              </a:ext>
            </a:extLst>
          </p:cNvPr>
          <p:cNvSpPr/>
          <p:nvPr/>
        </p:nvSpPr>
        <p:spPr>
          <a:xfrm>
            <a:off x="7689558" y="4757122"/>
            <a:ext cx="1475418" cy="706568"/>
          </a:xfrm>
          <a:custGeom>
            <a:avLst/>
            <a:gdLst/>
            <a:ahLst/>
            <a:cxnLst/>
            <a:rect l="l" t="t" r="r" b="b"/>
            <a:pathLst>
              <a:path w="659764" h="459740">
                <a:moveTo>
                  <a:pt x="659498" y="459460"/>
                </a:moveTo>
                <a:lnTo>
                  <a:pt x="0" y="459460"/>
                </a:lnTo>
                <a:lnTo>
                  <a:pt x="0" y="0"/>
                </a:lnTo>
                <a:lnTo>
                  <a:pt x="659498" y="0"/>
                </a:lnTo>
                <a:lnTo>
                  <a:pt x="659498" y="459460"/>
                </a:lnTo>
                <a:close/>
              </a:path>
            </a:pathLst>
          </a:custGeom>
          <a:solidFill>
            <a:srgbClr val="FFFFFF"/>
          </a:solidFill>
        </p:spPr>
        <p:txBody>
          <a:bodyPr wrap="square" lIns="0" tIns="0" rIns="0" bIns="0" rtlCol="0"/>
          <a:lstStyle/>
          <a:p>
            <a:endParaRPr sz="1500"/>
          </a:p>
        </p:txBody>
      </p:sp>
      <p:sp>
        <p:nvSpPr>
          <p:cNvPr id="147" name="object 36">
            <a:extLst>
              <a:ext uri="{FF2B5EF4-FFF2-40B4-BE49-F238E27FC236}">
                <a16:creationId xmlns:a16="http://schemas.microsoft.com/office/drawing/2014/main" xmlns="" id="{0F2D870C-2D4E-4E00-87BF-F94991A55034}"/>
              </a:ext>
            </a:extLst>
          </p:cNvPr>
          <p:cNvSpPr txBox="1"/>
          <p:nvPr/>
        </p:nvSpPr>
        <p:spPr>
          <a:xfrm>
            <a:off x="7905889" y="4828174"/>
            <a:ext cx="1052245"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Virtualized</a:t>
            </a:r>
            <a:endParaRPr sz="1500">
              <a:cs typeface="微软雅黑"/>
            </a:endParaRPr>
          </a:p>
        </p:txBody>
      </p:sp>
      <p:sp>
        <p:nvSpPr>
          <p:cNvPr id="148" name="object 37">
            <a:extLst>
              <a:ext uri="{FF2B5EF4-FFF2-40B4-BE49-F238E27FC236}">
                <a16:creationId xmlns:a16="http://schemas.microsoft.com/office/drawing/2014/main" xmlns="" id="{CDB87C40-613E-4DED-9867-79DC4B252ABA}"/>
              </a:ext>
            </a:extLst>
          </p:cNvPr>
          <p:cNvSpPr txBox="1"/>
          <p:nvPr/>
        </p:nvSpPr>
        <p:spPr>
          <a:xfrm>
            <a:off x="7777027" y="5045604"/>
            <a:ext cx="1300754" cy="461665"/>
          </a:xfrm>
          <a:prstGeom prst="rect">
            <a:avLst/>
          </a:prstGeom>
        </p:spPr>
        <p:txBody>
          <a:bodyPr vert="horz" wrap="square" lIns="0" tIns="0" rIns="0" bIns="0" rtlCol="0">
            <a:spAutoFit/>
          </a:bodyPr>
          <a:lstStyle/>
          <a:p>
            <a:pPr marL="12700">
              <a:lnSpc>
                <a:spcPct val="100000"/>
              </a:lnSpc>
            </a:pPr>
            <a:r>
              <a:rPr sz="1500" spc="30" dirty="0">
                <a:solidFill>
                  <a:srgbClr val="2F2F2F"/>
                </a:solidFill>
                <a:cs typeface="微软雅黑"/>
              </a:rPr>
              <a:t>Infrastructure</a:t>
            </a:r>
            <a:endParaRPr sz="1500">
              <a:cs typeface="微软雅黑"/>
            </a:endParaRPr>
          </a:p>
        </p:txBody>
      </p:sp>
      <p:sp>
        <p:nvSpPr>
          <p:cNvPr id="149" name="object 38">
            <a:extLst>
              <a:ext uri="{FF2B5EF4-FFF2-40B4-BE49-F238E27FC236}">
                <a16:creationId xmlns:a16="http://schemas.microsoft.com/office/drawing/2014/main" xmlns="" id="{14EDFD18-8C53-49F7-B6BE-CD7406411A80}"/>
              </a:ext>
            </a:extLst>
          </p:cNvPr>
          <p:cNvSpPr txBox="1"/>
          <p:nvPr/>
        </p:nvSpPr>
        <p:spPr>
          <a:xfrm>
            <a:off x="7929435" y="5262981"/>
            <a:ext cx="1093428"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Manager(s)</a:t>
            </a:r>
            <a:endParaRPr sz="1500">
              <a:cs typeface="微软雅黑"/>
            </a:endParaRPr>
          </a:p>
        </p:txBody>
      </p:sp>
      <p:sp>
        <p:nvSpPr>
          <p:cNvPr id="150" name="object 39">
            <a:extLst>
              <a:ext uri="{FF2B5EF4-FFF2-40B4-BE49-F238E27FC236}">
                <a16:creationId xmlns:a16="http://schemas.microsoft.com/office/drawing/2014/main" xmlns="" id="{682A0A20-F1DC-4B18-995E-334C69773457}"/>
              </a:ext>
            </a:extLst>
          </p:cNvPr>
          <p:cNvSpPr/>
          <p:nvPr/>
        </p:nvSpPr>
        <p:spPr>
          <a:xfrm>
            <a:off x="1401491" y="4865138"/>
            <a:ext cx="1456958" cy="356116"/>
          </a:xfrm>
          <a:custGeom>
            <a:avLst/>
            <a:gdLst/>
            <a:ahLst/>
            <a:cxnLst/>
            <a:rect l="l" t="t" r="r" b="b"/>
            <a:pathLst>
              <a:path w="651510" h="194309">
                <a:moveTo>
                  <a:pt x="651065" y="193967"/>
                </a:moveTo>
                <a:lnTo>
                  <a:pt x="0" y="193967"/>
                </a:lnTo>
                <a:lnTo>
                  <a:pt x="0" y="0"/>
                </a:lnTo>
                <a:lnTo>
                  <a:pt x="651065" y="0"/>
                </a:lnTo>
                <a:lnTo>
                  <a:pt x="651065" y="193967"/>
                </a:lnTo>
                <a:close/>
              </a:path>
            </a:pathLst>
          </a:custGeom>
          <a:solidFill>
            <a:srgbClr val="FFFFFF"/>
          </a:solidFill>
        </p:spPr>
        <p:txBody>
          <a:bodyPr wrap="square" lIns="0" tIns="0" rIns="0" bIns="0" rtlCol="0"/>
          <a:lstStyle/>
          <a:p>
            <a:endParaRPr sz="1500"/>
          </a:p>
        </p:txBody>
      </p:sp>
      <p:sp>
        <p:nvSpPr>
          <p:cNvPr id="151" name="object 40">
            <a:extLst>
              <a:ext uri="{FF2B5EF4-FFF2-40B4-BE49-F238E27FC236}">
                <a16:creationId xmlns:a16="http://schemas.microsoft.com/office/drawing/2014/main" xmlns="" id="{2AC6DA5E-BCFC-4FAB-96A3-1753D4E98943}"/>
              </a:ext>
            </a:extLst>
          </p:cNvPr>
          <p:cNvSpPr txBox="1"/>
          <p:nvPr/>
        </p:nvSpPr>
        <p:spPr>
          <a:xfrm>
            <a:off x="1802626" y="4837261"/>
            <a:ext cx="644697" cy="461665"/>
          </a:xfrm>
          <a:prstGeom prst="rect">
            <a:avLst/>
          </a:prstGeom>
        </p:spPr>
        <p:txBody>
          <a:bodyPr vert="horz" wrap="square" lIns="0" tIns="0" rIns="0" bIns="0" rtlCol="0">
            <a:spAutoFit/>
          </a:bodyPr>
          <a:lstStyle/>
          <a:p>
            <a:pPr>
              <a:lnSpc>
                <a:spcPct val="100000"/>
              </a:lnSpc>
            </a:pPr>
            <a:r>
              <a:rPr sz="1500" spc="35" dirty="0">
                <a:solidFill>
                  <a:srgbClr val="2F2F2F"/>
                </a:solidFill>
                <a:cs typeface="微软雅黑"/>
              </a:rPr>
              <a:t>Vi</a:t>
            </a:r>
            <a:r>
              <a:rPr sz="1500" spc="55" dirty="0">
                <a:solidFill>
                  <a:srgbClr val="2F2F2F"/>
                </a:solidFill>
                <a:cs typeface="微软雅黑"/>
              </a:rPr>
              <a:t>r</a:t>
            </a:r>
            <a:r>
              <a:rPr sz="1500" spc="35" dirty="0">
                <a:solidFill>
                  <a:srgbClr val="2F2F2F"/>
                </a:solidFill>
                <a:cs typeface="微软雅黑"/>
              </a:rPr>
              <a:t>tual</a:t>
            </a:r>
            <a:endParaRPr sz="1500">
              <a:cs typeface="微软雅黑"/>
            </a:endParaRPr>
          </a:p>
        </p:txBody>
      </p:sp>
      <p:sp>
        <p:nvSpPr>
          <p:cNvPr id="152" name="object 41">
            <a:extLst>
              <a:ext uri="{FF2B5EF4-FFF2-40B4-BE49-F238E27FC236}">
                <a16:creationId xmlns:a16="http://schemas.microsoft.com/office/drawing/2014/main" xmlns="" id="{E5AB2013-8F46-4BBC-972A-97FC50A365C8}"/>
              </a:ext>
            </a:extLst>
          </p:cNvPr>
          <p:cNvSpPr txBox="1"/>
          <p:nvPr/>
        </p:nvSpPr>
        <p:spPr>
          <a:xfrm>
            <a:off x="1598831" y="5004146"/>
            <a:ext cx="1052245" cy="461665"/>
          </a:xfrm>
          <a:prstGeom prst="rect">
            <a:avLst/>
          </a:prstGeom>
        </p:spPr>
        <p:txBody>
          <a:bodyPr vert="horz" wrap="square" lIns="0" tIns="0" rIns="0" bIns="0" rtlCol="0">
            <a:spAutoFit/>
          </a:bodyPr>
          <a:lstStyle/>
          <a:p>
            <a:pPr>
              <a:lnSpc>
                <a:spcPct val="100000"/>
              </a:lnSpc>
            </a:pPr>
            <a:r>
              <a:rPr sz="1500" spc="40" dirty="0">
                <a:solidFill>
                  <a:srgbClr val="2F2F2F"/>
                </a:solidFill>
                <a:cs typeface="微软雅黑"/>
              </a:rPr>
              <a:t>Computing</a:t>
            </a:r>
            <a:endParaRPr sz="1500">
              <a:cs typeface="微软雅黑"/>
            </a:endParaRPr>
          </a:p>
        </p:txBody>
      </p:sp>
      <p:sp>
        <p:nvSpPr>
          <p:cNvPr id="153" name="object 42">
            <a:extLst>
              <a:ext uri="{FF2B5EF4-FFF2-40B4-BE49-F238E27FC236}">
                <a16:creationId xmlns:a16="http://schemas.microsoft.com/office/drawing/2014/main" xmlns="" id="{CD7B5392-1AC6-49F7-936D-B24A63DD2425}"/>
              </a:ext>
            </a:extLst>
          </p:cNvPr>
          <p:cNvSpPr/>
          <p:nvPr/>
        </p:nvSpPr>
        <p:spPr>
          <a:xfrm>
            <a:off x="3084037" y="4865138"/>
            <a:ext cx="1475418" cy="356116"/>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500"/>
          </a:p>
        </p:txBody>
      </p:sp>
      <p:sp>
        <p:nvSpPr>
          <p:cNvPr id="154" name="object 43">
            <a:extLst>
              <a:ext uri="{FF2B5EF4-FFF2-40B4-BE49-F238E27FC236}">
                <a16:creationId xmlns:a16="http://schemas.microsoft.com/office/drawing/2014/main" xmlns="" id="{CB203A22-6F68-4DB1-9AF1-7CE04921D703}"/>
              </a:ext>
            </a:extLst>
          </p:cNvPr>
          <p:cNvSpPr txBox="1"/>
          <p:nvPr/>
        </p:nvSpPr>
        <p:spPr>
          <a:xfrm>
            <a:off x="3465901" y="4837240"/>
            <a:ext cx="673098"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Vi</a:t>
            </a:r>
            <a:r>
              <a:rPr sz="1500" spc="55" dirty="0">
                <a:solidFill>
                  <a:srgbClr val="2F2F2F"/>
                </a:solidFill>
                <a:cs typeface="微软雅黑"/>
              </a:rPr>
              <a:t>r</a:t>
            </a:r>
            <a:r>
              <a:rPr sz="1500" spc="35" dirty="0">
                <a:solidFill>
                  <a:srgbClr val="2F2F2F"/>
                </a:solidFill>
                <a:cs typeface="微软雅黑"/>
              </a:rPr>
              <a:t>tual</a:t>
            </a:r>
            <a:endParaRPr sz="1500">
              <a:cs typeface="微软雅黑"/>
            </a:endParaRPr>
          </a:p>
        </p:txBody>
      </p:sp>
      <p:sp>
        <p:nvSpPr>
          <p:cNvPr id="155" name="object 44">
            <a:extLst>
              <a:ext uri="{FF2B5EF4-FFF2-40B4-BE49-F238E27FC236}">
                <a16:creationId xmlns:a16="http://schemas.microsoft.com/office/drawing/2014/main" xmlns="" id="{E7582464-9244-4D16-B189-2365C0192D6B}"/>
              </a:ext>
            </a:extLst>
          </p:cNvPr>
          <p:cNvSpPr txBox="1"/>
          <p:nvPr/>
        </p:nvSpPr>
        <p:spPr>
          <a:xfrm>
            <a:off x="3420205" y="5004124"/>
            <a:ext cx="763979" cy="461665"/>
          </a:xfrm>
          <a:prstGeom prst="rect">
            <a:avLst/>
          </a:prstGeom>
        </p:spPr>
        <p:txBody>
          <a:bodyPr vert="horz" wrap="square" lIns="0" tIns="0" rIns="0" bIns="0" rtlCol="0">
            <a:spAutoFit/>
          </a:bodyPr>
          <a:lstStyle/>
          <a:p>
            <a:pPr marL="12700">
              <a:lnSpc>
                <a:spcPct val="100000"/>
              </a:lnSpc>
            </a:pPr>
            <a:r>
              <a:rPr sz="1500" spc="30" dirty="0">
                <a:solidFill>
                  <a:srgbClr val="2F2F2F"/>
                </a:solidFill>
                <a:cs typeface="微软雅黑"/>
              </a:rPr>
              <a:t>Storage</a:t>
            </a:r>
            <a:endParaRPr sz="1500">
              <a:cs typeface="微软雅黑"/>
            </a:endParaRPr>
          </a:p>
        </p:txBody>
      </p:sp>
      <p:sp>
        <p:nvSpPr>
          <p:cNvPr id="156" name="object 45">
            <a:extLst>
              <a:ext uri="{FF2B5EF4-FFF2-40B4-BE49-F238E27FC236}">
                <a16:creationId xmlns:a16="http://schemas.microsoft.com/office/drawing/2014/main" xmlns="" id="{4B711F71-8481-4B38-A3DB-6DD205B13CFD}"/>
              </a:ext>
            </a:extLst>
          </p:cNvPr>
          <p:cNvSpPr/>
          <p:nvPr/>
        </p:nvSpPr>
        <p:spPr>
          <a:xfrm>
            <a:off x="4785439" y="4852438"/>
            <a:ext cx="1475418" cy="356116"/>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500"/>
          </a:p>
        </p:txBody>
      </p:sp>
      <p:sp>
        <p:nvSpPr>
          <p:cNvPr id="157" name="object 46">
            <a:extLst>
              <a:ext uri="{FF2B5EF4-FFF2-40B4-BE49-F238E27FC236}">
                <a16:creationId xmlns:a16="http://schemas.microsoft.com/office/drawing/2014/main" xmlns="" id="{A4876959-9B28-4F4C-8D70-592BC72826B1}"/>
              </a:ext>
            </a:extLst>
          </p:cNvPr>
          <p:cNvSpPr txBox="1"/>
          <p:nvPr/>
        </p:nvSpPr>
        <p:spPr>
          <a:xfrm>
            <a:off x="5167311" y="4849940"/>
            <a:ext cx="673098"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Vi</a:t>
            </a:r>
            <a:r>
              <a:rPr sz="1500" spc="55" dirty="0">
                <a:solidFill>
                  <a:srgbClr val="2F2F2F"/>
                </a:solidFill>
                <a:cs typeface="微软雅黑"/>
              </a:rPr>
              <a:t>r</a:t>
            </a:r>
            <a:r>
              <a:rPr sz="1500" spc="35" dirty="0">
                <a:solidFill>
                  <a:srgbClr val="2F2F2F"/>
                </a:solidFill>
                <a:cs typeface="微软雅黑"/>
              </a:rPr>
              <a:t>tual</a:t>
            </a:r>
            <a:endParaRPr sz="1500">
              <a:cs typeface="微软雅黑"/>
            </a:endParaRPr>
          </a:p>
        </p:txBody>
      </p:sp>
      <p:sp>
        <p:nvSpPr>
          <p:cNvPr id="158" name="object 47">
            <a:extLst>
              <a:ext uri="{FF2B5EF4-FFF2-40B4-BE49-F238E27FC236}">
                <a16:creationId xmlns:a16="http://schemas.microsoft.com/office/drawing/2014/main" xmlns="" id="{6E7E381D-6D17-4FD9-A8ED-E03E2B2BE1F5}"/>
              </a:ext>
            </a:extLst>
          </p:cNvPr>
          <p:cNvSpPr txBox="1"/>
          <p:nvPr/>
        </p:nvSpPr>
        <p:spPr>
          <a:xfrm>
            <a:off x="5085197" y="5014030"/>
            <a:ext cx="836402"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Network</a:t>
            </a:r>
            <a:endParaRPr sz="1500">
              <a:cs typeface="微软雅黑"/>
            </a:endParaRPr>
          </a:p>
        </p:txBody>
      </p:sp>
      <p:sp>
        <p:nvSpPr>
          <p:cNvPr id="159" name="object 48">
            <a:extLst>
              <a:ext uri="{FF2B5EF4-FFF2-40B4-BE49-F238E27FC236}">
                <a16:creationId xmlns:a16="http://schemas.microsoft.com/office/drawing/2014/main" xmlns="" id="{1BD28F4C-E9EF-4DE2-ADE1-BC9F1FE5B917}"/>
              </a:ext>
            </a:extLst>
          </p:cNvPr>
          <p:cNvSpPr/>
          <p:nvPr/>
        </p:nvSpPr>
        <p:spPr>
          <a:xfrm>
            <a:off x="3093750" y="3930633"/>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500"/>
          </a:p>
        </p:txBody>
      </p:sp>
      <p:sp>
        <p:nvSpPr>
          <p:cNvPr id="160" name="object 49">
            <a:extLst>
              <a:ext uri="{FF2B5EF4-FFF2-40B4-BE49-F238E27FC236}">
                <a16:creationId xmlns:a16="http://schemas.microsoft.com/office/drawing/2014/main" xmlns="" id="{0098BD1E-F349-41F9-A40C-0B431BB228E1}"/>
              </a:ext>
            </a:extLst>
          </p:cNvPr>
          <p:cNvSpPr txBox="1"/>
          <p:nvPr/>
        </p:nvSpPr>
        <p:spPr>
          <a:xfrm>
            <a:off x="3465042" y="3977627"/>
            <a:ext cx="721379" cy="230832"/>
          </a:xfrm>
          <a:prstGeom prst="rect">
            <a:avLst/>
          </a:prstGeom>
        </p:spPr>
        <p:txBody>
          <a:bodyPr vert="horz" wrap="square" lIns="0" tIns="0" rIns="0" bIns="0" rtlCol="0">
            <a:spAutoFit/>
          </a:bodyPr>
          <a:lstStyle/>
          <a:p>
            <a:pPr marL="12700">
              <a:lnSpc>
                <a:spcPct val="100000"/>
              </a:lnSpc>
            </a:pPr>
            <a:r>
              <a:rPr sz="1500" spc="25" dirty="0">
                <a:solidFill>
                  <a:srgbClr val="2F2F2F"/>
                </a:solidFill>
                <a:cs typeface="微软雅黑"/>
              </a:rPr>
              <a:t>VNF</a:t>
            </a:r>
            <a:r>
              <a:rPr sz="1500" spc="-20" dirty="0">
                <a:solidFill>
                  <a:srgbClr val="2F2F2F"/>
                </a:solidFill>
                <a:cs typeface="微软雅黑"/>
              </a:rPr>
              <a:t> </a:t>
            </a:r>
            <a:r>
              <a:rPr sz="1500" dirty="0">
                <a:solidFill>
                  <a:srgbClr val="2F2F2F"/>
                </a:solidFill>
                <a:cs typeface="微软雅黑"/>
              </a:rPr>
              <a:t>2</a:t>
            </a:r>
            <a:endParaRPr sz="1500">
              <a:cs typeface="微软雅黑"/>
            </a:endParaRPr>
          </a:p>
        </p:txBody>
      </p:sp>
      <p:sp>
        <p:nvSpPr>
          <p:cNvPr id="161" name="object 50">
            <a:extLst>
              <a:ext uri="{FF2B5EF4-FFF2-40B4-BE49-F238E27FC236}">
                <a16:creationId xmlns:a16="http://schemas.microsoft.com/office/drawing/2014/main" xmlns="" id="{6980ECD8-1E53-4D9B-851A-51171558444A}"/>
              </a:ext>
            </a:extLst>
          </p:cNvPr>
          <p:cNvSpPr/>
          <p:nvPr/>
        </p:nvSpPr>
        <p:spPr>
          <a:xfrm>
            <a:off x="1402032" y="3930633"/>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500"/>
          </a:p>
        </p:txBody>
      </p:sp>
      <p:sp>
        <p:nvSpPr>
          <p:cNvPr id="162" name="object 51">
            <a:extLst>
              <a:ext uri="{FF2B5EF4-FFF2-40B4-BE49-F238E27FC236}">
                <a16:creationId xmlns:a16="http://schemas.microsoft.com/office/drawing/2014/main" xmlns="" id="{D2F7E1FB-979E-43D2-ABCD-881B5ADC2CC9}"/>
              </a:ext>
            </a:extLst>
          </p:cNvPr>
          <p:cNvSpPr/>
          <p:nvPr/>
        </p:nvSpPr>
        <p:spPr>
          <a:xfrm>
            <a:off x="1161505" y="5510301"/>
            <a:ext cx="5258396" cy="536758"/>
          </a:xfrm>
          <a:custGeom>
            <a:avLst/>
            <a:gdLst/>
            <a:ahLst/>
            <a:cxnLst/>
            <a:rect l="l" t="t" r="r" b="b"/>
            <a:pathLst>
              <a:path w="2351404" h="349250">
                <a:moveTo>
                  <a:pt x="2351062" y="348665"/>
                </a:moveTo>
                <a:lnTo>
                  <a:pt x="0" y="348665"/>
                </a:lnTo>
                <a:lnTo>
                  <a:pt x="0" y="0"/>
                </a:lnTo>
                <a:lnTo>
                  <a:pt x="2351062" y="0"/>
                </a:lnTo>
                <a:lnTo>
                  <a:pt x="2351062" y="348665"/>
                </a:lnTo>
                <a:close/>
              </a:path>
            </a:pathLst>
          </a:custGeom>
          <a:solidFill>
            <a:srgbClr val="B5DCE1"/>
          </a:solidFill>
        </p:spPr>
        <p:txBody>
          <a:bodyPr wrap="square" lIns="0" tIns="0" rIns="0" bIns="0" rtlCol="0"/>
          <a:lstStyle/>
          <a:p>
            <a:endParaRPr sz="1500"/>
          </a:p>
        </p:txBody>
      </p:sp>
      <p:sp>
        <p:nvSpPr>
          <p:cNvPr id="163" name="object 52">
            <a:extLst>
              <a:ext uri="{FF2B5EF4-FFF2-40B4-BE49-F238E27FC236}">
                <a16:creationId xmlns:a16="http://schemas.microsoft.com/office/drawing/2014/main" xmlns="" id="{DFCC37E7-06DB-42EA-B277-BDCC2F8ADB0E}"/>
              </a:ext>
            </a:extLst>
          </p:cNvPr>
          <p:cNvSpPr/>
          <p:nvPr/>
        </p:nvSpPr>
        <p:spPr>
          <a:xfrm>
            <a:off x="1161505" y="5510301"/>
            <a:ext cx="5258396" cy="536758"/>
          </a:xfrm>
          <a:custGeom>
            <a:avLst/>
            <a:gdLst/>
            <a:ahLst/>
            <a:cxnLst/>
            <a:rect l="l" t="t" r="r" b="b"/>
            <a:pathLst>
              <a:path w="2351404" h="349250">
                <a:moveTo>
                  <a:pt x="2351062" y="348665"/>
                </a:moveTo>
                <a:lnTo>
                  <a:pt x="0" y="348665"/>
                </a:lnTo>
                <a:lnTo>
                  <a:pt x="0" y="0"/>
                </a:lnTo>
                <a:lnTo>
                  <a:pt x="2351062" y="0"/>
                </a:lnTo>
                <a:lnTo>
                  <a:pt x="2351062" y="348665"/>
                </a:lnTo>
                <a:close/>
              </a:path>
            </a:pathLst>
          </a:custGeom>
          <a:ln w="7200">
            <a:solidFill>
              <a:srgbClr val="FFFFFF"/>
            </a:solidFill>
          </a:ln>
        </p:spPr>
        <p:txBody>
          <a:bodyPr wrap="square" lIns="0" tIns="0" rIns="0" bIns="0" rtlCol="0"/>
          <a:lstStyle/>
          <a:p>
            <a:endParaRPr sz="1500"/>
          </a:p>
        </p:txBody>
      </p:sp>
      <p:sp>
        <p:nvSpPr>
          <p:cNvPr id="164" name="object 53">
            <a:extLst>
              <a:ext uri="{FF2B5EF4-FFF2-40B4-BE49-F238E27FC236}">
                <a16:creationId xmlns:a16="http://schemas.microsoft.com/office/drawing/2014/main" xmlns="" id="{4B6C7450-2338-4B14-B3D3-2C455994F7F5}"/>
              </a:ext>
            </a:extLst>
          </p:cNvPr>
          <p:cNvSpPr txBox="1"/>
          <p:nvPr/>
        </p:nvSpPr>
        <p:spPr>
          <a:xfrm>
            <a:off x="1773297" y="3977627"/>
            <a:ext cx="721379" cy="230832"/>
          </a:xfrm>
          <a:prstGeom prst="rect">
            <a:avLst/>
          </a:prstGeom>
        </p:spPr>
        <p:txBody>
          <a:bodyPr vert="horz" wrap="square" lIns="0" tIns="0" rIns="0" bIns="0" rtlCol="0">
            <a:spAutoFit/>
          </a:bodyPr>
          <a:lstStyle/>
          <a:p>
            <a:pPr marL="12700">
              <a:lnSpc>
                <a:spcPct val="100000"/>
              </a:lnSpc>
            </a:pPr>
            <a:r>
              <a:rPr sz="1500" spc="25" dirty="0">
                <a:solidFill>
                  <a:srgbClr val="2F2F2F"/>
                </a:solidFill>
                <a:cs typeface="微软雅黑"/>
              </a:rPr>
              <a:t>VNF</a:t>
            </a:r>
            <a:r>
              <a:rPr sz="1500" spc="-20" dirty="0">
                <a:solidFill>
                  <a:srgbClr val="2F2F2F"/>
                </a:solidFill>
                <a:cs typeface="微软雅黑"/>
              </a:rPr>
              <a:t> </a:t>
            </a:r>
            <a:r>
              <a:rPr sz="1500" dirty="0">
                <a:solidFill>
                  <a:srgbClr val="2F2F2F"/>
                </a:solidFill>
                <a:cs typeface="微软雅黑"/>
              </a:rPr>
              <a:t>1</a:t>
            </a:r>
            <a:endParaRPr sz="1500">
              <a:cs typeface="微软雅黑"/>
            </a:endParaRPr>
          </a:p>
        </p:txBody>
      </p:sp>
      <p:sp>
        <p:nvSpPr>
          <p:cNvPr id="165" name="object 54">
            <a:extLst>
              <a:ext uri="{FF2B5EF4-FFF2-40B4-BE49-F238E27FC236}">
                <a16:creationId xmlns:a16="http://schemas.microsoft.com/office/drawing/2014/main" xmlns="" id="{102F12FE-F21B-442C-84FB-64A842A102A5}"/>
              </a:ext>
            </a:extLst>
          </p:cNvPr>
          <p:cNvSpPr/>
          <p:nvPr/>
        </p:nvSpPr>
        <p:spPr>
          <a:xfrm>
            <a:off x="4785439" y="3930633"/>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500"/>
          </a:p>
        </p:txBody>
      </p:sp>
      <p:sp>
        <p:nvSpPr>
          <p:cNvPr id="166" name="object 55">
            <a:extLst>
              <a:ext uri="{FF2B5EF4-FFF2-40B4-BE49-F238E27FC236}">
                <a16:creationId xmlns:a16="http://schemas.microsoft.com/office/drawing/2014/main" xmlns="" id="{72189E0E-2D55-4B61-85E5-939F962DFA86}"/>
              </a:ext>
            </a:extLst>
          </p:cNvPr>
          <p:cNvSpPr txBox="1"/>
          <p:nvPr/>
        </p:nvSpPr>
        <p:spPr>
          <a:xfrm>
            <a:off x="5156730" y="3977627"/>
            <a:ext cx="721379" cy="230832"/>
          </a:xfrm>
          <a:prstGeom prst="rect">
            <a:avLst/>
          </a:prstGeom>
        </p:spPr>
        <p:txBody>
          <a:bodyPr vert="horz" wrap="square" lIns="0" tIns="0" rIns="0" bIns="0" rtlCol="0">
            <a:spAutoFit/>
          </a:bodyPr>
          <a:lstStyle/>
          <a:p>
            <a:pPr marL="12700">
              <a:lnSpc>
                <a:spcPct val="100000"/>
              </a:lnSpc>
            </a:pPr>
            <a:r>
              <a:rPr sz="1500" spc="25" dirty="0">
                <a:solidFill>
                  <a:srgbClr val="2F2F2F"/>
                </a:solidFill>
                <a:cs typeface="微软雅黑"/>
              </a:rPr>
              <a:t>VNF</a:t>
            </a:r>
            <a:r>
              <a:rPr sz="1500" spc="-20" dirty="0">
                <a:solidFill>
                  <a:srgbClr val="2F2F2F"/>
                </a:solidFill>
                <a:cs typeface="微软雅黑"/>
              </a:rPr>
              <a:t> </a:t>
            </a:r>
            <a:r>
              <a:rPr sz="1500" dirty="0">
                <a:solidFill>
                  <a:srgbClr val="2F2F2F"/>
                </a:solidFill>
                <a:cs typeface="微软雅黑"/>
              </a:rPr>
              <a:t>3</a:t>
            </a:r>
            <a:endParaRPr sz="1500">
              <a:cs typeface="微软雅黑"/>
            </a:endParaRPr>
          </a:p>
        </p:txBody>
      </p:sp>
      <p:sp>
        <p:nvSpPr>
          <p:cNvPr id="167" name="object 56">
            <a:extLst>
              <a:ext uri="{FF2B5EF4-FFF2-40B4-BE49-F238E27FC236}">
                <a16:creationId xmlns:a16="http://schemas.microsoft.com/office/drawing/2014/main" xmlns="" id="{5280AFB2-9651-45A6-9985-D6BF45EC7FCF}"/>
              </a:ext>
            </a:extLst>
          </p:cNvPr>
          <p:cNvSpPr/>
          <p:nvPr/>
        </p:nvSpPr>
        <p:spPr>
          <a:xfrm>
            <a:off x="1161505" y="4681703"/>
            <a:ext cx="5258396" cy="629902"/>
          </a:xfrm>
          <a:custGeom>
            <a:avLst/>
            <a:gdLst/>
            <a:ahLst/>
            <a:cxnLst/>
            <a:rect l="l" t="t" r="r" b="b"/>
            <a:pathLst>
              <a:path w="2351404" h="371475">
                <a:moveTo>
                  <a:pt x="2351062" y="371297"/>
                </a:moveTo>
                <a:lnTo>
                  <a:pt x="0" y="371297"/>
                </a:lnTo>
                <a:lnTo>
                  <a:pt x="0" y="0"/>
                </a:lnTo>
                <a:lnTo>
                  <a:pt x="2351062" y="0"/>
                </a:lnTo>
                <a:lnTo>
                  <a:pt x="2351062" y="371297"/>
                </a:lnTo>
                <a:close/>
              </a:path>
            </a:pathLst>
          </a:custGeom>
          <a:ln w="7200">
            <a:solidFill>
              <a:srgbClr val="FFFFFF"/>
            </a:solidFill>
          </a:ln>
        </p:spPr>
        <p:txBody>
          <a:bodyPr wrap="square" lIns="0" tIns="0" rIns="0" bIns="0" rtlCol="0"/>
          <a:lstStyle/>
          <a:p>
            <a:endParaRPr sz="1500"/>
          </a:p>
        </p:txBody>
      </p:sp>
      <p:sp>
        <p:nvSpPr>
          <p:cNvPr id="168" name="object 57">
            <a:extLst>
              <a:ext uri="{FF2B5EF4-FFF2-40B4-BE49-F238E27FC236}">
                <a16:creationId xmlns:a16="http://schemas.microsoft.com/office/drawing/2014/main" xmlns="" id="{6748A410-8314-4548-B3CA-AFC540BF667E}"/>
              </a:ext>
            </a:extLst>
          </p:cNvPr>
          <p:cNvSpPr/>
          <p:nvPr/>
        </p:nvSpPr>
        <p:spPr>
          <a:xfrm>
            <a:off x="1401491" y="5703750"/>
            <a:ext cx="1456958" cy="298633"/>
          </a:xfrm>
          <a:custGeom>
            <a:avLst/>
            <a:gdLst/>
            <a:ahLst/>
            <a:cxnLst/>
            <a:rect l="l" t="t" r="r" b="b"/>
            <a:pathLst>
              <a:path w="651510" h="194309">
                <a:moveTo>
                  <a:pt x="651065" y="193967"/>
                </a:moveTo>
                <a:lnTo>
                  <a:pt x="0" y="193967"/>
                </a:lnTo>
                <a:lnTo>
                  <a:pt x="0" y="0"/>
                </a:lnTo>
                <a:lnTo>
                  <a:pt x="651065" y="0"/>
                </a:lnTo>
                <a:lnTo>
                  <a:pt x="651065" y="193967"/>
                </a:lnTo>
                <a:close/>
              </a:path>
            </a:pathLst>
          </a:custGeom>
          <a:solidFill>
            <a:srgbClr val="FFFFFF"/>
          </a:solidFill>
        </p:spPr>
        <p:txBody>
          <a:bodyPr wrap="square" lIns="0" tIns="0" rIns="0" bIns="0" rtlCol="0"/>
          <a:lstStyle/>
          <a:p>
            <a:endParaRPr sz="1500"/>
          </a:p>
        </p:txBody>
      </p:sp>
      <p:sp>
        <p:nvSpPr>
          <p:cNvPr id="169" name="object 58">
            <a:extLst>
              <a:ext uri="{FF2B5EF4-FFF2-40B4-BE49-F238E27FC236}">
                <a16:creationId xmlns:a16="http://schemas.microsoft.com/office/drawing/2014/main" xmlns="" id="{5B8A6490-7EFE-415A-940F-9DC8DA4A2A8F}"/>
              </a:ext>
            </a:extLst>
          </p:cNvPr>
          <p:cNvSpPr/>
          <p:nvPr/>
        </p:nvSpPr>
        <p:spPr>
          <a:xfrm>
            <a:off x="3084037" y="5703750"/>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500"/>
          </a:p>
        </p:txBody>
      </p:sp>
      <p:sp>
        <p:nvSpPr>
          <p:cNvPr id="170" name="object 59">
            <a:extLst>
              <a:ext uri="{FF2B5EF4-FFF2-40B4-BE49-F238E27FC236}">
                <a16:creationId xmlns:a16="http://schemas.microsoft.com/office/drawing/2014/main" xmlns="" id="{6852F881-8B06-4619-84A0-05A2F8333562}"/>
              </a:ext>
            </a:extLst>
          </p:cNvPr>
          <p:cNvSpPr/>
          <p:nvPr/>
        </p:nvSpPr>
        <p:spPr>
          <a:xfrm>
            <a:off x="4785439" y="5703750"/>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500"/>
          </a:p>
        </p:txBody>
      </p:sp>
      <p:sp>
        <p:nvSpPr>
          <p:cNvPr id="171" name="object 60">
            <a:extLst>
              <a:ext uri="{FF2B5EF4-FFF2-40B4-BE49-F238E27FC236}">
                <a16:creationId xmlns:a16="http://schemas.microsoft.com/office/drawing/2014/main" xmlns="" id="{402623AA-C5CB-432E-9D95-EAF7F17EDB32}"/>
              </a:ext>
            </a:extLst>
          </p:cNvPr>
          <p:cNvSpPr txBox="1"/>
          <p:nvPr/>
        </p:nvSpPr>
        <p:spPr>
          <a:xfrm>
            <a:off x="5139618" y="5730351"/>
            <a:ext cx="836402"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Network</a:t>
            </a:r>
            <a:endParaRPr sz="1500">
              <a:cs typeface="微软雅黑"/>
            </a:endParaRPr>
          </a:p>
        </p:txBody>
      </p:sp>
      <p:sp>
        <p:nvSpPr>
          <p:cNvPr id="172" name="object 62">
            <a:extLst>
              <a:ext uri="{FF2B5EF4-FFF2-40B4-BE49-F238E27FC236}">
                <a16:creationId xmlns:a16="http://schemas.microsoft.com/office/drawing/2014/main" xmlns="" id="{F60F435B-3B3A-48C9-B9DB-F3870E6695E4}"/>
              </a:ext>
            </a:extLst>
          </p:cNvPr>
          <p:cNvSpPr txBox="1"/>
          <p:nvPr/>
        </p:nvSpPr>
        <p:spPr>
          <a:xfrm>
            <a:off x="5342196" y="5492537"/>
            <a:ext cx="925864" cy="461665"/>
          </a:xfrm>
          <a:prstGeom prst="rect">
            <a:avLst/>
          </a:prstGeom>
        </p:spPr>
        <p:txBody>
          <a:bodyPr vert="horz" wrap="square" lIns="0" tIns="0" rIns="0" bIns="0" rtlCol="0">
            <a:spAutoFit/>
          </a:bodyPr>
          <a:lstStyle/>
          <a:p>
            <a:pPr marL="12700">
              <a:lnSpc>
                <a:spcPct val="100000"/>
              </a:lnSpc>
            </a:pPr>
            <a:r>
              <a:rPr sz="1500" spc="40" dirty="0">
                <a:solidFill>
                  <a:srgbClr val="2F2F2F"/>
                </a:solidFill>
                <a:cs typeface="微软雅黑"/>
              </a:rPr>
              <a:t>Ha</a:t>
            </a:r>
            <a:r>
              <a:rPr sz="1500" spc="25" dirty="0">
                <a:solidFill>
                  <a:srgbClr val="2F2F2F"/>
                </a:solidFill>
                <a:cs typeface="微软雅黑"/>
              </a:rPr>
              <a:t>r</a:t>
            </a:r>
            <a:r>
              <a:rPr sz="1500" spc="40" dirty="0">
                <a:solidFill>
                  <a:srgbClr val="2F2F2F"/>
                </a:solidFill>
                <a:cs typeface="微软雅黑"/>
              </a:rPr>
              <a:t>dwa</a:t>
            </a:r>
            <a:r>
              <a:rPr sz="1500" spc="25" dirty="0">
                <a:solidFill>
                  <a:srgbClr val="2F2F2F"/>
                </a:solidFill>
                <a:cs typeface="微软雅黑"/>
              </a:rPr>
              <a:t>r</a:t>
            </a:r>
            <a:r>
              <a:rPr sz="1500" spc="5" dirty="0">
                <a:solidFill>
                  <a:srgbClr val="2F2F2F"/>
                </a:solidFill>
                <a:cs typeface="微软雅黑"/>
              </a:rPr>
              <a:t>e</a:t>
            </a:r>
            <a:endParaRPr sz="1500">
              <a:cs typeface="微软雅黑"/>
            </a:endParaRPr>
          </a:p>
        </p:txBody>
      </p:sp>
      <p:sp>
        <p:nvSpPr>
          <p:cNvPr id="173" name="object 63">
            <a:extLst>
              <a:ext uri="{FF2B5EF4-FFF2-40B4-BE49-F238E27FC236}">
                <a16:creationId xmlns:a16="http://schemas.microsoft.com/office/drawing/2014/main" xmlns="" id="{13062A26-CECC-430E-9EF3-C505CFD95F68}"/>
              </a:ext>
            </a:extLst>
          </p:cNvPr>
          <p:cNvSpPr txBox="1"/>
          <p:nvPr/>
        </p:nvSpPr>
        <p:spPr>
          <a:xfrm>
            <a:off x="4514208" y="4647678"/>
            <a:ext cx="1843208"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Virtualization</a:t>
            </a:r>
            <a:r>
              <a:rPr sz="1500" dirty="0">
                <a:solidFill>
                  <a:srgbClr val="2F2F2F"/>
                </a:solidFill>
                <a:cs typeface="微软雅黑"/>
              </a:rPr>
              <a:t> </a:t>
            </a:r>
            <a:r>
              <a:rPr sz="1500" spc="35" dirty="0">
                <a:solidFill>
                  <a:srgbClr val="2F2F2F"/>
                </a:solidFill>
                <a:cs typeface="微软雅黑"/>
              </a:rPr>
              <a:t>Layer</a:t>
            </a:r>
            <a:endParaRPr sz="1500">
              <a:cs typeface="微软雅黑"/>
            </a:endParaRPr>
          </a:p>
        </p:txBody>
      </p:sp>
      <p:sp>
        <p:nvSpPr>
          <p:cNvPr id="174" name="object 64">
            <a:extLst>
              <a:ext uri="{FF2B5EF4-FFF2-40B4-BE49-F238E27FC236}">
                <a16:creationId xmlns:a16="http://schemas.microsoft.com/office/drawing/2014/main" xmlns="" id="{D6BC2DE7-727C-4677-AAB9-D9E321D69258}"/>
              </a:ext>
            </a:extLst>
          </p:cNvPr>
          <p:cNvSpPr txBox="1"/>
          <p:nvPr/>
        </p:nvSpPr>
        <p:spPr>
          <a:xfrm>
            <a:off x="9873868" y="3598959"/>
            <a:ext cx="1553520"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Service,VNF</a:t>
            </a:r>
            <a:r>
              <a:rPr sz="1500" spc="-5" dirty="0">
                <a:solidFill>
                  <a:srgbClr val="2F2F2F"/>
                </a:solidFill>
                <a:cs typeface="微软雅黑"/>
              </a:rPr>
              <a:t> </a:t>
            </a:r>
            <a:r>
              <a:rPr sz="1500" spc="40" dirty="0">
                <a:solidFill>
                  <a:srgbClr val="2F2F2F"/>
                </a:solidFill>
                <a:cs typeface="微软雅黑"/>
              </a:rPr>
              <a:t>and</a:t>
            </a:r>
            <a:endParaRPr sz="1500">
              <a:cs typeface="微软雅黑"/>
            </a:endParaRPr>
          </a:p>
        </p:txBody>
      </p:sp>
      <p:sp>
        <p:nvSpPr>
          <p:cNvPr id="175" name="object 65">
            <a:extLst>
              <a:ext uri="{FF2B5EF4-FFF2-40B4-BE49-F238E27FC236}">
                <a16:creationId xmlns:a16="http://schemas.microsoft.com/office/drawing/2014/main" xmlns="" id="{EF4592F1-7528-4953-A36D-01B5CFC49F70}"/>
              </a:ext>
            </a:extLst>
          </p:cNvPr>
          <p:cNvSpPr txBox="1"/>
          <p:nvPr/>
        </p:nvSpPr>
        <p:spPr>
          <a:xfrm>
            <a:off x="10009959" y="3818465"/>
            <a:ext cx="1688554" cy="230832"/>
          </a:xfrm>
          <a:prstGeom prst="rect">
            <a:avLst/>
          </a:prstGeom>
        </p:spPr>
        <p:txBody>
          <a:bodyPr vert="horz" wrap="square" lIns="0" tIns="0" rIns="0" bIns="0" rtlCol="0">
            <a:spAutoFit/>
          </a:bodyPr>
          <a:lstStyle/>
          <a:p>
            <a:pPr marL="12700">
              <a:lnSpc>
                <a:spcPct val="100000"/>
              </a:lnSpc>
            </a:pPr>
            <a:r>
              <a:rPr sz="1500" spc="30" dirty="0">
                <a:solidFill>
                  <a:srgbClr val="2F2F2F"/>
                </a:solidFill>
                <a:cs typeface="微软雅黑"/>
              </a:rPr>
              <a:t>Infrastructure</a:t>
            </a:r>
            <a:endParaRPr sz="1500">
              <a:cs typeface="微软雅黑"/>
            </a:endParaRPr>
          </a:p>
        </p:txBody>
      </p:sp>
      <p:sp>
        <p:nvSpPr>
          <p:cNvPr id="176" name="object 67">
            <a:extLst>
              <a:ext uri="{FF2B5EF4-FFF2-40B4-BE49-F238E27FC236}">
                <a16:creationId xmlns:a16="http://schemas.microsoft.com/office/drawing/2014/main" xmlns="" id="{67DF6CBE-FBE3-4FA7-9037-2A541F78B00D}"/>
              </a:ext>
            </a:extLst>
          </p:cNvPr>
          <p:cNvSpPr txBox="1"/>
          <p:nvPr/>
        </p:nvSpPr>
        <p:spPr>
          <a:xfrm>
            <a:off x="10112306" y="4024030"/>
            <a:ext cx="1111889" cy="461665"/>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Description</a:t>
            </a:r>
            <a:endParaRPr sz="1500">
              <a:cs typeface="微软雅黑"/>
            </a:endParaRPr>
          </a:p>
        </p:txBody>
      </p:sp>
      <p:sp>
        <p:nvSpPr>
          <p:cNvPr id="177" name="object 68">
            <a:extLst>
              <a:ext uri="{FF2B5EF4-FFF2-40B4-BE49-F238E27FC236}">
                <a16:creationId xmlns:a16="http://schemas.microsoft.com/office/drawing/2014/main" xmlns="" id="{A59B05AD-4550-4027-B1F2-CF5C80971ACA}"/>
              </a:ext>
            </a:extLst>
          </p:cNvPr>
          <p:cNvSpPr txBox="1"/>
          <p:nvPr/>
        </p:nvSpPr>
        <p:spPr>
          <a:xfrm>
            <a:off x="989529" y="4470378"/>
            <a:ext cx="553815" cy="261610"/>
          </a:xfrm>
          <a:prstGeom prst="rect">
            <a:avLst/>
          </a:prstGeom>
        </p:spPr>
        <p:txBody>
          <a:bodyPr vert="horz" wrap="square" lIns="0" tIns="0" rIns="0" bIns="0" rtlCol="0">
            <a:spAutoFit/>
          </a:bodyPr>
          <a:lstStyle/>
          <a:p>
            <a:pPr marL="12700">
              <a:lnSpc>
                <a:spcPct val="100000"/>
              </a:lnSpc>
            </a:pPr>
            <a:r>
              <a:rPr lang="en-US" sz="1700" b="1" spc="30">
                <a:solidFill>
                  <a:srgbClr val="C00000"/>
                </a:solidFill>
                <a:cs typeface="微软雅黑"/>
              </a:rPr>
              <a:t>NFVI</a:t>
            </a:r>
            <a:endParaRPr sz="1700">
              <a:solidFill>
                <a:srgbClr val="C00000"/>
              </a:solidFill>
              <a:cs typeface="微软雅黑"/>
            </a:endParaRPr>
          </a:p>
        </p:txBody>
      </p:sp>
      <p:sp>
        <p:nvSpPr>
          <p:cNvPr id="178" name="object 69">
            <a:extLst>
              <a:ext uri="{FF2B5EF4-FFF2-40B4-BE49-F238E27FC236}">
                <a16:creationId xmlns:a16="http://schemas.microsoft.com/office/drawing/2014/main" xmlns="" id="{6CC01175-5B26-4272-B02C-B74089882520}"/>
              </a:ext>
            </a:extLst>
          </p:cNvPr>
          <p:cNvSpPr txBox="1"/>
          <p:nvPr/>
        </p:nvSpPr>
        <p:spPr>
          <a:xfrm>
            <a:off x="997982" y="3322218"/>
            <a:ext cx="481393" cy="261610"/>
          </a:xfrm>
          <a:prstGeom prst="rect">
            <a:avLst/>
          </a:prstGeom>
        </p:spPr>
        <p:txBody>
          <a:bodyPr vert="horz" wrap="square" lIns="0" tIns="0" rIns="0" bIns="0" rtlCol="0">
            <a:spAutoFit/>
          </a:bodyPr>
          <a:lstStyle/>
          <a:p>
            <a:pPr marL="12700">
              <a:lnSpc>
                <a:spcPct val="100000"/>
              </a:lnSpc>
            </a:pPr>
            <a:r>
              <a:rPr sz="1700" b="1" spc="35" dirty="0">
                <a:solidFill>
                  <a:srgbClr val="C00000"/>
                </a:solidFill>
                <a:cs typeface="微软雅黑"/>
              </a:rPr>
              <a:t>VNF</a:t>
            </a:r>
            <a:endParaRPr sz="1700">
              <a:solidFill>
                <a:srgbClr val="C00000"/>
              </a:solidFill>
              <a:cs typeface="微软雅黑"/>
            </a:endParaRPr>
          </a:p>
        </p:txBody>
      </p:sp>
      <p:sp>
        <p:nvSpPr>
          <p:cNvPr id="179" name="object 70">
            <a:extLst>
              <a:ext uri="{FF2B5EF4-FFF2-40B4-BE49-F238E27FC236}">
                <a16:creationId xmlns:a16="http://schemas.microsoft.com/office/drawing/2014/main" xmlns="" id="{00FB0C36-951C-4556-BBB8-C3128E3DE4FB}"/>
              </a:ext>
            </a:extLst>
          </p:cNvPr>
          <p:cNvSpPr txBox="1"/>
          <p:nvPr/>
        </p:nvSpPr>
        <p:spPr>
          <a:xfrm>
            <a:off x="7517087" y="2112326"/>
            <a:ext cx="4181426" cy="230832"/>
          </a:xfrm>
          <a:prstGeom prst="rect">
            <a:avLst/>
          </a:prstGeom>
        </p:spPr>
        <p:txBody>
          <a:bodyPr vert="horz" wrap="square" lIns="0" tIns="0" rIns="0" bIns="0" rtlCol="0">
            <a:spAutoFit/>
          </a:bodyPr>
          <a:lstStyle/>
          <a:p>
            <a:pPr marL="12700">
              <a:lnSpc>
                <a:spcPct val="100000"/>
              </a:lnSpc>
            </a:pPr>
            <a:r>
              <a:rPr sz="1500" spc="30" dirty="0">
                <a:solidFill>
                  <a:srgbClr val="2F2F2F"/>
                </a:solidFill>
                <a:cs typeface="微软雅黑"/>
              </a:rPr>
              <a:t>NFV </a:t>
            </a:r>
            <a:r>
              <a:rPr sz="1500" spc="35" dirty="0">
                <a:solidFill>
                  <a:srgbClr val="2F2F2F"/>
                </a:solidFill>
                <a:cs typeface="微软雅黑"/>
              </a:rPr>
              <a:t>Management </a:t>
            </a:r>
            <a:r>
              <a:rPr sz="1500" spc="30" dirty="0">
                <a:solidFill>
                  <a:srgbClr val="2F2F2F"/>
                </a:solidFill>
                <a:cs typeface="微软雅黑"/>
              </a:rPr>
              <a:t>and</a:t>
            </a:r>
            <a:r>
              <a:rPr sz="1500" spc="90" dirty="0">
                <a:solidFill>
                  <a:srgbClr val="2F2F2F"/>
                </a:solidFill>
                <a:cs typeface="微软雅黑"/>
              </a:rPr>
              <a:t> </a:t>
            </a:r>
            <a:r>
              <a:rPr sz="1500" spc="35" dirty="0">
                <a:solidFill>
                  <a:srgbClr val="2F2F2F"/>
                </a:solidFill>
                <a:cs typeface="微软雅黑"/>
              </a:rPr>
              <a:t>Orchestration</a:t>
            </a:r>
            <a:endParaRPr sz="1500">
              <a:cs typeface="微软雅黑"/>
            </a:endParaRPr>
          </a:p>
        </p:txBody>
      </p:sp>
      <p:sp>
        <p:nvSpPr>
          <p:cNvPr id="180" name="object 71">
            <a:extLst>
              <a:ext uri="{FF2B5EF4-FFF2-40B4-BE49-F238E27FC236}">
                <a16:creationId xmlns:a16="http://schemas.microsoft.com/office/drawing/2014/main" xmlns="" id="{078871A1-B961-4D2F-9877-DC3E5B7F5942}"/>
              </a:ext>
            </a:extLst>
          </p:cNvPr>
          <p:cNvSpPr txBox="1"/>
          <p:nvPr/>
        </p:nvSpPr>
        <p:spPr>
          <a:xfrm>
            <a:off x="10669030" y="2435000"/>
            <a:ext cx="882871" cy="261610"/>
          </a:xfrm>
          <a:prstGeom prst="rect">
            <a:avLst/>
          </a:prstGeom>
        </p:spPr>
        <p:txBody>
          <a:bodyPr vert="horz" wrap="square" lIns="0" tIns="0" rIns="0" bIns="0" rtlCol="0">
            <a:spAutoFit/>
          </a:bodyPr>
          <a:lstStyle/>
          <a:p>
            <a:pPr marL="12700">
              <a:lnSpc>
                <a:spcPct val="100000"/>
              </a:lnSpc>
            </a:pPr>
            <a:r>
              <a:rPr sz="1700" b="1" spc="35" dirty="0">
                <a:solidFill>
                  <a:srgbClr val="C00000"/>
                </a:solidFill>
                <a:cs typeface="微软雅黑"/>
              </a:rPr>
              <a:t>MANO</a:t>
            </a:r>
            <a:endParaRPr sz="1700">
              <a:solidFill>
                <a:srgbClr val="C00000"/>
              </a:solidFill>
              <a:cs typeface="微软雅黑"/>
            </a:endParaRPr>
          </a:p>
        </p:txBody>
      </p:sp>
      <p:sp>
        <p:nvSpPr>
          <p:cNvPr id="181" name="object 72">
            <a:extLst>
              <a:ext uri="{FF2B5EF4-FFF2-40B4-BE49-F238E27FC236}">
                <a16:creationId xmlns:a16="http://schemas.microsoft.com/office/drawing/2014/main" xmlns="" id="{62C9911B-981B-4465-82DF-B6454290FE80}"/>
              </a:ext>
            </a:extLst>
          </p:cNvPr>
          <p:cNvSpPr txBox="1"/>
          <p:nvPr/>
        </p:nvSpPr>
        <p:spPr>
          <a:xfrm>
            <a:off x="6726603" y="2620241"/>
            <a:ext cx="710018" cy="230832"/>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Os-Ma</a:t>
            </a:r>
            <a:endParaRPr sz="1500">
              <a:cs typeface="微软雅黑"/>
            </a:endParaRPr>
          </a:p>
        </p:txBody>
      </p:sp>
      <p:sp>
        <p:nvSpPr>
          <p:cNvPr id="182" name="object 73">
            <a:extLst>
              <a:ext uri="{FF2B5EF4-FFF2-40B4-BE49-F238E27FC236}">
                <a16:creationId xmlns:a16="http://schemas.microsoft.com/office/drawing/2014/main" xmlns="" id="{41A8C72D-1022-4FF3-9A00-988CDC61C27F}"/>
              </a:ext>
            </a:extLst>
          </p:cNvPr>
          <p:cNvSpPr txBox="1"/>
          <p:nvPr/>
        </p:nvSpPr>
        <p:spPr>
          <a:xfrm>
            <a:off x="6699899" y="3567485"/>
            <a:ext cx="897463" cy="230832"/>
          </a:xfrm>
          <a:prstGeom prst="rect">
            <a:avLst/>
          </a:prstGeom>
        </p:spPr>
        <p:txBody>
          <a:bodyPr vert="horz" wrap="square" lIns="0" tIns="0" rIns="0" bIns="0" rtlCol="0">
            <a:spAutoFit/>
          </a:bodyPr>
          <a:lstStyle/>
          <a:p>
            <a:pPr marL="12700">
              <a:lnSpc>
                <a:spcPct val="100000"/>
              </a:lnSpc>
            </a:pPr>
            <a:r>
              <a:rPr sz="1500" spc="20" dirty="0">
                <a:solidFill>
                  <a:srgbClr val="2F2F2F"/>
                </a:solidFill>
                <a:cs typeface="微软雅黑"/>
              </a:rPr>
              <a:t>Ve-Vnfm</a:t>
            </a:r>
            <a:endParaRPr sz="1500">
              <a:cs typeface="微软雅黑"/>
            </a:endParaRPr>
          </a:p>
        </p:txBody>
      </p:sp>
      <p:sp>
        <p:nvSpPr>
          <p:cNvPr id="183" name="object 74">
            <a:extLst>
              <a:ext uri="{FF2B5EF4-FFF2-40B4-BE49-F238E27FC236}">
                <a16:creationId xmlns:a16="http://schemas.microsoft.com/office/drawing/2014/main" xmlns="" id="{49AF54C5-B047-46C7-B8E4-66853FC0BC47}"/>
              </a:ext>
            </a:extLst>
          </p:cNvPr>
          <p:cNvSpPr txBox="1"/>
          <p:nvPr/>
        </p:nvSpPr>
        <p:spPr>
          <a:xfrm>
            <a:off x="6873017" y="4836240"/>
            <a:ext cx="568014" cy="230832"/>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N</a:t>
            </a:r>
            <a:r>
              <a:rPr sz="1500" spc="-5" dirty="0">
                <a:solidFill>
                  <a:srgbClr val="2F2F2F"/>
                </a:solidFill>
                <a:cs typeface="微软雅黑"/>
              </a:rPr>
              <a:t>f</a:t>
            </a:r>
            <a:r>
              <a:rPr sz="1500" spc="30" dirty="0">
                <a:solidFill>
                  <a:srgbClr val="2F2F2F"/>
                </a:solidFill>
                <a:cs typeface="微软雅黑"/>
              </a:rPr>
              <a:t>-Vi</a:t>
            </a:r>
            <a:endParaRPr sz="1500">
              <a:cs typeface="微软雅黑"/>
            </a:endParaRPr>
          </a:p>
        </p:txBody>
      </p:sp>
      <p:sp>
        <p:nvSpPr>
          <p:cNvPr id="184" name="object 75">
            <a:extLst>
              <a:ext uri="{FF2B5EF4-FFF2-40B4-BE49-F238E27FC236}">
                <a16:creationId xmlns:a16="http://schemas.microsoft.com/office/drawing/2014/main" xmlns="" id="{BE7DA8CF-784D-4251-B8EC-B64EC63A3A67}"/>
              </a:ext>
            </a:extLst>
          </p:cNvPr>
          <p:cNvSpPr txBox="1"/>
          <p:nvPr/>
        </p:nvSpPr>
        <p:spPr>
          <a:xfrm>
            <a:off x="3851321" y="4277890"/>
            <a:ext cx="636176" cy="230832"/>
          </a:xfrm>
          <a:prstGeom prst="rect">
            <a:avLst/>
          </a:prstGeom>
        </p:spPr>
        <p:txBody>
          <a:bodyPr vert="horz" wrap="square" lIns="0" tIns="0" rIns="0" bIns="0" rtlCol="0">
            <a:spAutoFit/>
          </a:bodyPr>
          <a:lstStyle/>
          <a:p>
            <a:pPr marL="12700">
              <a:lnSpc>
                <a:spcPct val="100000"/>
              </a:lnSpc>
            </a:pPr>
            <a:r>
              <a:rPr sz="1500" spc="25" dirty="0">
                <a:solidFill>
                  <a:srgbClr val="2F2F2F"/>
                </a:solidFill>
                <a:cs typeface="微软雅黑"/>
              </a:rPr>
              <a:t>Vn-Nf</a:t>
            </a:r>
            <a:endParaRPr sz="1500">
              <a:cs typeface="微软雅黑"/>
            </a:endParaRPr>
          </a:p>
        </p:txBody>
      </p:sp>
      <p:sp>
        <p:nvSpPr>
          <p:cNvPr id="185" name="object 76">
            <a:extLst>
              <a:ext uri="{FF2B5EF4-FFF2-40B4-BE49-F238E27FC236}">
                <a16:creationId xmlns:a16="http://schemas.microsoft.com/office/drawing/2014/main" xmlns="" id="{D300BC0B-777E-4D53-892C-7BDD7E0DAE3A}"/>
              </a:ext>
            </a:extLst>
          </p:cNvPr>
          <p:cNvSpPr txBox="1"/>
          <p:nvPr/>
        </p:nvSpPr>
        <p:spPr>
          <a:xfrm>
            <a:off x="3864768" y="5306502"/>
            <a:ext cx="609196" cy="230832"/>
          </a:xfrm>
          <a:prstGeom prst="rect">
            <a:avLst/>
          </a:prstGeom>
        </p:spPr>
        <p:txBody>
          <a:bodyPr vert="horz" wrap="square" lIns="0" tIns="0" rIns="0" bIns="0" rtlCol="0">
            <a:spAutoFit/>
          </a:bodyPr>
          <a:lstStyle/>
          <a:p>
            <a:pPr marL="12700">
              <a:lnSpc>
                <a:spcPct val="100000"/>
              </a:lnSpc>
            </a:pPr>
            <a:r>
              <a:rPr sz="1500" spc="30" dirty="0">
                <a:solidFill>
                  <a:srgbClr val="2F2F2F"/>
                </a:solidFill>
                <a:cs typeface="微软雅黑"/>
              </a:rPr>
              <a:t>Vi-Ha</a:t>
            </a:r>
            <a:endParaRPr sz="1500">
              <a:cs typeface="微软雅黑"/>
            </a:endParaRPr>
          </a:p>
        </p:txBody>
      </p:sp>
      <p:sp>
        <p:nvSpPr>
          <p:cNvPr id="186" name="object 77">
            <a:extLst>
              <a:ext uri="{FF2B5EF4-FFF2-40B4-BE49-F238E27FC236}">
                <a16:creationId xmlns:a16="http://schemas.microsoft.com/office/drawing/2014/main" xmlns="" id="{D3074B3E-58E3-4289-8770-363EA72F7B69}"/>
              </a:ext>
            </a:extLst>
          </p:cNvPr>
          <p:cNvSpPr txBox="1"/>
          <p:nvPr/>
        </p:nvSpPr>
        <p:spPr>
          <a:xfrm>
            <a:off x="10031525" y="4916325"/>
            <a:ext cx="572272" cy="230832"/>
          </a:xfrm>
          <a:prstGeom prst="rect">
            <a:avLst/>
          </a:prstGeom>
        </p:spPr>
        <p:txBody>
          <a:bodyPr vert="horz" wrap="square" lIns="0" tIns="0" rIns="0" bIns="0" rtlCol="0">
            <a:spAutoFit/>
          </a:bodyPr>
          <a:lstStyle/>
          <a:p>
            <a:pPr marL="12700">
              <a:lnSpc>
                <a:spcPct val="100000"/>
              </a:lnSpc>
            </a:pPr>
            <a:r>
              <a:rPr sz="1500" spc="35" dirty="0">
                <a:solidFill>
                  <a:srgbClr val="2F2F2F"/>
                </a:solidFill>
                <a:cs typeface="微软雅黑"/>
              </a:rPr>
              <a:t>O</a:t>
            </a:r>
            <a:r>
              <a:rPr sz="1500" spc="-15" dirty="0">
                <a:solidFill>
                  <a:srgbClr val="2F2F2F"/>
                </a:solidFill>
                <a:cs typeface="微软雅黑"/>
              </a:rPr>
              <a:t>r</a:t>
            </a:r>
            <a:r>
              <a:rPr sz="1500" spc="30" dirty="0">
                <a:solidFill>
                  <a:srgbClr val="2F2F2F"/>
                </a:solidFill>
                <a:cs typeface="微软雅黑"/>
              </a:rPr>
              <a:t>-Vi</a:t>
            </a:r>
            <a:endParaRPr sz="1500">
              <a:cs typeface="微软雅黑"/>
            </a:endParaRPr>
          </a:p>
        </p:txBody>
      </p:sp>
      <p:sp>
        <p:nvSpPr>
          <p:cNvPr id="187" name="object 78">
            <a:extLst>
              <a:ext uri="{FF2B5EF4-FFF2-40B4-BE49-F238E27FC236}">
                <a16:creationId xmlns:a16="http://schemas.microsoft.com/office/drawing/2014/main" xmlns="" id="{C0A0215E-FC18-49EF-8D1C-E0D06933ACD2}"/>
              </a:ext>
            </a:extLst>
          </p:cNvPr>
          <p:cNvSpPr txBox="1"/>
          <p:nvPr/>
        </p:nvSpPr>
        <p:spPr>
          <a:xfrm>
            <a:off x="8521698" y="4422885"/>
            <a:ext cx="853442" cy="230832"/>
          </a:xfrm>
          <a:prstGeom prst="rect">
            <a:avLst/>
          </a:prstGeom>
        </p:spPr>
        <p:txBody>
          <a:bodyPr vert="horz" wrap="square" lIns="0" tIns="0" rIns="0" bIns="0" rtlCol="0">
            <a:spAutoFit/>
          </a:bodyPr>
          <a:lstStyle/>
          <a:p>
            <a:pPr marL="12700">
              <a:lnSpc>
                <a:spcPct val="100000"/>
              </a:lnSpc>
            </a:pPr>
            <a:r>
              <a:rPr sz="1500" spc="30" dirty="0">
                <a:solidFill>
                  <a:srgbClr val="2F2F2F"/>
                </a:solidFill>
                <a:cs typeface="微软雅黑"/>
              </a:rPr>
              <a:t>Vi-</a:t>
            </a:r>
            <a:r>
              <a:rPr sz="1500" spc="10" dirty="0">
                <a:solidFill>
                  <a:srgbClr val="2F2F2F"/>
                </a:solidFill>
                <a:cs typeface="微软雅黑"/>
              </a:rPr>
              <a:t>V</a:t>
            </a:r>
            <a:r>
              <a:rPr sz="1500" spc="30" dirty="0">
                <a:solidFill>
                  <a:srgbClr val="2F2F2F"/>
                </a:solidFill>
                <a:cs typeface="微软雅黑"/>
              </a:rPr>
              <a:t>nfm</a:t>
            </a:r>
            <a:endParaRPr sz="1500">
              <a:cs typeface="微软雅黑"/>
            </a:endParaRPr>
          </a:p>
        </p:txBody>
      </p:sp>
      <p:sp>
        <p:nvSpPr>
          <p:cNvPr id="188" name="object 79">
            <a:extLst>
              <a:ext uri="{FF2B5EF4-FFF2-40B4-BE49-F238E27FC236}">
                <a16:creationId xmlns:a16="http://schemas.microsoft.com/office/drawing/2014/main" xmlns="" id="{4DE38DE3-30A3-4BA1-86F5-E2F699088B22}"/>
              </a:ext>
            </a:extLst>
          </p:cNvPr>
          <p:cNvSpPr txBox="1"/>
          <p:nvPr/>
        </p:nvSpPr>
        <p:spPr>
          <a:xfrm>
            <a:off x="8504330" y="3357335"/>
            <a:ext cx="887523" cy="230832"/>
          </a:xfrm>
          <a:prstGeom prst="rect">
            <a:avLst/>
          </a:prstGeom>
        </p:spPr>
        <p:txBody>
          <a:bodyPr vert="horz" wrap="square" lIns="0" tIns="0" rIns="0" bIns="0" rtlCol="0">
            <a:spAutoFit/>
          </a:bodyPr>
          <a:lstStyle/>
          <a:p>
            <a:pPr marL="12700">
              <a:lnSpc>
                <a:spcPct val="100000"/>
              </a:lnSpc>
            </a:pPr>
            <a:r>
              <a:rPr sz="1500" spc="20" dirty="0">
                <a:solidFill>
                  <a:srgbClr val="2F2F2F"/>
                </a:solidFill>
                <a:cs typeface="微软雅黑"/>
              </a:rPr>
              <a:t>Or-Vnfm</a:t>
            </a:r>
            <a:endParaRPr sz="1500">
              <a:cs typeface="微软雅黑"/>
            </a:endParaRPr>
          </a:p>
        </p:txBody>
      </p:sp>
      <p:sp>
        <p:nvSpPr>
          <p:cNvPr id="189" name="object 80">
            <a:extLst>
              <a:ext uri="{FF2B5EF4-FFF2-40B4-BE49-F238E27FC236}">
                <a16:creationId xmlns:a16="http://schemas.microsoft.com/office/drawing/2014/main" xmlns="" id="{0364054F-9919-4C1A-8DD3-2F448614F5E0}"/>
              </a:ext>
            </a:extLst>
          </p:cNvPr>
          <p:cNvSpPr/>
          <p:nvPr/>
        </p:nvSpPr>
        <p:spPr>
          <a:xfrm>
            <a:off x="6607290" y="2934184"/>
            <a:ext cx="938642" cy="0"/>
          </a:xfrm>
          <a:custGeom>
            <a:avLst/>
            <a:gdLst/>
            <a:ahLst/>
            <a:cxnLst/>
            <a:rect l="l" t="t" r="r" b="b"/>
            <a:pathLst>
              <a:path w="419735">
                <a:moveTo>
                  <a:pt x="0" y="0"/>
                </a:moveTo>
                <a:lnTo>
                  <a:pt x="419404" y="0"/>
                </a:lnTo>
              </a:path>
            </a:pathLst>
          </a:custGeom>
          <a:ln w="14401">
            <a:solidFill>
              <a:srgbClr val="2F2F2F"/>
            </a:solidFill>
          </a:ln>
        </p:spPr>
        <p:txBody>
          <a:bodyPr wrap="square" lIns="0" tIns="0" rIns="0" bIns="0" rtlCol="0"/>
          <a:lstStyle/>
          <a:p>
            <a:endParaRPr sz="1500"/>
          </a:p>
        </p:txBody>
      </p:sp>
      <p:sp>
        <p:nvSpPr>
          <p:cNvPr id="190" name="object 81">
            <a:extLst>
              <a:ext uri="{FF2B5EF4-FFF2-40B4-BE49-F238E27FC236}">
                <a16:creationId xmlns:a16="http://schemas.microsoft.com/office/drawing/2014/main" xmlns="" id="{A0E39433-CC65-4C7B-80A2-D8003CD6F85D}"/>
              </a:ext>
            </a:extLst>
          </p:cNvPr>
          <p:cNvSpPr/>
          <p:nvPr/>
        </p:nvSpPr>
        <p:spPr>
          <a:xfrm>
            <a:off x="6607290" y="3868479"/>
            <a:ext cx="1083489" cy="0"/>
          </a:xfrm>
          <a:custGeom>
            <a:avLst/>
            <a:gdLst/>
            <a:ahLst/>
            <a:cxnLst/>
            <a:rect l="l" t="t" r="r" b="b"/>
            <a:pathLst>
              <a:path w="484504">
                <a:moveTo>
                  <a:pt x="0" y="0"/>
                </a:moveTo>
                <a:lnTo>
                  <a:pt x="483958" y="0"/>
                </a:lnTo>
              </a:path>
            </a:pathLst>
          </a:custGeom>
          <a:ln w="14401">
            <a:solidFill>
              <a:srgbClr val="2F2F2F"/>
            </a:solidFill>
          </a:ln>
        </p:spPr>
        <p:txBody>
          <a:bodyPr wrap="square" lIns="0" tIns="0" rIns="0" bIns="0" rtlCol="0"/>
          <a:lstStyle/>
          <a:p>
            <a:endParaRPr sz="1500"/>
          </a:p>
        </p:txBody>
      </p:sp>
      <p:sp>
        <p:nvSpPr>
          <p:cNvPr id="191" name="object 82">
            <a:extLst>
              <a:ext uri="{FF2B5EF4-FFF2-40B4-BE49-F238E27FC236}">
                <a16:creationId xmlns:a16="http://schemas.microsoft.com/office/drawing/2014/main" xmlns="" id="{F32BB7E8-61F0-4B86-9BDF-4B6DB6A94B44}"/>
              </a:ext>
            </a:extLst>
          </p:cNvPr>
          <p:cNvSpPr/>
          <p:nvPr/>
        </p:nvSpPr>
        <p:spPr>
          <a:xfrm>
            <a:off x="2139446" y="3118473"/>
            <a:ext cx="0" cy="197136"/>
          </a:xfrm>
          <a:custGeom>
            <a:avLst/>
            <a:gdLst/>
            <a:ahLst/>
            <a:cxnLst/>
            <a:rect l="l" t="t" r="r" b="b"/>
            <a:pathLst>
              <a:path h="128270">
                <a:moveTo>
                  <a:pt x="0" y="0"/>
                </a:moveTo>
                <a:lnTo>
                  <a:pt x="0" y="128168"/>
                </a:lnTo>
              </a:path>
            </a:pathLst>
          </a:custGeom>
          <a:ln w="7200">
            <a:solidFill>
              <a:srgbClr val="2F2F2F"/>
            </a:solidFill>
            <a:prstDash val="sysDash"/>
          </a:ln>
        </p:spPr>
        <p:txBody>
          <a:bodyPr wrap="square" lIns="0" tIns="0" rIns="0" bIns="0" rtlCol="0"/>
          <a:lstStyle/>
          <a:p>
            <a:endParaRPr sz="1500"/>
          </a:p>
        </p:txBody>
      </p:sp>
      <p:sp>
        <p:nvSpPr>
          <p:cNvPr id="192" name="object 83">
            <a:extLst>
              <a:ext uri="{FF2B5EF4-FFF2-40B4-BE49-F238E27FC236}">
                <a16:creationId xmlns:a16="http://schemas.microsoft.com/office/drawing/2014/main" xmlns="" id="{20BD0A61-EA19-4F28-9450-701DD40375ED}"/>
              </a:ext>
            </a:extLst>
          </p:cNvPr>
          <p:cNvSpPr/>
          <p:nvPr/>
        </p:nvSpPr>
        <p:spPr>
          <a:xfrm>
            <a:off x="2139443" y="4236007"/>
            <a:ext cx="0" cy="260572"/>
          </a:xfrm>
          <a:custGeom>
            <a:avLst/>
            <a:gdLst/>
            <a:ahLst/>
            <a:cxnLst/>
            <a:rect l="l" t="t" r="r" b="b"/>
            <a:pathLst>
              <a:path h="169545">
                <a:moveTo>
                  <a:pt x="0" y="0"/>
                </a:moveTo>
                <a:lnTo>
                  <a:pt x="0" y="168998"/>
                </a:lnTo>
              </a:path>
            </a:pathLst>
          </a:custGeom>
          <a:ln w="14401">
            <a:solidFill>
              <a:srgbClr val="2F2F2F"/>
            </a:solidFill>
          </a:ln>
        </p:spPr>
        <p:txBody>
          <a:bodyPr wrap="square" lIns="0" tIns="0" rIns="0" bIns="0" rtlCol="0"/>
          <a:lstStyle/>
          <a:p>
            <a:endParaRPr sz="1500"/>
          </a:p>
        </p:txBody>
      </p:sp>
      <p:sp>
        <p:nvSpPr>
          <p:cNvPr id="193" name="object 84">
            <a:extLst>
              <a:ext uri="{FF2B5EF4-FFF2-40B4-BE49-F238E27FC236}">
                <a16:creationId xmlns:a16="http://schemas.microsoft.com/office/drawing/2014/main" xmlns="" id="{D5E5132C-0467-4D9E-9969-50E8F32CFD14}"/>
              </a:ext>
            </a:extLst>
          </p:cNvPr>
          <p:cNvSpPr/>
          <p:nvPr/>
        </p:nvSpPr>
        <p:spPr>
          <a:xfrm>
            <a:off x="5498875" y="4236007"/>
            <a:ext cx="0" cy="260572"/>
          </a:xfrm>
          <a:custGeom>
            <a:avLst/>
            <a:gdLst/>
            <a:ahLst/>
            <a:cxnLst/>
            <a:rect l="l" t="t" r="r" b="b"/>
            <a:pathLst>
              <a:path h="169545">
                <a:moveTo>
                  <a:pt x="0" y="0"/>
                </a:moveTo>
                <a:lnTo>
                  <a:pt x="0" y="168998"/>
                </a:lnTo>
              </a:path>
            </a:pathLst>
          </a:custGeom>
          <a:ln w="14401">
            <a:solidFill>
              <a:srgbClr val="2F2F2F"/>
            </a:solidFill>
          </a:ln>
        </p:spPr>
        <p:txBody>
          <a:bodyPr wrap="square" lIns="0" tIns="0" rIns="0" bIns="0" rtlCol="0"/>
          <a:lstStyle/>
          <a:p>
            <a:endParaRPr sz="1500"/>
          </a:p>
        </p:txBody>
      </p:sp>
      <p:sp>
        <p:nvSpPr>
          <p:cNvPr id="194" name="object 85">
            <a:extLst>
              <a:ext uri="{FF2B5EF4-FFF2-40B4-BE49-F238E27FC236}">
                <a16:creationId xmlns:a16="http://schemas.microsoft.com/office/drawing/2014/main" xmlns="" id="{65CDE9A8-447C-40DC-A9A6-839543C87E00}"/>
              </a:ext>
            </a:extLst>
          </p:cNvPr>
          <p:cNvSpPr/>
          <p:nvPr/>
        </p:nvSpPr>
        <p:spPr>
          <a:xfrm>
            <a:off x="7076243" y="2876726"/>
            <a:ext cx="0" cy="115159"/>
          </a:xfrm>
          <a:custGeom>
            <a:avLst/>
            <a:gdLst/>
            <a:ahLst/>
            <a:cxnLst/>
            <a:rect l="l" t="t" r="r" b="b"/>
            <a:pathLst>
              <a:path h="74929">
                <a:moveTo>
                  <a:pt x="0" y="0"/>
                </a:moveTo>
                <a:lnTo>
                  <a:pt x="0" y="74777"/>
                </a:lnTo>
              </a:path>
            </a:pathLst>
          </a:custGeom>
          <a:ln w="7200">
            <a:solidFill>
              <a:srgbClr val="2F2F2F"/>
            </a:solidFill>
          </a:ln>
        </p:spPr>
        <p:txBody>
          <a:bodyPr wrap="square" lIns="0" tIns="0" rIns="0" bIns="0" rtlCol="0"/>
          <a:lstStyle/>
          <a:p>
            <a:endParaRPr sz="1500"/>
          </a:p>
        </p:txBody>
      </p:sp>
      <p:sp>
        <p:nvSpPr>
          <p:cNvPr id="195" name="object 86">
            <a:extLst>
              <a:ext uri="{FF2B5EF4-FFF2-40B4-BE49-F238E27FC236}">
                <a16:creationId xmlns:a16="http://schemas.microsoft.com/office/drawing/2014/main" xmlns="" id="{EF87A75C-BA25-45F5-8877-6294B0D7AF57}"/>
              </a:ext>
            </a:extLst>
          </p:cNvPr>
          <p:cNvSpPr/>
          <p:nvPr/>
        </p:nvSpPr>
        <p:spPr>
          <a:xfrm>
            <a:off x="7148420" y="3809923"/>
            <a:ext cx="0" cy="115159"/>
          </a:xfrm>
          <a:custGeom>
            <a:avLst/>
            <a:gdLst/>
            <a:ahLst/>
            <a:cxnLst/>
            <a:rect l="l" t="t" r="r" b="b"/>
            <a:pathLst>
              <a:path h="74929">
                <a:moveTo>
                  <a:pt x="0" y="0"/>
                </a:moveTo>
                <a:lnTo>
                  <a:pt x="0" y="74777"/>
                </a:lnTo>
              </a:path>
            </a:pathLst>
          </a:custGeom>
          <a:ln w="7200">
            <a:solidFill>
              <a:srgbClr val="2F2F2F"/>
            </a:solidFill>
          </a:ln>
        </p:spPr>
        <p:txBody>
          <a:bodyPr wrap="square" lIns="0" tIns="0" rIns="0" bIns="0" rtlCol="0"/>
          <a:lstStyle/>
          <a:p>
            <a:endParaRPr sz="1500"/>
          </a:p>
        </p:txBody>
      </p:sp>
      <p:sp>
        <p:nvSpPr>
          <p:cNvPr id="196" name="object 87">
            <a:extLst>
              <a:ext uri="{FF2B5EF4-FFF2-40B4-BE49-F238E27FC236}">
                <a16:creationId xmlns:a16="http://schemas.microsoft.com/office/drawing/2014/main" xmlns="" id="{68243DBD-2654-45B8-AEA0-17AD3BEEB5C2}"/>
              </a:ext>
            </a:extLst>
          </p:cNvPr>
          <p:cNvSpPr/>
          <p:nvPr/>
        </p:nvSpPr>
        <p:spPr>
          <a:xfrm>
            <a:off x="8266066" y="3468625"/>
            <a:ext cx="167564" cy="0"/>
          </a:xfrm>
          <a:custGeom>
            <a:avLst/>
            <a:gdLst/>
            <a:ahLst/>
            <a:cxnLst/>
            <a:rect l="l" t="t" r="r" b="b"/>
            <a:pathLst>
              <a:path w="74929">
                <a:moveTo>
                  <a:pt x="74777" y="0"/>
                </a:moveTo>
                <a:lnTo>
                  <a:pt x="0" y="0"/>
                </a:lnTo>
              </a:path>
            </a:pathLst>
          </a:custGeom>
          <a:ln w="7200">
            <a:solidFill>
              <a:srgbClr val="2F2F2F"/>
            </a:solidFill>
          </a:ln>
        </p:spPr>
        <p:txBody>
          <a:bodyPr wrap="square" lIns="0" tIns="0" rIns="0" bIns="0" rtlCol="0"/>
          <a:lstStyle/>
          <a:p>
            <a:endParaRPr sz="1500"/>
          </a:p>
        </p:txBody>
      </p:sp>
      <p:sp>
        <p:nvSpPr>
          <p:cNvPr id="197" name="object 88">
            <a:extLst>
              <a:ext uri="{FF2B5EF4-FFF2-40B4-BE49-F238E27FC236}">
                <a16:creationId xmlns:a16="http://schemas.microsoft.com/office/drawing/2014/main" xmlns="" id="{FCF9DB67-A409-46E4-BDC4-7A7708AD5A72}"/>
              </a:ext>
            </a:extLst>
          </p:cNvPr>
          <p:cNvSpPr/>
          <p:nvPr/>
        </p:nvSpPr>
        <p:spPr>
          <a:xfrm>
            <a:off x="8266066" y="4528356"/>
            <a:ext cx="167564" cy="0"/>
          </a:xfrm>
          <a:custGeom>
            <a:avLst/>
            <a:gdLst/>
            <a:ahLst/>
            <a:cxnLst/>
            <a:rect l="l" t="t" r="r" b="b"/>
            <a:pathLst>
              <a:path w="74929">
                <a:moveTo>
                  <a:pt x="74777" y="0"/>
                </a:moveTo>
                <a:lnTo>
                  <a:pt x="0" y="0"/>
                </a:lnTo>
              </a:path>
            </a:pathLst>
          </a:custGeom>
          <a:ln w="7200">
            <a:solidFill>
              <a:srgbClr val="2F2F2F"/>
            </a:solidFill>
          </a:ln>
        </p:spPr>
        <p:txBody>
          <a:bodyPr wrap="square" lIns="0" tIns="0" rIns="0" bIns="0" rtlCol="0"/>
          <a:lstStyle/>
          <a:p>
            <a:endParaRPr sz="1500"/>
          </a:p>
        </p:txBody>
      </p:sp>
      <p:sp>
        <p:nvSpPr>
          <p:cNvPr id="198" name="object 89">
            <a:extLst>
              <a:ext uri="{FF2B5EF4-FFF2-40B4-BE49-F238E27FC236}">
                <a16:creationId xmlns:a16="http://schemas.microsoft.com/office/drawing/2014/main" xmlns="" id="{BE51B3ED-D455-4466-9E47-B9EAD5B60CBE}"/>
              </a:ext>
            </a:extLst>
          </p:cNvPr>
          <p:cNvSpPr/>
          <p:nvPr/>
        </p:nvSpPr>
        <p:spPr>
          <a:xfrm>
            <a:off x="7148420" y="5082205"/>
            <a:ext cx="0" cy="115159"/>
          </a:xfrm>
          <a:custGeom>
            <a:avLst/>
            <a:gdLst/>
            <a:ahLst/>
            <a:cxnLst/>
            <a:rect l="l" t="t" r="r" b="b"/>
            <a:pathLst>
              <a:path h="74929">
                <a:moveTo>
                  <a:pt x="0" y="0"/>
                </a:moveTo>
                <a:lnTo>
                  <a:pt x="0" y="74777"/>
                </a:lnTo>
              </a:path>
            </a:pathLst>
          </a:custGeom>
          <a:ln w="7200">
            <a:solidFill>
              <a:srgbClr val="2F2F2F"/>
            </a:solidFill>
          </a:ln>
        </p:spPr>
        <p:txBody>
          <a:bodyPr wrap="square" lIns="0" tIns="0" rIns="0" bIns="0" rtlCol="0"/>
          <a:lstStyle/>
          <a:p>
            <a:endParaRPr sz="1500"/>
          </a:p>
        </p:txBody>
      </p:sp>
      <p:sp>
        <p:nvSpPr>
          <p:cNvPr id="199" name="object 90">
            <a:extLst>
              <a:ext uri="{FF2B5EF4-FFF2-40B4-BE49-F238E27FC236}">
                <a16:creationId xmlns:a16="http://schemas.microsoft.com/office/drawing/2014/main" xmlns="" id="{E69E71F0-B9B3-4DF8-85E5-1FB9F392FA66}"/>
              </a:ext>
            </a:extLst>
          </p:cNvPr>
          <p:cNvSpPr/>
          <p:nvPr/>
        </p:nvSpPr>
        <p:spPr>
          <a:xfrm>
            <a:off x="10306965" y="5183562"/>
            <a:ext cx="0" cy="115159"/>
          </a:xfrm>
          <a:custGeom>
            <a:avLst/>
            <a:gdLst/>
            <a:ahLst/>
            <a:cxnLst/>
            <a:rect l="l" t="t" r="r" b="b"/>
            <a:pathLst>
              <a:path h="74929">
                <a:moveTo>
                  <a:pt x="0" y="0"/>
                </a:moveTo>
                <a:lnTo>
                  <a:pt x="0" y="74777"/>
                </a:lnTo>
              </a:path>
            </a:pathLst>
          </a:custGeom>
          <a:ln w="7200">
            <a:solidFill>
              <a:srgbClr val="2F2F2F"/>
            </a:solidFill>
          </a:ln>
        </p:spPr>
        <p:txBody>
          <a:bodyPr wrap="square" lIns="0" tIns="0" rIns="0" bIns="0" rtlCol="0"/>
          <a:lstStyle/>
          <a:p>
            <a:endParaRPr sz="1500"/>
          </a:p>
        </p:txBody>
      </p:sp>
      <p:sp>
        <p:nvSpPr>
          <p:cNvPr id="200" name="object 91">
            <a:extLst>
              <a:ext uri="{FF2B5EF4-FFF2-40B4-BE49-F238E27FC236}">
                <a16:creationId xmlns:a16="http://schemas.microsoft.com/office/drawing/2014/main" xmlns="" id="{17D47435-3A97-4742-AA4C-1A791236A1C1}"/>
              </a:ext>
            </a:extLst>
          </p:cNvPr>
          <p:cNvSpPr/>
          <p:nvPr/>
        </p:nvSpPr>
        <p:spPr>
          <a:xfrm>
            <a:off x="2139448" y="3804126"/>
            <a:ext cx="0" cy="126870"/>
          </a:xfrm>
          <a:custGeom>
            <a:avLst/>
            <a:gdLst/>
            <a:ahLst/>
            <a:cxnLst/>
            <a:rect l="l" t="t" r="r" b="b"/>
            <a:pathLst>
              <a:path h="82550">
                <a:moveTo>
                  <a:pt x="0" y="0"/>
                </a:moveTo>
                <a:lnTo>
                  <a:pt x="0" y="82308"/>
                </a:lnTo>
              </a:path>
            </a:pathLst>
          </a:custGeom>
          <a:ln w="7200">
            <a:solidFill>
              <a:srgbClr val="2F2F2F"/>
            </a:solidFill>
            <a:prstDash val="sysDash"/>
          </a:ln>
        </p:spPr>
        <p:txBody>
          <a:bodyPr wrap="square" lIns="0" tIns="0" rIns="0" bIns="0" rtlCol="0"/>
          <a:lstStyle/>
          <a:p>
            <a:endParaRPr sz="1500"/>
          </a:p>
        </p:txBody>
      </p:sp>
      <p:sp>
        <p:nvSpPr>
          <p:cNvPr id="201" name="object 92">
            <a:extLst>
              <a:ext uri="{FF2B5EF4-FFF2-40B4-BE49-F238E27FC236}">
                <a16:creationId xmlns:a16="http://schemas.microsoft.com/office/drawing/2014/main" xmlns="" id="{456798CB-4D80-436A-B2B2-5D2840591B85}"/>
              </a:ext>
            </a:extLst>
          </p:cNvPr>
          <p:cNvSpPr/>
          <p:nvPr/>
        </p:nvSpPr>
        <p:spPr>
          <a:xfrm>
            <a:off x="2047420" y="3869713"/>
            <a:ext cx="184604" cy="0"/>
          </a:xfrm>
          <a:custGeom>
            <a:avLst/>
            <a:gdLst/>
            <a:ahLst/>
            <a:cxnLst/>
            <a:rect l="l" t="t" r="r" b="b"/>
            <a:pathLst>
              <a:path w="82550">
                <a:moveTo>
                  <a:pt x="82308" y="0"/>
                </a:moveTo>
                <a:lnTo>
                  <a:pt x="0" y="0"/>
                </a:lnTo>
              </a:path>
            </a:pathLst>
          </a:custGeom>
          <a:ln w="7200">
            <a:solidFill>
              <a:srgbClr val="2F2F2F"/>
            </a:solidFill>
          </a:ln>
        </p:spPr>
        <p:txBody>
          <a:bodyPr wrap="square" lIns="0" tIns="0" rIns="0" bIns="0" rtlCol="0"/>
          <a:lstStyle/>
          <a:p>
            <a:endParaRPr sz="1500"/>
          </a:p>
        </p:txBody>
      </p:sp>
      <p:sp>
        <p:nvSpPr>
          <p:cNvPr id="202" name="object 93">
            <a:extLst>
              <a:ext uri="{FF2B5EF4-FFF2-40B4-BE49-F238E27FC236}">
                <a16:creationId xmlns:a16="http://schemas.microsoft.com/office/drawing/2014/main" xmlns="" id="{85E0FB92-C1B2-471E-82DB-C4E00DD5BDDF}"/>
              </a:ext>
            </a:extLst>
          </p:cNvPr>
          <p:cNvSpPr/>
          <p:nvPr/>
        </p:nvSpPr>
        <p:spPr>
          <a:xfrm>
            <a:off x="2047420" y="3216236"/>
            <a:ext cx="184604" cy="0"/>
          </a:xfrm>
          <a:custGeom>
            <a:avLst/>
            <a:gdLst/>
            <a:ahLst/>
            <a:cxnLst/>
            <a:rect l="l" t="t" r="r" b="b"/>
            <a:pathLst>
              <a:path w="82550">
                <a:moveTo>
                  <a:pt x="82308" y="0"/>
                </a:moveTo>
                <a:lnTo>
                  <a:pt x="0" y="0"/>
                </a:lnTo>
              </a:path>
            </a:pathLst>
          </a:custGeom>
          <a:ln w="7200">
            <a:solidFill>
              <a:srgbClr val="2F2F2F"/>
            </a:solidFill>
          </a:ln>
        </p:spPr>
        <p:txBody>
          <a:bodyPr wrap="square" lIns="0" tIns="0" rIns="0" bIns="0" rtlCol="0"/>
          <a:lstStyle/>
          <a:p>
            <a:endParaRPr sz="1500"/>
          </a:p>
        </p:txBody>
      </p:sp>
      <p:sp>
        <p:nvSpPr>
          <p:cNvPr id="203" name="object 94">
            <a:extLst>
              <a:ext uri="{FF2B5EF4-FFF2-40B4-BE49-F238E27FC236}">
                <a16:creationId xmlns:a16="http://schemas.microsoft.com/office/drawing/2014/main" xmlns="" id="{4D6E4A40-13E0-442B-9C02-AA7F746C3D37}"/>
              </a:ext>
            </a:extLst>
          </p:cNvPr>
          <p:cNvSpPr/>
          <p:nvPr/>
        </p:nvSpPr>
        <p:spPr>
          <a:xfrm>
            <a:off x="518658" y="4395321"/>
            <a:ext cx="184604" cy="0"/>
          </a:xfrm>
          <a:custGeom>
            <a:avLst/>
            <a:gdLst/>
            <a:ahLst/>
            <a:cxnLst/>
            <a:rect l="l" t="t" r="r" b="b"/>
            <a:pathLst>
              <a:path w="82550">
                <a:moveTo>
                  <a:pt x="82308" y="0"/>
                </a:moveTo>
                <a:lnTo>
                  <a:pt x="0" y="0"/>
                </a:lnTo>
              </a:path>
            </a:pathLst>
          </a:custGeom>
          <a:ln w="7200">
            <a:solidFill>
              <a:srgbClr val="2F2F2F"/>
            </a:solidFill>
          </a:ln>
        </p:spPr>
        <p:txBody>
          <a:bodyPr wrap="square" lIns="0" tIns="0" rIns="0" bIns="0" rtlCol="0"/>
          <a:lstStyle/>
          <a:p>
            <a:endParaRPr sz="1500"/>
          </a:p>
        </p:txBody>
      </p:sp>
      <p:sp>
        <p:nvSpPr>
          <p:cNvPr id="204" name="object 95">
            <a:extLst>
              <a:ext uri="{FF2B5EF4-FFF2-40B4-BE49-F238E27FC236}">
                <a16:creationId xmlns:a16="http://schemas.microsoft.com/office/drawing/2014/main" xmlns="" id="{6FC43AB8-5A5A-4E46-B142-0CE8B732D200}"/>
              </a:ext>
            </a:extLst>
          </p:cNvPr>
          <p:cNvSpPr/>
          <p:nvPr/>
        </p:nvSpPr>
        <p:spPr>
          <a:xfrm>
            <a:off x="3787775" y="3804126"/>
            <a:ext cx="0" cy="126870"/>
          </a:xfrm>
          <a:custGeom>
            <a:avLst/>
            <a:gdLst/>
            <a:ahLst/>
            <a:cxnLst/>
            <a:rect l="l" t="t" r="r" b="b"/>
            <a:pathLst>
              <a:path h="82550">
                <a:moveTo>
                  <a:pt x="0" y="0"/>
                </a:moveTo>
                <a:lnTo>
                  <a:pt x="0" y="82308"/>
                </a:lnTo>
              </a:path>
            </a:pathLst>
          </a:custGeom>
          <a:ln w="7200">
            <a:solidFill>
              <a:srgbClr val="2F2F2F"/>
            </a:solidFill>
            <a:prstDash val="sysDash"/>
          </a:ln>
        </p:spPr>
        <p:txBody>
          <a:bodyPr wrap="square" lIns="0" tIns="0" rIns="0" bIns="0" rtlCol="0"/>
          <a:lstStyle/>
          <a:p>
            <a:endParaRPr sz="1500"/>
          </a:p>
        </p:txBody>
      </p:sp>
      <p:sp>
        <p:nvSpPr>
          <p:cNvPr id="205" name="object 96">
            <a:extLst>
              <a:ext uri="{FF2B5EF4-FFF2-40B4-BE49-F238E27FC236}">
                <a16:creationId xmlns:a16="http://schemas.microsoft.com/office/drawing/2014/main" xmlns="" id="{3657741D-F760-4D55-8341-6E1AEF85FCC9}"/>
              </a:ext>
            </a:extLst>
          </p:cNvPr>
          <p:cNvSpPr/>
          <p:nvPr/>
        </p:nvSpPr>
        <p:spPr>
          <a:xfrm>
            <a:off x="3695749" y="3869713"/>
            <a:ext cx="184604" cy="0"/>
          </a:xfrm>
          <a:custGeom>
            <a:avLst/>
            <a:gdLst/>
            <a:ahLst/>
            <a:cxnLst/>
            <a:rect l="l" t="t" r="r" b="b"/>
            <a:pathLst>
              <a:path w="82550">
                <a:moveTo>
                  <a:pt x="82308" y="0"/>
                </a:moveTo>
                <a:lnTo>
                  <a:pt x="0" y="0"/>
                </a:lnTo>
              </a:path>
            </a:pathLst>
          </a:custGeom>
          <a:ln w="7200">
            <a:solidFill>
              <a:srgbClr val="2F2F2F"/>
            </a:solidFill>
          </a:ln>
        </p:spPr>
        <p:txBody>
          <a:bodyPr wrap="square" lIns="0" tIns="0" rIns="0" bIns="0" rtlCol="0"/>
          <a:lstStyle/>
          <a:p>
            <a:endParaRPr sz="1500"/>
          </a:p>
        </p:txBody>
      </p:sp>
      <p:sp>
        <p:nvSpPr>
          <p:cNvPr id="206" name="object 97">
            <a:extLst>
              <a:ext uri="{FF2B5EF4-FFF2-40B4-BE49-F238E27FC236}">
                <a16:creationId xmlns:a16="http://schemas.microsoft.com/office/drawing/2014/main" xmlns="" id="{07A0362B-3414-4684-9AC0-A0D12AC6D719}"/>
              </a:ext>
            </a:extLst>
          </p:cNvPr>
          <p:cNvSpPr/>
          <p:nvPr/>
        </p:nvSpPr>
        <p:spPr>
          <a:xfrm>
            <a:off x="5498875" y="3804126"/>
            <a:ext cx="0" cy="126870"/>
          </a:xfrm>
          <a:custGeom>
            <a:avLst/>
            <a:gdLst/>
            <a:ahLst/>
            <a:cxnLst/>
            <a:rect l="l" t="t" r="r" b="b"/>
            <a:pathLst>
              <a:path h="82550">
                <a:moveTo>
                  <a:pt x="0" y="0"/>
                </a:moveTo>
                <a:lnTo>
                  <a:pt x="0" y="82308"/>
                </a:lnTo>
              </a:path>
            </a:pathLst>
          </a:custGeom>
          <a:ln w="7200">
            <a:solidFill>
              <a:srgbClr val="2F2F2F"/>
            </a:solidFill>
            <a:prstDash val="sysDash"/>
          </a:ln>
        </p:spPr>
        <p:txBody>
          <a:bodyPr wrap="square" lIns="0" tIns="0" rIns="0" bIns="0" rtlCol="0"/>
          <a:lstStyle/>
          <a:p>
            <a:endParaRPr sz="1500"/>
          </a:p>
        </p:txBody>
      </p:sp>
      <p:sp>
        <p:nvSpPr>
          <p:cNvPr id="207" name="object 98">
            <a:extLst>
              <a:ext uri="{FF2B5EF4-FFF2-40B4-BE49-F238E27FC236}">
                <a16:creationId xmlns:a16="http://schemas.microsoft.com/office/drawing/2014/main" xmlns="" id="{3A478542-0B9B-47FC-BF96-8F2CDE92B7BB}"/>
              </a:ext>
            </a:extLst>
          </p:cNvPr>
          <p:cNvSpPr/>
          <p:nvPr/>
        </p:nvSpPr>
        <p:spPr>
          <a:xfrm>
            <a:off x="5406849" y="3869713"/>
            <a:ext cx="184604" cy="0"/>
          </a:xfrm>
          <a:custGeom>
            <a:avLst/>
            <a:gdLst/>
            <a:ahLst/>
            <a:cxnLst/>
            <a:rect l="l" t="t" r="r" b="b"/>
            <a:pathLst>
              <a:path w="82550">
                <a:moveTo>
                  <a:pt x="82308" y="0"/>
                </a:moveTo>
                <a:lnTo>
                  <a:pt x="0" y="0"/>
                </a:lnTo>
              </a:path>
            </a:pathLst>
          </a:custGeom>
          <a:ln w="7200">
            <a:solidFill>
              <a:srgbClr val="2F2F2F"/>
            </a:solidFill>
          </a:ln>
        </p:spPr>
        <p:txBody>
          <a:bodyPr wrap="square" lIns="0" tIns="0" rIns="0" bIns="0" rtlCol="0"/>
          <a:lstStyle/>
          <a:p>
            <a:endParaRPr sz="1500"/>
          </a:p>
        </p:txBody>
      </p:sp>
      <p:sp>
        <p:nvSpPr>
          <p:cNvPr id="208" name="object 99">
            <a:extLst>
              <a:ext uri="{FF2B5EF4-FFF2-40B4-BE49-F238E27FC236}">
                <a16:creationId xmlns:a16="http://schemas.microsoft.com/office/drawing/2014/main" xmlns="" id="{B08B666B-5107-40DD-9197-EEA3CAB97CA7}"/>
              </a:ext>
            </a:extLst>
          </p:cNvPr>
          <p:cNvSpPr/>
          <p:nvPr/>
        </p:nvSpPr>
        <p:spPr>
          <a:xfrm>
            <a:off x="6607290" y="5139663"/>
            <a:ext cx="1083489" cy="0"/>
          </a:xfrm>
          <a:custGeom>
            <a:avLst/>
            <a:gdLst/>
            <a:ahLst/>
            <a:cxnLst/>
            <a:rect l="l" t="t" r="r" b="b"/>
            <a:pathLst>
              <a:path w="484504">
                <a:moveTo>
                  <a:pt x="0" y="0"/>
                </a:moveTo>
                <a:lnTo>
                  <a:pt x="483958" y="0"/>
                </a:lnTo>
              </a:path>
            </a:pathLst>
          </a:custGeom>
          <a:ln w="14401">
            <a:solidFill>
              <a:srgbClr val="2F2F2F"/>
            </a:solidFill>
          </a:ln>
        </p:spPr>
        <p:txBody>
          <a:bodyPr wrap="square" lIns="0" tIns="0" rIns="0" bIns="0" rtlCol="0"/>
          <a:lstStyle/>
          <a:p>
            <a:endParaRPr sz="1500"/>
          </a:p>
        </p:txBody>
      </p:sp>
      <p:sp>
        <p:nvSpPr>
          <p:cNvPr id="209" name="object 100">
            <a:extLst>
              <a:ext uri="{FF2B5EF4-FFF2-40B4-BE49-F238E27FC236}">
                <a16:creationId xmlns:a16="http://schemas.microsoft.com/office/drawing/2014/main" xmlns="" id="{0A5E3107-38F2-4BD1-BA05-5220702944B4}"/>
              </a:ext>
            </a:extLst>
          </p:cNvPr>
          <p:cNvSpPr/>
          <p:nvPr/>
        </p:nvSpPr>
        <p:spPr>
          <a:xfrm>
            <a:off x="606605" y="2969419"/>
            <a:ext cx="555234" cy="2801876"/>
          </a:xfrm>
          <a:custGeom>
            <a:avLst/>
            <a:gdLst/>
            <a:ahLst/>
            <a:cxnLst/>
            <a:rect l="l" t="t" r="r" b="b"/>
            <a:pathLst>
              <a:path w="248284" h="1823084">
                <a:moveTo>
                  <a:pt x="161721" y="0"/>
                </a:moveTo>
                <a:lnTo>
                  <a:pt x="0" y="0"/>
                </a:lnTo>
                <a:lnTo>
                  <a:pt x="0" y="1822996"/>
                </a:lnTo>
                <a:lnTo>
                  <a:pt x="248132" y="1822996"/>
                </a:lnTo>
              </a:path>
            </a:pathLst>
          </a:custGeom>
          <a:ln w="7200">
            <a:solidFill>
              <a:srgbClr val="2F2F2F"/>
            </a:solidFill>
            <a:prstDash val="sysDash"/>
          </a:ln>
        </p:spPr>
        <p:txBody>
          <a:bodyPr wrap="square" lIns="0" tIns="0" rIns="0" bIns="0" rtlCol="0"/>
          <a:lstStyle/>
          <a:p>
            <a:endParaRPr sz="1500"/>
          </a:p>
        </p:txBody>
      </p:sp>
      <p:sp>
        <p:nvSpPr>
          <p:cNvPr id="210" name="object 101">
            <a:extLst>
              <a:ext uri="{FF2B5EF4-FFF2-40B4-BE49-F238E27FC236}">
                <a16:creationId xmlns:a16="http://schemas.microsoft.com/office/drawing/2014/main" xmlns="" id="{2D5A3F3C-B07F-40CB-A64B-9B7E35AA4082}"/>
              </a:ext>
            </a:extLst>
          </p:cNvPr>
          <p:cNvSpPr/>
          <p:nvPr/>
        </p:nvSpPr>
        <p:spPr>
          <a:xfrm>
            <a:off x="2091116" y="4202806"/>
            <a:ext cx="97983" cy="67338"/>
          </a:xfrm>
          <a:custGeom>
            <a:avLst/>
            <a:gdLst/>
            <a:ahLst/>
            <a:cxnLst/>
            <a:rect l="l" t="t" r="r" b="b"/>
            <a:pathLst>
              <a:path w="43815"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0" tIns="0" rIns="0" bIns="0" rtlCol="0"/>
          <a:lstStyle/>
          <a:p>
            <a:endParaRPr sz="1500"/>
          </a:p>
        </p:txBody>
      </p:sp>
      <p:sp>
        <p:nvSpPr>
          <p:cNvPr id="211" name="object 102">
            <a:extLst>
              <a:ext uri="{FF2B5EF4-FFF2-40B4-BE49-F238E27FC236}">
                <a16:creationId xmlns:a16="http://schemas.microsoft.com/office/drawing/2014/main" xmlns="" id="{84EAD3E4-D115-437F-8860-D8352FBBD9D2}"/>
              </a:ext>
            </a:extLst>
          </p:cNvPr>
          <p:cNvSpPr/>
          <p:nvPr/>
        </p:nvSpPr>
        <p:spPr>
          <a:xfrm>
            <a:off x="2091116" y="4462544"/>
            <a:ext cx="97983" cy="67338"/>
          </a:xfrm>
          <a:custGeom>
            <a:avLst/>
            <a:gdLst/>
            <a:ahLst/>
            <a:cxnLst/>
            <a:rect l="l" t="t" r="r" b="b"/>
            <a:pathLst>
              <a:path w="43815"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0" tIns="0" rIns="0" bIns="0" rtlCol="0"/>
          <a:lstStyle/>
          <a:p>
            <a:endParaRPr sz="1500"/>
          </a:p>
        </p:txBody>
      </p:sp>
      <p:sp>
        <p:nvSpPr>
          <p:cNvPr id="212" name="object 103">
            <a:extLst>
              <a:ext uri="{FF2B5EF4-FFF2-40B4-BE49-F238E27FC236}">
                <a16:creationId xmlns:a16="http://schemas.microsoft.com/office/drawing/2014/main" xmlns="" id="{E8806043-ECCC-4FC3-97A6-28B83BADE96A}"/>
              </a:ext>
            </a:extLst>
          </p:cNvPr>
          <p:cNvSpPr/>
          <p:nvPr/>
        </p:nvSpPr>
        <p:spPr>
          <a:xfrm>
            <a:off x="5450558" y="4462544"/>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0" tIns="0" rIns="0" bIns="0" rtlCol="0"/>
          <a:lstStyle/>
          <a:p>
            <a:endParaRPr sz="1500"/>
          </a:p>
        </p:txBody>
      </p:sp>
      <p:sp>
        <p:nvSpPr>
          <p:cNvPr id="213" name="object 104">
            <a:extLst>
              <a:ext uri="{FF2B5EF4-FFF2-40B4-BE49-F238E27FC236}">
                <a16:creationId xmlns:a16="http://schemas.microsoft.com/office/drawing/2014/main" xmlns="" id="{D6B1BCC6-2021-4575-9679-C504C773F352}"/>
              </a:ext>
            </a:extLst>
          </p:cNvPr>
          <p:cNvSpPr/>
          <p:nvPr/>
        </p:nvSpPr>
        <p:spPr>
          <a:xfrm>
            <a:off x="5450558" y="4202806"/>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0" tIns="0" rIns="0" bIns="0" rtlCol="0"/>
          <a:lstStyle/>
          <a:p>
            <a:endParaRPr sz="1500"/>
          </a:p>
        </p:txBody>
      </p:sp>
      <p:sp>
        <p:nvSpPr>
          <p:cNvPr id="214" name="object 105">
            <a:extLst>
              <a:ext uri="{FF2B5EF4-FFF2-40B4-BE49-F238E27FC236}">
                <a16:creationId xmlns:a16="http://schemas.microsoft.com/office/drawing/2014/main" xmlns="" id="{F1199B8D-478D-4C45-B09F-296E90D18A04}"/>
              </a:ext>
            </a:extLst>
          </p:cNvPr>
          <p:cNvSpPr/>
          <p:nvPr/>
        </p:nvSpPr>
        <p:spPr>
          <a:xfrm flipH="1">
            <a:off x="3745864" y="5311605"/>
            <a:ext cx="45719" cy="201310"/>
          </a:xfrm>
          <a:custGeom>
            <a:avLst/>
            <a:gdLst/>
            <a:ahLst/>
            <a:cxnLst/>
            <a:rect l="l" t="t" r="r" b="b"/>
            <a:pathLst>
              <a:path h="169545">
                <a:moveTo>
                  <a:pt x="0" y="0"/>
                </a:moveTo>
                <a:lnTo>
                  <a:pt x="0" y="168998"/>
                </a:lnTo>
              </a:path>
            </a:pathLst>
          </a:custGeom>
          <a:ln w="14401">
            <a:solidFill>
              <a:srgbClr val="2F2F2F"/>
            </a:solidFill>
          </a:ln>
        </p:spPr>
        <p:txBody>
          <a:bodyPr wrap="square" lIns="0" tIns="0" rIns="0" bIns="0" rtlCol="0"/>
          <a:lstStyle/>
          <a:p>
            <a:endParaRPr sz="1500"/>
          </a:p>
        </p:txBody>
      </p:sp>
      <p:sp>
        <p:nvSpPr>
          <p:cNvPr id="215" name="object 106">
            <a:extLst>
              <a:ext uri="{FF2B5EF4-FFF2-40B4-BE49-F238E27FC236}">
                <a16:creationId xmlns:a16="http://schemas.microsoft.com/office/drawing/2014/main" xmlns="" id="{DEA46915-1A34-404E-8568-1FEC1464297C}"/>
              </a:ext>
            </a:extLst>
          </p:cNvPr>
          <p:cNvSpPr/>
          <p:nvPr/>
        </p:nvSpPr>
        <p:spPr>
          <a:xfrm>
            <a:off x="3741976" y="5478880"/>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0" tIns="0" rIns="0" bIns="0" rtlCol="0"/>
          <a:lstStyle/>
          <a:p>
            <a:endParaRPr sz="1500"/>
          </a:p>
        </p:txBody>
      </p:sp>
      <p:sp>
        <p:nvSpPr>
          <p:cNvPr id="216" name="object 107">
            <a:extLst>
              <a:ext uri="{FF2B5EF4-FFF2-40B4-BE49-F238E27FC236}">
                <a16:creationId xmlns:a16="http://schemas.microsoft.com/office/drawing/2014/main" xmlns="" id="{DA79B005-9219-4243-95F1-076DA69C8A87}"/>
              </a:ext>
            </a:extLst>
          </p:cNvPr>
          <p:cNvSpPr/>
          <p:nvPr/>
        </p:nvSpPr>
        <p:spPr>
          <a:xfrm>
            <a:off x="3741976" y="5285817"/>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0" tIns="0" rIns="0" bIns="0" rtlCol="0"/>
          <a:lstStyle/>
          <a:p>
            <a:endParaRPr sz="1500"/>
          </a:p>
        </p:txBody>
      </p:sp>
      <p:sp>
        <p:nvSpPr>
          <p:cNvPr id="217" name="object 108">
            <a:extLst>
              <a:ext uri="{FF2B5EF4-FFF2-40B4-BE49-F238E27FC236}">
                <a16:creationId xmlns:a16="http://schemas.microsoft.com/office/drawing/2014/main" xmlns="" id="{B7932016-86BD-4C85-8691-809E4D08A9CD}"/>
              </a:ext>
            </a:extLst>
          </p:cNvPr>
          <p:cNvSpPr/>
          <p:nvPr/>
        </p:nvSpPr>
        <p:spPr>
          <a:xfrm>
            <a:off x="3787775" y="4236007"/>
            <a:ext cx="0" cy="260572"/>
          </a:xfrm>
          <a:custGeom>
            <a:avLst/>
            <a:gdLst/>
            <a:ahLst/>
            <a:cxnLst/>
            <a:rect l="l" t="t" r="r" b="b"/>
            <a:pathLst>
              <a:path h="169545">
                <a:moveTo>
                  <a:pt x="0" y="0"/>
                </a:moveTo>
                <a:lnTo>
                  <a:pt x="0" y="168998"/>
                </a:lnTo>
              </a:path>
            </a:pathLst>
          </a:custGeom>
          <a:ln w="14401">
            <a:solidFill>
              <a:srgbClr val="2F2F2F"/>
            </a:solidFill>
          </a:ln>
        </p:spPr>
        <p:txBody>
          <a:bodyPr wrap="square" lIns="0" tIns="0" rIns="0" bIns="0" rtlCol="0"/>
          <a:lstStyle/>
          <a:p>
            <a:endParaRPr sz="1500"/>
          </a:p>
        </p:txBody>
      </p:sp>
      <p:sp>
        <p:nvSpPr>
          <p:cNvPr id="218" name="object 109">
            <a:extLst>
              <a:ext uri="{FF2B5EF4-FFF2-40B4-BE49-F238E27FC236}">
                <a16:creationId xmlns:a16="http://schemas.microsoft.com/office/drawing/2014/main" xmlns="" id="{237420CF-82B8-484C-84DA-D0CE6EBC9332}"/>
              </a:ext>
            </a:extLst>
          </p:cNvPr>
          <p:cNvSpPr/>
          <p:nvPr/>
        </p:nvSpPr>
        <p:spPr>
          <a:xfrm>
            <a:off x="3741976" y="4462544"/>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0" tIns="0" rIns="0" bIns="0" rtlCol="0"/>
          <a:lstStyle/>
          <a:p>
            <a:endParaRPr sz="1500"/>
          </a:p>
        </p:txBody>
      </p:sp>
      <p:sp>
        <p:nvSpPr>
          <p:cNvPr id="219" name="object 110">
            <a:extLst>
              <a:ext uri="{FF2B5EF4-FFF2-40B4-BE49-F238E27FC236}">
                <a16:creationId xmlns:a16="http://schemas.microsoft.com/office/drawing/2014/main" xmlns="" id="{A1A5DB44-8DF4-4641-BCC6-4E7FA6AF8B49}"/>
              </a:ext>
            </a:extLst>
          </p:cNvPr>
          <p:cNvSpPr/>
          <p:nvPr/>
        </p:nvSpPr>
        <p:spPr>
          <a:xfrm>
            <a:off x="3741976" y="4202806"/>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0" tIns="0" rIns="0" bIns="0" rtlCol="0"/>
          <a:lstStyle/>
          <a:p>
            <a:endParaRPr sz="1500"/>
          </a:p>
        </p:txBody>
      </p:sp>
      <p:sp>
        <p:nvSpPr>
          <p:cNvPr id="220" name="object 60">
            <a:extLst>
              <a:ext uri="{FF2B5EF4-FFF2-40B4-BE49-F238E27FC236}">
                <a16:creationId xmlns:a16="http://schemas.microsoft.com/office/drawing/2014/main" xmlns="" id="{1C529916-1FC8-4D52-9AAA-AA7F22E91839}"/>
              </a:ext>
            </a:extLst>
          </p:cNvPr>
          <p:cNvSpPr txBox="1"/>
          <p:nvPr/>
        </p:nvSpPr>
        <p:spPr>
          <a:xfrm>
            <a:off x="3458156" y="5730351"/>
            <a:ext cx="836402" cy="230832"/>
          </a:xfrm>
          <a:prstGeom prst="rect">
            <a:avLst/>
          </a:prstGeom>
        </p:spPr>
        <p:txBody>
          <a:bodyPr vert="horz" wrap="square" lIns="0" tIns="0" rIns="0" bIns="0" rtlCol="0">
            <a:spAutoFit/>
          </a:bodyPr>
          <a:lstStyle/>
          <a:p>
            <a:pPr marL="12700">
              <a:lnSpc>
                <a:spcPct val="100000"/>
              </a:lnSpc>
            </a:pPr>
            <a:r>
              <a:rPr lang="en-US" sz="1500" spc="35">
                <a:solidFill>
                  <a:srgbClr val="2F2F2F"/>
                </a:solidFill>
                <a:cs typeface="微软雅黑"/>
              </a:rPr>
              <a:t>Storage</a:t>
            </a:r>
            <a:endParaRPr sz="1500">
              <a:cs typeface="微软雅黑"/>
            </a:endParaRPr>
          </a:p>
        </p:txBody>
      </p:sp>
      <p:sp>
        <p:nvSpPr>
          <p:cNvPr id="221" name="object 60">
            <a:extLst>
              <a:ext uri="{FF2B5EF4-FFF2-40B4-BE49-F238E27FC236}">
                <a16:creationId xmlns:a16="http://schemas.microsoft.com/office/drawing/2014/main" xmlns="" id="{33DD27C3-74E3-49C4-815C-410124347FA3}"/>
              </a:ext>
            </a:extLst>
          </p:cNvPr>
          <p:cNvSpPr txBox="1"/>
          <p:nvPr/>
        </p:nvSpPr>
        <p:spPr>
          <a:xfrm>
            <a:off x="1586886" y="5730351"/>
            <a:ext cx="1024787" cy="230832"/>
          </a:xfrm>
          <a:prstGeom prst="rect">
            <a:avLst/>
          </a:prstGeom>
        </p:spPr>
        <p:txBody>
          <a:bodyPr vert="horz" wrap="square" lIns="0" tIns="0" rIns="0" bIns="0" rtlCol="0">
            <a:spAutoFit/>
          </a:bodyPr>
          <a:lstStyle/>
          <a:p>
            <a:pPr marL="12700">
              <a:lnSpc>
                <a:spcPct val="100000"/>
              </a:lnSpc>
            </a:pPr>
            <a:r>
              <a:rPr lang="en-US" sz="1500" spc="35">
                <a:solidFill>
                  <a:srgbClr val="2F2F2F"/>
                </a:solidFill>
                <a:cs typeface="微软雅黑"/>
              </a:rPr>
              <a:t>Computing</a:t>
            </a:r>
            <a:endParaRPr sz="1500">
              <a:cs typeface="微软雅黑"/>
            </a:endParaRPr>
          </a:p>
        </p:txBody>
      </p:sp>
      <p:grpSp>
        <p:nvGrpSpPr>
          <p:cNvPr id="222" name="组合 221">
            <a:extLst>
              <a:ext uri="{FF2B5EF4-FFF2-40B4-BE49-F238E27FC236}">
                <a16:creationId xmlns:a16="http://schemas.microsoft.com/office/drawing/2014/main" xmlns="" id="{2CA1A3AE-45CB-481D-8BA6-C52F23495C53}"/>
              </a:ext>
            </a:extLst>
          </p:cNvPr>
          <p:cNvGrpSpPr/>
          <p:nvPr/>
        </p:nvGrpSpPr>
        <p:grpSpPr>
          <a:xfrm>
            <a:off x="1432741" y="6075085"/>
            <a:ext cx="9296746" cy="552061"/>
            <a:chOff x="1432741" y="6060571"/>
            <a:chExt cx="9296746" cy="552061"/>
          </a:xfrm>
        </p:grpSpPr>
        <p:sp>
          <p:nvSpPr>
            <p:cNvPr id="223" name="object 111">
              <a:extLst>
                <a:ext uri="{FF2B5EF4-FFF2-40B4-BE49-F238E27FC236}">
                  <a16:creationId xmlns:a16="http://schemas.microsoft.com/office/drawing/2014/main" xmlns="" id="{41AEF14B-6F26-4762-B5C1-95A4D9FC47AE}"/>
                </a:ext>
              </a:extLst>
            </p:cNvPr>
            <p:cNvSpPr/>
            <p:nvPr/>
          </p:nvSpPr>
          <p:spPr>
            <a:xfrm>
              <a:off x="7949522" y="6173960"/>
              <a:ext cx="0" cy="115159"/>
            </a:xfrm>
            <a:custGeom>
              <a:avLst/>
              <a:gdLst/>
              <a:ahLst/>
              <a:cxnLst/>
              <a:rect l="l" t="t" r="r" b="b"/>
              <a:pathLst>
                <a:path h="74929">
                  <a:moveTo>
                    <a:pt x="0" y="0"/>
                  </a:moveTo>
                  <a:lnTo>
                    <a:pt x="0" y="74777"/>
                  </a:lnTo>
                </a:path>
              </a:pathLst>
            </a:custGeom>
            <a:ln w="7200">
              <a:solidFill>
                <a:srgbClr val="2F2F2F"/>
              </a:solidFill>
            </a:ln>
          </p:spPr>
          <p:txBody>
            <a:bodyPr wrap="square" lIns="0" tIns="0" rIns="0" bIns="0" rtlCol="0"/>
            <a:lstStyle/>
            <a:p>
              <a:endParaRPr sz="1500"/>
            </a:p>
          </p:txBody>
        </p:sp>
        <p:sp>
          <p:nvSpPr>
            <p:cNvPr id="224" name="object 112">
              <a:extLst>
                <a:ext uri="{FF2B5EF4-FFF2-40B4-BE49-F238E27FC236}">
                  <a16:creationId xmlns:a16="http://schemas.microsoft.com/office/drawing/2014/main" xmlns="" id="{CD1972AF-F06A-463A-B9B8-3C36BDE8925D}"/>
                </a:ext>
              </a:extLst>
            </p:cNvPr>
            <p:cNvSpPr/>
            <p:nvPr/>
          </p:nvSpPr>
          <p:spPr>
            <a:xfrm>
              <a:off x="7726863" y="6231419"/>
              <a:ext cx="445892" cy="0"/>
            </a:xfrm>
            <a:custGeom>
              <a:avLst/>
              <a:gdLst/>
              <a:ahLst/>
              <a:cxnLst/>
              <a:rect l="l" t="t" r="r" b="b"/>
              <a:pathLst>
                <a:path w="199389">
                  <a:moveTo>
                    <a:pt x="0" y="0"/>
                  </a:moveTo>
                  <a:lnTo>
                    <a:pt x="199136" y="0"/>
                  </a:lnTo>
                </a:path>
              </a:pathLst>
            </a:custGeom>
            <a:ln w="14401">
              <a:solidFill>
                <a:srgbClr val="2F2F2F"/>
              </a:solidFill>
            </a:ln>
          </p:spPr>
          <p:txBody>
            <a:bodyPr wrap="square" lIns="0" tIns="0" rIns="0" bIns="0" rtlCol="0"/>
            <a:lstStyle/>
            <a:p>
              <a:endParaRPr sz="1500"/>
            </a:p>
          </p:txBody>
        </p:sp>
        <p:sp>
          <p:nvSpPr>
            <p:cNvPr id="225" name="object 113">
              <a:extLst>
                <a:ext uri="{FF2B5EF4-FFF2-40B4-BE49-F238E27FC236}">
                  <a16:creationId xmlns:a16="http://schemas.microsoft.com/office/drawing/2014/main" xmlns="" id="{11F15E47-E46A-493E-B317-7BC3BD6A7CF1}"/>
                </a:ext>
              </a:extLst>
            </p:cNvPr>
            <p:cNvSpPr txBox="1"/>
            <p:nvPr/>
          </p:nvSpPr>
          <p:spPr>
            <a:xfrm>
              <a:off x="8216022" y="6150967"/>
              <a:ext cx="2513465" cy="461665"/>
            </a:xfrm>
            <a:prstGeom prst="rect">
              <a:avLst/>
            </a:prstGeom>
          </p:spPr>
          <p:txBody>
            <a:bodyPr vert="horz" wrap="square" lIns="0" tIns="0" rIns="0" bIns="0" rtlCol="0">
              <a:spAutoFit/>
            </a:bodyPr>
            <a:lstStyle/>
            <a:p>
              <a:pPr marL="12700">
                <a:lnSpc>
                  <a:spcPct val="100000"/>
                </a:lnSpc>
              </a:pPr>
              <a:r>
                <a:rPr sz="1500" spc="30" dirty="0">
                  <a:solidFill>
                    <a:srgbClr val="2F2F2F"/>
                  </a:solidFill>
                  <a:cs typeface="微软雅黑"/>
                </a:rPr>
                <a:t>Main NFV reference</a:t>
              </a:r>
              <a:r>
                <a:rPr sz="1500" spc="85" dirty="0">
                  <a:solidFill>
                    <a:srgbClr val="2F2F2F"/>
                  </a:solidFill>
                  <a:cs typeface="微软雅黑"/>
                </a:rPr>
                <a:t> </a:t>
              </a:r>
              <a:r>
                <a:rPr sz="1500" spc="35" dirty="0">
                  <a:solidFill>
                    <a:srgbClr val="2F2F2F"/>
                  </a:solidFill>
                  <a:cs typeface="微软雅黑"/>
                </a:rPr>
                <a:t>points</a:t>
              </a:r>
              <a:endParaRPr sz="1500">
                <a:cs typeface="微软雅黑"/>
              </a:endParaRPr>
            </a:p>
          </p:txBody>
        </p:sp>
        <p:sp>
          <p:nvSpPr>
            <p:cNvPr id="226" name="object 114">
              <a:extLst>
                <a:ext uri="{FF2B5EF4-FFF2-40B4-BE49-F238E27FC236}">
                  <a16:creationId xmlns:a16="http://schemas.microsoft.com/office/drawing/2014/main" xmlns="" id="{3BA992B7-D0AA-448E-9D49-57C9CA958857}"/>
                </a:ext>
              </a:extLst>
            </p:cNvPr>
            <p:cNvSpPr txBox="1"/>
            <p:nvPr/>
          </p:nvSpPr>
          <p:spPr>
            <a:xfrm>
              <a:off x="1935753" y="6060571"/>
              <a:ext cx="2899715" cy="307777"/>
            </a:xfrm>
            <a:prstGeom prst="rect">
              <a:avLst/>
            </a:prstGeom>
          </p:spPr>
          <p:txBody>
            <a:bodyPr vert="horz" wrap="square" lIns="0" tIns="0" rIns="0" bIns="0" rtlCol="0">
              <a:spAutoFit/>
            </a:bodyPr>
            <a:lstStyle/>
            <a:p>
              <a:pPr marL="12700">
                <a:lnSpc>
                  <a:spcPts val="645"/>
                </a:lnSpc>
                <a:tabLst>
                  <a:tab pos="839469" algn="l"/>
                </a:tabLst>
              </a:pPr>
              <a:endParaRPr lang="zh-CN" altLang="en-US" sz="1500">
                <a:cs typeface="Times New Roman"/>
              </a:endParaRPr>
            </a:p>
            <a:p>
              <a:pPr marL="189230">
                <a:lnSpc>
                  <a:spcPct val="100000"/>
                </a:lnSpc>
              </a:pPr>
              <a:r>
                <a:rPr sz="1500" spc="30">
                  <a:solidFill>
                    <a:srgbClr val="2F2F2F"/>
                  </a:solidFill>
                  <a:cs typeface="微软雅黑"/>
                </a:rPr>
                <a:t>Execution </a:t>
              </a:r>
              <a:r>
                <a:rPr sz="1500" spc="30" dirty="0">
                  <a:solidFill>
                    <a:srgbClr val="2F2F2F"/>
                  </a:solidFill>
                  <a:cs typeface="微软雅黑"/>
                </a:rPr>
                <a:t>reference</a:t>
              </a:r>
              <a:r>
                <a:rPr sz="1500" spc="80" dirty="0">
                  <a:solidFill>
                    <a:srgbClr val="2F2F2F"/>
                  </a:solidFill>
                  <a:cs typeface="微软雅黑"/>
                </a:rPr>
                <a:t> </a:t>
              </a:r>
              <a:r>
                <a:rPr sz="1500" spc="35" dirty="0">
                  <a:solidFill>
                    <a:srgbClr val="2F2F2F"/>
                  </a:solidFill>
                  <a:cs typeface="微软雅黑"/>
                </a:rPr>
                <a:t>points</a:t>
              </a:r>
              <a:endParaRPr sz="1500">
                <a:cs typeface="微软雅黑"/>
              </a:endParaRPr>
            </a:p>
          </p:txBody>
        </p:sp>
        <p:sp>
          <p:nvSpPr>
            <p:cNvPr id="227" name="object 115">
              <a:extLst>
                <a:ext uri="{FF2B5EF4-FFF2-40B4-BE49-F238E27FC236}">
                  <a16:creationId xmlns:a16="http://schemas.microsoft.com/office/drawing/2014/main" xmlns="" id="{A88F9E8C-54DB-425B-A559-70F20D6A63E2}"/>
                </a:ext>
              </a:extLst>
            </p:cNvPr>
            <p:cNvSpPr/>
            <p:nvPr/>
          </p:nvSpPr>
          <p:spPr>
            <a:xfrm>
              <a:off x="1481058" y="6229679"/>
              <a:ext cx="379150" cy="0"/>
            </a:xfrm>
            <a:custGeom>
              <a:avLst/>
              <a:gdLst/>
              <a:ahLst/>
              <a:cxnLst/>
              <a:rect l="l" t="t" r="r" b="b"/>
              <a:pathLst>
                <a:path w="169544">
                  <a:moveTo>
                    <a:pt x="168998" y="0"/>
                  </a:moveTo>
                  <a:lnTo>
                    <a:pt x="0" y="0"/>
                  </a:lnTo>
                </a:path>
              </a:pathLst>
            </a:custGeom>
            <a:ln w="14401">
              <a:solidFill>
                <a:srgbClr val="2F2F2F"/>
              </a:solidFill>
            </a:ln>
          </p:spPr>
          <p:txBody>
            <a:bodyPr wrap="square" lIns="0" tIns="0" rIns="0" bIns="0" rtlCol="0"/>
            <a:lstStyle/>
            <a:p>
              <a:endParaRPr sz="1500"/>
            </a:p>
          </p:txBody>
        </p:sp>
        <p:sp>
          <p:nvSpPr>
            <p:cNvPr id="228" name="object 116">
              <a:extLst>
                <a:ext uri="{FF2B5EF4-FFF2-40B4-BE49-F238E27FC236}">
                  <a16:creationId xmlns:a16="http://schemas.microsoft.com/office/drawing/2014/main" xmlns="" id="{CE8D14A8-6B79-4C12-89EF-3DFBEEEE82F8}"/>
                </a:ext>
              </a:extLst>
            </p:cNvPr>
            <p:cNvSpPr txBox="1"/>
            <p:nvPr/>
          </p:nvSpPr>
          <p:spPr>
            <a:xfrm>
              <a:off x="5048189" y="6150967"/>
              <a:ext cx="2702330" cy="230832"/>
            </a:xfrm>
            <a:prstGeom prst="rect">
              <a:avLst/>
            </a:prstGeom>
          </p:spPr>
          <p:txBody>
            <a:bodyPr vert="horz" wrap="square" lIns="0" tIns="0" rIns="0" bIns="0" rtlCol="0">
              <a:spAutoFit/>
            </a:bodyPr>
            <a:lstStyle/>
            <a:p>
              <a:pPr marL="12700">
                <a:lnSpc>
                  <a:spcPct val="100000"/>
                </a:lnSpc>
                <a:tabLst>
                  <a:tab pos="213995" algn="l"/>
                </a:tabLst>
              </a:pPr>
              <a:r>
                <a:rPr sz="1500" spc="-65">
                  <a:solidFill>
                    <a:srgbClr val="2F2F2F"/>
                  </a:solidFill>
                  <a:cs typeface="Times New Roman"/>
                </a:rPr>
                <a:t> </a:t>
              </a:r>
              <a:r>
                <a:rPr sz="1500" spc="30" dirty="0">
                  <a:solidFill>
                    <a:srgbClr val="2F2F2F"/>
                  </a:solidFill>
                  <a:cs typeface="微软雅黑"/>
                </a:rPr>
                <a:t>Other reference</a:t>
              </a:r>
              <a:r>
                <a:rPr sz="1500" spc="55" dirty="0">
                  <a:solidFill>
                    <a:srgbClr val="2F2F2F"/>
                  </a:solidFill>
                  <a:cs typeface="微软雅黑"/>
                </a:rPr>
                <a:t> </a:t>
              </a:r>
              <a:r>
                <a:rPr sz="1500" spc="35" dirty="0">
                  <a:solidFill>
                    <a:srgbClr val="2F2F2F"/>
                  </a:solidFill>
                  <a:cs typeface="微软雅黑"/>
                </a:rPr>
                <a:t>points</a:t>
              </a:r>
              <a:endParaRPr sz="1500">
                <a:cs typeface="微软雅黑"/>
              </a:endParaRPr>
            </a:p>
          </p:txBody>
        </p:sp>
        <p:sp>
          <p:nvSpPr>
            <p:cNvPr id="229" name="object 117">
              <a:extLst>
                <a:ext uri="{FF2B5EF4-FFF2-40B4-BE49-F238E27FC236}">
                  <a16:creationId xmlns:a16="http://schemas.microsoft.com/office/drawing/2014/main" xmlns="" id="{7B9594A0-4D7D-4E1F-A476-12665F7C2977}"/>
                </a:ext>
              </a:extLst>
            </p:cNvPr>
            <p:cNvSpPr/>
            <p:nvPr/>
          </p:nvSpPr>
          <p:spPr>
            <a:xfrm>
              <a:off x="1432741" y="6198206"/>
              <a:ext cx="97983" cy="67338"/>
            </a:xfrm>
            <a:custGeom>
              <a:avLst/>
              <a:gdLst/>
              <a:ahLst/>
              <a:cxnLst/>
              <a:rect l="l" t="t" r="r" b="b"/>
              <a:pathLst>
                <a:path w="43815" h="43815">
                  <a:moveTo>
                    <a:pt x="21602" y="0"/>
                  </a:moveTo>
                  <a:lnTo>
                    <a:pt x="13190" y="1698"/>
                  </a:lnTo>
                  <a:lnTo>
                    <a:pt x="6324" y="6330"/>
                  </a:lnTo>
                  <a:lnTo>
                    <a:pt x="1696" y="13201"/>
                  </a:lnTo>
                  <a:lnTo>
                    <a:pt x="0" y="21615"/>
                  </a:lnTo>
                  <a:lnTo>
                    <a:pt x="1696" y="30021"/>
                  </a:lnTo>
                  <a:lnTo>
                    <a:pt x="6324" y="36888"/>
                  </a:lnTo>
                  <a:lnTo>
                    <a:pt x="13190" y="41519"/>
                  </a:lnTo>
                  <a:lnTo>
                    <a:pt x="21602" y="43218"/>
                  </a:lnTo>
                  <a:lnTo>
                    <a:pt x="30014" y="41519"/>
                  </a:lnTo>
                  <a:lnTo>
                    <a:pt x="36880" y="36888"/>
                  </a:lnTo>
                  <a:lnTo>
                    <a:pt x="41508" y="30021"/>
                  </a:lnTo>
                  <a:lnTo>
                    <a:pt x="43205" y="21615"/>
                  </a:lnTo>
                  <a:lnTo>
                    <a:pt x="41508" y="13201"/>
                  </a:lnTo>
                  <a:lnTo>
                    <a:pt x="36880" y="6330"/>
                  </a:lnTo>
                  <a:lnTo>
                    <a:pt x="30014" y="1698"/>
                  </a:lnTo>
                  <a:lnTo>
                    <a:pt x="21602" y="0"/>
                  </a:lnTo>
                  <a:close/>
                </a:path>
              </a:pathLst>
            </a:custGeom>
            <a:solidFill>
              <a:srgbClr val="2F2F2F"/>
            </a:solidFill>
          </p:spPr>
          <p:txBody>
            <a:bodyPr wrap="square" lIns="0" tIns="0" rIns="0" bIns="0" rtlCol="0"/>
            <a:lstStyle/>
            <a:p>
              <a:endParaRPr sz="1500"/>
            </a:p>
          </p:txBody>
        </p:sp>
        <p:sp>
          <p:nvSpPr>
            <p:cNvPr id="230" name="object 118">
              <a:extLst>
                <a:ext uri="{FF2B5EF4-FFF2-40B4-BE49-F238E27FC236}">
                  <a16:creationId xmlns:a16="http://schemas.microsoft.com/office/drawing/2014/main" xmlns="" id="{DAA94F39-98FA-4741-99B3-0703C1A7E6ED}"/>
                </a:ext>
              </a:extLst>
            </p:cNvPr>
            <p:cNvSpPr/>
            <p:nvPr/>
          </p:nvSpPr>
          <p:spPr>
            <a:xfrm>
              <a:off x="1810679" y="6198206"/>
              <a:ext cx="97983" cy="67338"/>
            </a:xfrm>
            <a:custGeom>
              <a:avLst/>
              <a:gdLst/>
              <a:ahLst/>
              <a:cxnLst/>
              <a:rect l="l" t="t" r="r" b="b"/>
              <a:pathLst>
                <a:path w="43815" h="43815">
                  <a:moveTo>
                    <a:pt x="21602" y="0"/>
                  </a:moveTo>
                  <a:lnTo>
                    <a:pt x="13190" y="1698"/>
                  </a:lnTo>
                  <a:lnTo>
                    <a:pt x="6324" y="6330"/>
                  </a:lnTo>
                  <a:lnTo>
                    <a:pt x="1696" y="13201"/>
                  </a:lnTo>
                  <a:lnTo>
                    <a:pt x="0" y="21615"/>
                  </a:lnTo>
                  <a:lnTo>
                    <a:pt x="1696" y="30021"/>
                  </a:lnTo>
                  <a:lnTo>
                    <a:pt x="6324" y="36888"/>
                  </a:lnTo>
                  <a:lnTo>
                    <a:pt x="13190" y="41519"/>
                  </a:lnTo>
                  <a:lnTo>
                    <a:pt x="21602" y="43218"/>
                  </a:lnTo>
                  <a:lnTo>
                    <a:pt x="30014" y="41519"/>
                  </a:lnTo>
                  <a:lnTo>
                    <a:pt x="36880" y="36888"/>
                  </a:lnTo>
                  <a:lnTo>
                    <a:pt x="41508" y="30021"/>
                  </a:lnTo>
                  <a:lnTo>
                    <a:pt x="43205" y="21615"/>
                  </a:lnTo>
                  <a:lnTo>
                    <a:pt x="41508" y="13201"/>
                  </a:lnTo>
                  <a:lnTo>
                    <a:pt x="36880" y="6330"/>
                  </a:lnTo>
                  <a:lnTo>
                    <a:pt x="30014" y="1698"/>
                  </a:lnTo>
                  <a:lnTo>
                    <a:pt x="21602" y="0"/>
                  </a:lnTo>
                  <a:close/>
                </a:path>
              </a:pathLst>
            </a:custGeom>
            <a:solidFill>
              <a:srgbClr val="2F2F2F"/>
            </a:solidFill>
          </p:spPr>
          <p:txBody>
            <a:bodyPr wrap="square" lIns="0" tIns="0" rIns="0" bIns="0" rtlCol="0"/>
            <a:lstStyle/>
            <a:p>
              <a:endParaRPr sz="1500"/>
            </a:p>
          </p:txBody>
        </p:sp>
        <p:sp>
          <p:nvSpPr>
            <p:cNvPr id="231" name="object 116">
              <a:extLst>
                <a:ext uri="{FF2B5EF4-FFF2-40B4-BE49-F238E27FC236}">
                  <a16:creationId xmlns:a16="http://schemas.microsoft.com/office/drawing/2014/main" xmlns="" id="{DDFBE0EE-EBBF-41C3-8024-CD72B504700C}"/>
                </a:ext>
              </a:extLst>
            </p:cNvPr>
            <p:cNvSpPr txBox="1"/>
            <p:nvPr/>
          </p:nvSpPr>
          <p:spPr>
            <a:xfrm>
              <a:off x="4748655" y="6063560"/>
              <a:ext cx="2702330" cy="230832"/>
            </a:xfrm>
            <a:prstGeom prst="rect">
              <a:avLst/>
            </a:prstGeom>
          </p:spPr>
          <p:txBody>
            <a:bodyPr vert="horz" wrap="square" lIns="0" tIns="0" rIns="0" bIns="0" rtlCol="0">
              <a:spAutoFit/>
            </a:bodyPr>
            <a:lstStyle/>
            <a:p>
              <a:pPr marL="12700">
                <a:lnSpc>
                  <a:spcPct val="100000"/>
                </a:lnSpc>
                <a:tabLst>
                  <a:tab pos="213995" algn="l"/>
                </a:tabLst>
              </a:pPr>
              <a:r>
                <a:rPr sz="1500" u="dash">
                  <a:solidFill>
                    <a:srgbClr val="2F2F2F"/>
                  </a:solidFill>
                  <a:cs typeface="Times New Roman"/>
                </a:rPr>
                <a:t>	</a:t>
              </a:r>
              <a:endParaRPr sz="1500">
                <a:cs typeface="微软雅黑"/>
              </a:endParaRPr>
            </a:p>
          </p:txBody>
        </p:sp>
      </p:grpSp>
    </p:spTree>
    <p:extLst>
      <p:ext uri="{BB962C8B-B14F-4D97-AF65-F5344CB8AC3E}">
        <p14:creationId xmlns:p14="http://schemas.microsoft.com/office/powerpoint/2010/main" val="363951899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BE866A18-560D-4EB4-8B65-19215377431D}"/>
              </a:ext>
            </a:extLst>
          </p:cNvPr>
          <p:cNvSpPr>
            <a:spLocks noGrp="1"/>
          </p:cNvSpPr>
          <p:nvPr>
            <p:ph type="title"/>
          </p:nvPr>
        </p:nvSpPr>
        <p:spPr/>
        <p:txBody>
          <a:bodyPr/>
          <a:lstStyle/>
          <a:p>
            <a:r>
              <a:rPr lang="en-US" altLang="zh-CN" dirty="0"/>
              <a:t>NFV</a:t>
            </a:r>
            <a:r>
              <a:rPr lang="zh-CN" altLang="en-US" dirty="0"/>
              <a:t>架构功能模块</a:t>
            </a:r>
          </a:p>
        </p:txBody>
      </p:sp>
      <p:sp>
        <p:nvSpPr>
          <p:cNvPr id="20" name="object 5">
            <a:extLst>
              <a:ext uri="{FF2B5EF4-FFF2-40B4-BE49-F238E27FC236}">
                <a16:creationId xmlns:a16="http://schemas.microsoft.com/office/drawing/2014/main" xmlns="" id="{8DCF5AF1-88B9-48FE-B684-C3E8B133C353}"/>
              </a:ext>
            </a:extLst>
          </p:cNvPr>
          <p:cNvSpPr txBox="1"/>
          <p:nvPr/>
        </p:nvSpPr>
        <p:spPr>
          <a:xfrm>
            <a:off x="584605" y="1354350"/>
            <a:ext cx="4771168" cy="276999"/>
          </a:xfrm>
          <a:prstGeom prst="rect">
            <a:avLst/>
          </a:prstGeom>
        </p:spPr>
        <p:txBody>
          <a:bodyPr vert="horz" wrap="square" lIns="0" tIns="0" rIns="0" bIns="0" rtlCol="0">
            <a:spAutoFit/>
          </a:bodyPr>
          <a:lstStyle/>
          <a:p>
            <a:pPr marL="298450" indent="-285750">
              <a:lnSpc>
                <a:spcPct val="100000"/>
              </a:lnSpc>
              <a:buFont typeface="Arial" panose="020B0604020202020204" pitchFamily="34" charset="0"/>
              <a:buChar char="•"/>
            </a:pPr>
            <a:r>
              <a:rPr spc="60" dirty="0">
                <a:solidFill>
                  <a:srgbClr val="2F2F2F"/>
                </a:solidFill>
                <a:cs typeface="微软雅黑"/>
              </a:rPr>
              <a:t>NFV标准架构定义的主要功能模块：</a:t>
            </a:r>
            <a:endParaRPr>
              <a:cs typeface="微软雅黑"/>
            </a:endParaRPr>
          </a:p>
        </p:txBody>
      </p:sp>
      <p:grpSp>
        <p:nvGrpSpPr>
          <p:cNvPr id="21" name="组合 20">
            <a:extLst>
              <a:ext uri="{FF2B5EF4-FFF2-40B4-BE49-F238E27FC236}">
                <a16:creationId xmlns:a16="http://schemas.microsoft.com/office/drawing/2014/main" xmlns="" id="{7A83FB87-0F69-4B3E-AC74-6B2564EF1035}"/>
              </a:ext>
            </a:extLst>
          </p:cNvPr>
          <p:cNvGrpSpPr/>
          <p:nvPr/>
        </p:nvGrpSpPr>
        <p:grpSpPr>
          <a:xfrm>
            <a:off x="551543" y="1726227"/>
            <a:ext cx="11117942" cy="415074"/>
            <a:chOff x="551543" y="1726227"/>
            <a:chExt cx="11117942" cy="415074"/>
          </a:xfrm>
        </p:grpSpPr>
        <p:sp>
          <p:nvSpPr>
            <p:cNvPr id="22" name="矩形 21">
              <a:extLst>
                <a:ext uri="{FF2B5EF4-FFF2-40B4-BE49-F238E27FC236}">
                  <a16:creationId xmlns:a16="http://schemas.microsoft.com/office/drawing/2014/main" xmlns="" id="{E5F3988F-D285-4ED7-A5B4-E50A5E7F5872}"/>
                </a:ext>
              </a:extLst>
            </p:cNvPr>
            <p:cNvSpPr/>
            <p:nvPr/>
          </p:nvSpPr>
          <p:spPr>
            <a:xfrm>
              <a:off x="551543" y="1726227"/>
              <a:ext cx="11117942" cy="415074"/>
            </a:xfrm>
            <a:prstGeom prst="rect">
              <a:avLst/>
            </a:prstGeom>
            <a:solidFill>
              <a:schemeClr val="tx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3" name="object 6">
              <a:extLst>
                <a:ext uri="{FF2B5EF4-FFF2-40B4-BE49-F238E27FC236}">
                  <a16:creationId xmlns:a16="http://schemas.microsoft.com/office/drawing/2014/main" xmlns="" id="{F209AED7-C44D-4E96-98C6-8B69EB26027A}"/>
                </a:ext>
              </a:extLst>
            </p:cNvPr>
            <p:cNvSpPr txBox="1"/>
            <p:nvPr/>
          </p:nvSpPr>
          <p:spPr>
            <a:xfrm>
              <a:off x="695320" y="1813941"/>
              <a:ext cx="913458" cy="269304"/>
            </a:xfrm>
            <a:prstGeom prst="rect">
              <a:avLst/>
            </a:prstGeom>
            <a:solidFill>
              <a:srgbClr val="FFDC52"/>
            </a:solidFill>
          </p:spPr>
          <p:txBody>
            <a:bodyPr vert="horz" wrap="square" lIns="0" tIns="22860" rIns="0" bIns="0" rtlCol="0">
              <a:spAutoFit/>
            </a:bodyPr>
            <a:lstStyle/>
            <a:p>
              <a:pPr marL="47625">
                <a:lnSpc>
                  <a:spcPct val="100000"/>
                </a:lnSpc>
                <a:spcBef>
                  <a:spcPts val="180"/>
                </a:spcBef>
              </a:pPr>
              <a:r>
                <a:rPr sz="1600" b="1" spc="40" dirty="0">
                  <a:solidFill>
                    <a:srgbClr val="2F2F2F"/>
                  </a:solidFill>
                  <a:cs typeface="微软雅黑"/>
                </a:rPr>
                <a:t>OSS/BSS</a:t>
              </a:r>
              <a:endParaRPr sz="1600">
                <a:cs typeface="微软雅黑"/>
              </a:endParaRPr>
            </a:p>
          </p:txBody>
        </p:sp>
        <p:sp>
          <p:nvSpPr>
            <p:cNvPr id="24" name="object 10">
              <a:extLst>
                <a:ext uri="{FF2B5EF4-FFF2-40B4-BE49-F238E27FC236}">
                  <a16:creationId xmlns:a16="http://schemas.microsoft.com/office/drawing/2014/main" xmlns="" id="{C3315AC7-1E2D-4567-AF45-4A46C19D3711}"/>
                </a:ext>
              </a:extLst>
            </p:cNvPr>
            <p:cNvSpPr txBox="1"/>
            <p:nvPr/>
          </p:nvSpPr>
          <p:spPr>
            <a:xfrm>
              <a:off x="1760233" y="1833023"/>
              <a:ext cx="9793140" cy="246221"/>
            </a:xfrm>
            <a:prstGeom prst="rect">
              <a:avLst/>
            </a:prstGeom>
          </p:spPr>
          <p:txBody>
            <a:bodyPr vert="horz" wrap="square" lIns="0" tIns="0" rIns="0" bIns="0" rtlCol="0">
              <a:spAutoFit/>
            </a:bodyPr>
            <a:lstStyle/>
            <a:p>
              <a:pPr marL="24765">
                <a:lnSpc>
                  <a:spcPct val="100000"/>
                </a:lnSpc>
              </a:pPr>
              <a:r>
                <a:rPr sz="1600" spc="15" dirty="0">
                  <a:solidFill>
                    <a:srgbClr val="2F2F2F"/>
                  </a:solidFill>
                  <a:cs typeface="微软雅黑"/>
                </a:rPr>
                <a:t>服务提供商的管理功能，不属于NFV框架内的功能组件，但</a:t>
              </a:r>
              <a:r>
                <a:rPr sz="1600" spc="15">
                  <a:solidFill>
                    <a:srgbClr val="2F2F2F"/>
                  </a:solidFill>
                  <a:cs typeface="微软雅黑"/>
                </a:rPr>
                <a:t>MANO和网元需要提供对</a:t>
              </a:r>
              <a:r>
                <a:rPr lang="en-US" altLang="zh-CN" sz="1600" spc="15">
                  <a:solidFill>
                    <a:srgbClr val="2F2F2F"/>
                  </a:solidFill>
                  <a:cs typeface="微软雅黑"/>
                </a:rPr>
                <a:t> </a:t>
              </a:r>
              <a:r>
                <a:rPr sz="1600" spc="10">
                  <a:solidFill>
                    <a:srgbClr val="2F2F2F"/>
                  </a:solidFill>
                  <a:cs typeface="微软雅黑"/>
                </a:rPr>
                <a:t>OSS</a:t>
              </a:r>
              <a:r>
                <a:rPr sz="1600" spc="10" dirty="0">
                  <a:solidFill>
                    <a:srgbClr val="2F2F2F"/>
                  </a:solidFill>
                  <a:cs typeface="微软雅黑"/>
                </a:rPr>
                <a:t>/BSS</a:t>
              </a:r>
              <a:r>
                <a:rPr sz="1600" spc="-55" dirty="0">
                  <a:solidFill>
                    <a:srgbClr val="2F2F2F"/>
                  </a:solidFill>
                  <a:cs typeface="微软雅黑"/>
                </a:rPr>
                <a:t> </a:t>
              </a:r>
              <a:r>
                <a:rPr sz="1600" spc="20">
                  <a:solidFill>
                    <a:srgbClr val="2F2F2F"/>
                  </a:solidFill>
                  <a:cs typeface="微软雅黑"/>
                </a:rPr>
                <a:t>的接口支持。</a:t>
              </a:r>
              <a:endParaRPr sz="1600" dirty="0">
                <a:cs typeface="微软雅黑"/>
              </a:endParaRPr>
            </a:p>
          </p:txBody>
        </p:sp>
      </p:grpSp>
      <p:grpSp>
        <p:nvGrpSpPr>
          <p:cNvPr id="25" name="组合 24">
            <a:extLst>
              <a:ext uri="{FF2B5EF4-FFF2-40B4-BE49-F238E27FC236}">
                <a16:creationId xmlns:a16="http://schemas.microsoft.com/office/drawing/2014/main" xmlns="" id="{765E7286-95DB-4E7D-BB15-902D8EBACBCA}"/>
              </a:ext>
            </a:extLst>
          </p:cNvPr>
          <p:cNvGrpSpPr/>
          <p:nvPr/>
        </p:nvGrpSpPr>
        <p:grpSpPr>
          <a:xfrm>
            <a:off x="551543" y="4851855"/>
            <a:ext cx="11117942" cy="1361235"/>
            <a:chOff x="551543" y="2928712"/>
            <a:chExt cx="11117942" cy="1361235"/>
          </a:xfrm>
        </p:grpSpPr>
        <p:sp>
          <p:nvSpPr>
            <p:cNvPr id="26" name="矩形 25">
              <a:extLst>
                <a:ext uri="{FF2B5EF4-FFF2-40B4-BE49-F238E27FC236}">
                  <a16:creationId xmlns:a16="http://schemas.microsoft.com/office/drawing/2014/main" xmlns="" id="{40542256-C4E6-48C6-9AD6-F721034B67F5}"/>
                </a:ext>
              </a:extLst>
            </p:cNvPr>
            <p:cNvSpPr/>
            <p:nvPr/>
          </p:nvSpPr>
          <p:spPr>
            <a:xfrm>
              <a:off x="551543" y="2928712"/>
              <a:ext cx="11117942" cy="1361235"/>
            </a:xfrm>
            <a:prstGeom prst="rect">
              <a:avLst/>
            </a:prstGeom>
            <a:solidFill>
              <a:schemeClr val="tx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7" name="object 8">
              <a:extLst>
                <a:ext uri="{FF2B5EF4-FFF2-40B4-BE49-F238E27FC236}">
                  <a16:creationId xmlns:a16="http://schemas.microsoft.com/office/drawing/2014/main" xmlns="" id="{4DED8878-7186-49CE-B2DA-296F956682F9}"/>
                </a:ext>
              </a:extLst>
            </p:cNvPr>
            <p:cNvSpPr txBox="1"/>
            <p:nvPr/>
          </p:nvSpPr>
          <p:spPr>
            <a:xfrm>
              <a:off x="695320" y="3049084"/>
              <a:ext cx="913458" cy="271869"/>
            </a:xfrm>
            <a:prstGeom prst="rect">
              <a:avLst/>
            </a:prstGeom>
            <a:solidFill>
              <a:srgbClr val="D1E7F1"/>
            </a:solidFill>
          </p:spPr>
          <p:txBody>
            <a:bodyPr vert="horz" wrap="square" lIns="0" tIns="25400" rIns="0" bIns="0" rtlCol="0">
              <a:spAutoFit/>
            </a:bodyPr>
            <a:lstStyle/>
            <a:p>
              <a:pPr marL="180340">
                <a:lnSpc>
                  <a:spcPct val="100000"/>
                </a:lnSpc>
                <a:spcBef>
                  <a:spcPts val="200"/>
                </a:spcBef>
              </a:pPr>
              <a:r>
                <a:rPr sz="1600" b="1" spc="45" dirty="0">
                  <a:solidFill>
                    <a:srgbClr val="2F2F2F"/>
                  </a:solidFill>
                  <a:cs typeface="微软雅黑"/>
                </a:rPr>
                <a:t>NFVI</a:t>
              </a:r>
              <a:endParaRPr sz="1600">
                <a:cs typeface="微软雅黑"/>
              </a:endParaRPr>
            </a:p>
          </p:txBody>
        </p:sp>
        <p:sp>
          <p:nvSpPr>
            <p:cNvPr id="28" name="object 10">
              <a:extLst>
                <a:ext uri="{FF2B5EF4-FFF2-40B4-BE49-F238E27FC236}">
                  <a16:creationId xmlns:a16="http://schemas.microsoft.com/office/drawing/2014/main" xmlns="" id="{7E2437CD-9349-41DB-9136-1313C126E880}"/>
                </a:ext>
              </a:extLst>
            </p:cNvPr>
            <p:cNvSpPr txBox="1"/>
            <p:nvPr/>
          </p:nvSpPr>
          <p:spPr>
            <a:xfrm>
              <a:off x="1754116" y="3025886"/>
              <a:ext cx="9844615" cy="1197315"/>
            </a:xfrm>
            <a:prstGeom prst="rect">
              <a:avLst/>
            </a:prstGeom>
          </p:spPr>
          <p:txBody>
            <a:bodyPr vert="horz" wrap="square" lIns="0" tIns="0" rIns="0" bIns="0" rtlCol="0">
              <a:spAutoFit/>
            </a:bodyPr>
            <a:lstStyle/>
            <a:p>
              <a:pPr marL="29209">
                <a:lnSpc>
                  <a:spcPct val="100000"/>
                </a:lnSpc>
                <a:spcBef>
                  <a:spcPts val="919"/>
                </a:spcBef>
              </a:pPr>
              <a:r>
                <a:rPr sz="1600" spc="20">
                  <a:solidFill>
                    <a:srgbClr val="2F2F2F"/>
                  </a:solidFill>
                  <a:cs typeface="微软雅黑"/>
                </a:rPr>
                <a:t>NFV</a:t>
              </a:r>
              <a:r>
                <a:rPr sz="1600" spc="20" dirty="0">
                  <a:solidFill>
                    <a:srgbClr val="2F2F2F"/>
                  </a:solidFill>
                  <a:cs typeface="微软雅黑"/>
                </a:rPr>
                <a:t>基础设施，包括所需的硬件及软件。为VNF提供运行环境。</a:t>
              </a:r>
              <a:endParaRPr sz="1600" dirty="0">
                <a:cs typeface="微软雅黑"/>
              </a:endParaRPr>
            </a:p>
            <a:p>
              <a:pPr marL="310515" indent="-285750">
                <a:lnSpc>
                  <a:spcPct val="100000"/>
                </a:lnSpc>
                <a:spcBef>
                  <a:spcPts val="420"/>
                </a:spcBef>
                <a:buFont typeface="Arial" panose="020B0604020202020204" pitchFamily="34" charset="0"/>
                <a:buChar char="•"/>
              </a:pPr>
              <a:r>
                <a:rPr sz="1600" b="1" spc="40" dirty="0">
                  <a:solidFill>
                    <a:srgbClr val="2F2F2F"/>
                  </a:solidFill>
                  <a:cs typeface="微软雅黑"/>
                </a:rPr>
                <a:t>Hardware：</a:t>
              </a:r>
              <a:r>
                <a:rPr sz="1600" spc="40" dirty="0">
                  <a:solidFill>
                    <a:srgbClr val="2F2F2F"/>
                  </a:solidFill>
                  <a:cs typeface="微软雅黑"/>
                </a:rPr>
                <a:t>硬件层，包括提供计算、网络、存储资源能力的硬件设备。</a:t>
              </a:r>
              <a:endParaRPr sz="1600" dirty="0">
                <a:cs typeface="微软雅黑"/>
              </a:endParaRPr>
            </a:p>
            <a:p>
              <a:pPr marL="317500" marR="7620" indent="-285750">
                <a:lnSpc>
                  <a:spcPct val="138900"/>
                </a:lnSpc>
                <a:buFont typeface="Arial" panose="020B0604020202020204" pitchFamily="34" charset="0"/>
                <a:buChar char="•"/>
              </a:pPr>
              <a:r>
                <a:rPr sz="1600" b="1" spc="45" dirty="0">
                  <a:solidFill>
                    <a:srgbClr val="2F2F2F"/>
                  </a:solidFill>
                  <a:cs typeface="微软雅黑"/>
                </a:rPr>
                <a:t>Vi</a:t>
              </a:r>
              <a:r>
                <a:rPr sz="1600" b="1" spc="70" dirty="0">
                  <a:solidFill>
                    <a:srgbClr val="2F2F2F"/>
                  </a:solidFill>
                  <a:cs typeface="微软雅黑"/>
                </a:rPr>
                <a:t>r</a:t>
              </a:r>
              <a:r>
                <a:rPr sz="1600" b="1" spc="40" dirty="0">
                  <a:solidFill>
                    <a:srgbClr val="2F2F2F"/>
                  </a:solidFill>
                  <a:cs typeface="微软雅黑"/>
                </a:rPr>
                <a:t>tualizatio</a:t>
              </a:r>
              <a:r>
                <a:rPr sz="1600" b="1" dirty="0">
                  <a:solidFill>
                    <a:srgbClr val="2F2F2F"/>
                  </a:solidFill>
                  <a:cs typeface="微软雅黑"/>
                </a:rPr>
                <a:t>n</a:t>
              </a:r>
              <a:r>
                <a:rPr sz="1600" b="1" spc="90" dirty="0">
                  <a:solidFill>
                    <a:srgbClr val="2F2F2F"/>
                  </a:solidFill>
                  <a:cs typeface="微软雅黑"/>
                </a:rPr>
                <a:t> </a:t>
              </a:r>
              <a:r>
                <a:rPr sz="1600" b="1" spc="45" dirty="0">
                  <a:solidFill>
                    <a:srgbClr val="2F2F2F"/>
                  </a:solidFill>
                  <a:cs typeface="微软雅黑"/>
                </a:rPr>
                <a:t>La</a:t>
              </a:r>
              <a:r>
                <a:rPr sz="1600" b="1" spc="35" dirty="0">
                  <a:solidFill>
                    <a:srgbClr val="2F2F2F"/>
                  </a:solidFill>
                  <a:cs typeface="微软雅黑"/>
                </a:rPr>
                <a:t>y</a:t>
              </a:r>
              <a:r>
                <a:rPr sz="1600" b="1" spc="45" dirty="0">
                  <a:solidFill>
                    <a:srgbClr val="2F2F2F"/>
                  </a:solidFill>
                  <a:cs typeface="微软雅黑"/>
                </a:rPr>
                <a:t>er</a:t>
              </a:r>
              <a:r>
                <a:rPr sz="1600" spc="45" dirty="0">
                  <a:solidFill>
                    <a:srgbClr val="2F2F2F"/>
                  </a:solidFill>
                  <a:cs typeface="微软雅黑"/>
                </a:rPr>
                <a:t>：虚拟化层，主要完成对硬件资源的抽象，形成虚拟资源，如</a:t>
              </a:r>
              <a:r>
                <a:rPr sz="1600" spc="40" dirty="0">
                  <a:solidFill>
                    <a:srgbClr val="2F2F2F"/>
                  </a:solidFill>
                  <a:cs typeface="微软雅黑"/>
                </a:rPr>
                <a:t>虚拟计算资源、虚拟存储资源、虚拟网络资源。其虚拟化功能由Hype</a:t>
              </a:r>
              <a:r>
                <a:rPr sz="1600" spc="80" dirty="0">
                  <a:solidFill>
                    <a:srgbClr val="2F2F2F"/>
                  </a:solidFill>
                  <a:cs typeface="微软雅黑"/>
                </a:rPr>
                <a:t>r</a:t>
              </a:r>
              <a:r>
                <a:rPr sz="1600" spc="40" dirty="0">
                  <a:solidFill>
                    <a:srgbClr val="2F2F2F"/>
                  </a:solidFill>
                  <a:cs typeface="微软雅黑"/>
                </a:rPr>
                <a:t>visor</a:t>
              </a:r>
              <a:r>
                <a:rPr sz="1600" spc="52" baseline="33333" dirty="0">
                  <a:solidFill>
                    <a:srgbClr val="2F2F2F"/>
                  </a:solidFill>
                  <a:cs typeface="微软雅黑"/>
                </a:rPr>
                <a:t>[1</a:t>
              </a:r>
              <a:r>
                <a:rPr sz="1600" spc="7" baseline="33333" dirty="0">
                  <a:solidFill>
                    <a:srgbClr val="2F2F2F"/>
                  </a:solidFill>
                  <a:cs typeface="微软雅黑"/>
                </a:rPr>
                <a:t>]</a:t>
              </a:r>
              <a:r>
                <a:rPr sz="1600" spc="-30" baseline="33333" dirty="0">
                  <a:solidFill>
                    <a:srgbClr val="2F2F2F"/>
                  </a:solidFill>
                  <a:cs typeface="微软雅黑"/>
                </a:rPr>
                <a:t> </a:t>
              </a:r>
              <a:r>
                <a:rPr sz="1600" spc="40" err="1">
                  <a:solidFill>
                    <a:srgbClr val="2F2F2F"/>
                  </a:solidFill>
                  <a:cs typeface="微软雅黑"/>
                </a:rPr>
                <a:t>实</a:t>
              </a:r>
              <a:r>
                <a:rPr sz="1600" spc="45" err="1">
                  <a:solidFill>
                    <a:srgbClr val="2F2F2F"/>
                  </a:solidFill>
                  <a:cs typeface="微软雅黑"/>
                </a:rPr>
                <a:t>现</a:t>
              </a:r>
              <a:r>
                <a:rPr sz="1600" spc="45">
                  <a:solidFill>
                    <a:srgbClr val="2F2F2F"/>
                  </a:solidFill>
                  <a:cs typeface="微软雅黑"/>
                </a:rPr>
                <a:t>。</a:t>
              </a:r>
              <a:endParaRPr sz="1600" spc="45" dirty="0">
                <a:solidFill>
                  <a:srgbClr val="2F2F2F"/>
                </a:solidFill>
                <a:cs typeface="微软雅黑"/>
              </a:endParaRPr>
            </a:p>
          </p:txBody>
        </p:sp>
      </p:grpSp>
      <p:grpSp>
        <p:nvGrpSpPr>
          <p:cNvPr id="29" name="组合 28">
            <a:extLst>
              <a:ext uri="{FF2B5EF4-FFF2-40B4-BE49-F238E27FC236}">
                <a16:creationId xmlns:a16="http://schemas.microsoft.com/office/drawing/2014/main" xmlns="" id="{2EBE650F-D78A-4489-A945-C031B167B92F}"/>
              </a:ext>
            </a:extLst>
          </p:cNvPr>
          <p:cNvGrpSpPr/>
          <p:nvPr/>
        </p:nvGrpSpPr>
        <p:grpSpPr>
          <a:xfrm>
            <a:off x="551543" y="2262724"/>
            <a:ext cx="11117942" cy="1907441"/>
            <a:chOff x="551543" y="4482102"/>
            <a:chExt cx="11117942" cy="1907441"/>
          </a:xfrm>
        </p:grpSpPr>
        <p:sp>
          <p:nvSpPr>
            <p:cNvPr id="30" name="矩形 29">
              <a:extLst>
                <a:ext uri="{FF2B5EF4-FFF2-40B4-BE49-F238E27FC236}">
                  <a16:creationId xmlns:a16="http://schemas.microsoft.com/office/drawing/2014/main" xmlns="" id="{1C0FA805-1E41-4C85-8742-FE03C43BE3BD}"/>
                </a:ext>
              </a:extLst>
            </p:cNvPr>
            <p:cNvSpPr/>
            <p:nvPr/>
          </p:nvSpPr>
          <p:spPr>
            <a:xfrm>
              <a:off x="551543" y="4482102"/>
              <a:ext cx="11117942" cy="1907441"/>
            </a:xfrm>
            <a:prstGeom prst="rect">
              <a:avLst/>
            </a:prstGeom>
            <a:solidFill>
              <a:schemeClr val="tx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1" name="object 9">
              <a:extLst>
                <a:ext uri="{FF2B5EF4-FFF2-40B4-BE49-F238E27FC236}">
                  <a16:creationId xmlns:a16="http://schemas.microsoft.com/office/drawing/2014/main" xmlns="" id="{476545CB-6C50-4408-B6FE-1AB1957D520B}"/>
                </a:ext>
              </a:extLst>
            </p:cNvPr>
            <p:cNvSpPr txBox="1"/>
            <p:nvPr/>
          </p:nvSpPr>
          <p:spPr>
            <a:xfrm>
              <a:off x="651325" y="4636271"/>
              <a:ext cx="908429" cy="262892"/>
            </a:xfrm>
            <a:prstGeom prst="rect">
              <a:avLst/>
            </a:prstGeom>
            <a:solidFill>
              <a:srgbClr val="8DE6EC"/>
            </a:solidFill>
          </p:spPr>
          <p:txBody>
            <a:bodyPr vert="horz" wrap="square" lIns="0" tIns="16510" rIns="0" bIns="0" rtlCol="0">
              <a:spAutoFit/>
            </a:bodyPr>
            <a:lstStyle/>
            <a:p>
              <a:pPr marL="132080">
                <a:lnSpc>
                  <a:spcPct val="100000"/>
                </a:lnSpc>
                <a:spcBef>
                  <a:spcPts val="130"/>
                </a:spcBef>
              </a:pPr>
              <a:r>
                <a:rPr sz="1600" b="1" spc="45" dirty="0">
                  <a:solidFill>
                    <a:srgbClr val="2F2F2F"/>
                  </a:solidFill>
                  <a:cs typeface="微软雅黑"/>
                </a:rPr>
                <a:t>MANO</a:t>
              </a:r>
              <a:endParaRPr sz="1600">
                <a:cs typeface="微软雅黑"/>
              </a:endParaRPr>
            </a:p>
          </p:txBody>
        </p:sp>
        <p:sp>
          <p:nvSpPr>
            <p:cNvPr id="32" name="object 10">
              <a:extLst>
                <a:ext uri="{FF2B5EF4-FFF2-40B4-BE49-F238E27FC236}">
                  <a16:creationId xmlns:a16="http://schemas.microsoft.com/office/drawing/2014/main" xmlns="" id="{4A97B338-A98F-4FA8-AF54-90209227D2F1}"/>
                </a:ext>
              </a:extLst>
            </p:cNvPr>
            <p:cNvSpPr txBox="1"/>
            <p:nvPr/>
          </p:nvSpPr>
          <p:spPr>
            <a:xfrm>
              <a:off x="1671107" y="4582774"/>
              <a:ext cx="9998378" cy="1680396"/>
            </a:xfrm>
            <a:prstGeom prst="rect">
              <a:avLst/>
            </a:prstGeom>
          </p:spPr>
          <p:txBody>
            <a:bodyPr vert="horz" wrap="square" lIns="0" tIns="0" rIns="0" bIns="0" rtlCol="0">
              <a:spAutoFit/>
            </a:bodyPr>
            <a:lstStyle/>
            <a:p>
              <a:pPr marL="40640" marR="57150" indent="-7620">
                <a:lnSpc>
                  <a:spcPct val="138900"/>
                </a:lnSpc>
                <a:spcBef>
                  <a:spcPts val="495"/>
                </a:spcBef>
              </a:pPr>
              <a:r>
                <a:rPr sz="1600" spc="25">
                  <a:solidFill>
                    <a:srgbClr val="2F2F2F"/>
                  </a:solidFill>
                  <a:cs typeface="微软雅黑"/>
                </a:rPr>
                <a:t>NFV</a:t>
              </a:r>
              <a:r>
                <a:rPr sz="1600" spc="25" dirty="0" err="1">
                  <a:solidFill>
                    <a:srgbClr val="2F2F2F"/>
                  </a:solidFill>
                  <a:cs typeface="微软雅黑"/>
                </a:rPr>
                <a:t>管理和编排。包括VIM，VNFM及NF</a:t>
              </a:r>
              <a:r>
                <a:rPr sz="1600" spc="20" dirty="0" err="1">
                  <a:solidFill>
                    <a:srgbClr val="2F2F2F"/>
                  </a:solidFill>
                  <a:cs typeface="微软雅黑"/>
                </a:rPr>
                <a:t>V</a:t>
              </a:r>
              <a:r>
                <a:rPr sz="1600" spc="25" dirty="0" err="1">
                  <a:solidFill>
                    <a:srgbClr val="2F2F2F"/>
                  </a:solidFill>
                  <a:cs typeface="微软雅黑"/>
                </a:rPr>
                <a:t>O，</a:t>
              </a:r>
              <a:r>
                <a:rPr sz="1600" spc="45" dirty="0" err="1">
                  <a:solidFill>
                    <a:srgbClr val="2F2F2F"/>
                  </a:solidFill>
                  <a:cs typeface="微软雅黑"/>
                </a:rPr>
                <a:t>提供对VNF及I层统一的管理和编排功能</a:t>
              </a:r>
              <a:r>
                <a:rPr sz="1600" spc="45" dirty="0">
                  <a:solidFill>
                    <a:srgbClr val="2F2F2F"/>
                  </a:solidFill>
                  <a:cs typeface="微软雅黑"/>
                </a:rPr>
                <a:t>。</a:t>
              </a:r>
              <a:endParaRPr sz="1600" dirty="0">
                <a:cs typeface="微软雅黑"/>
              </a:endParaRPr>
            </a:p>
            <a:p>
              <a:pPr marL="314325" marR="45085" indent="-285750">
                <a:lnSpc>
                  <a:spcPct val="138900"/>
                </a:lnSpc>
                <a:buFont typeface="Arial" panose="020B0604020202020204" pitchFamily="34" charset="0"/>
                <a:buChar char="•"/>
              </a:pPr>
              <a:r>
                <a:rPr sz="1600" b="1" spc="45" dirty="0" err="1">
                  <a:solidFill>
                    <a:srgbClr val="2F2F2F"/>
                  </a:solidFill>
                  <a:cs typeface="微软雅黑"/>
                </a:rPr>
                <a:t>VI</a:t>
              </a:r>
              <a:r>
                <a:rPr sz="1600" b="1" spc="40" dirty="0" err="1">
                  <a:solidFill>
                    <a:srgbClr val="2F2F2F"/>
                  </a:solidFill>
                  <a:cs typeface="微软雅黑"/>
                </a:rPr>
                <a:t>M</a:t>
              </a:r>
              <a:r>
                <a:rPr sz="1600" spc="45" dirty="0" err="1">
                  <a:solidFill>
                    <a:srgbClr val="2F2F2F"/>
                  </a:solidFill>
                  <a:cs typeface="微软雅黑"/>
                </a:rPr>
                <a:t>：Vi</a:t>
              </a:r>
              <a:r>
                <a:rPr sz="1600" spc="70" dirty="0" err="1">
                  <a:solidFill>
                    <a:srgbClr val="2F2F2F"/>
                  </a:solidFill>
                  <a:cs typeface="微软雅黑"/>
                </a:rPr>
                <a:t>r</a:t>
              </a:r>
              <a:r>
                <a:rPr sz="1600" spc="40" dirty="0" err="1">
                  <a:solidFill>
                    <a:srgbClr val="2F2F2F"/>
                  </a:solidFill>
                  <a:cs typeface="微软雅黑"/>
                </a:rPr>
                <a:t>t</a:t>
              </a:r>
              <a:r>
                <a:rPr sz="1600" spc="45" dirty="0" err="1">
                  <a:solidFill>
                    <a:srgbClr val="2F2F2F"/>
                  </a:solidFill>
                  <a:cs typeface="微软雅黑"/>
                </a:rPr>
                <a:t>ualize</a:t>
              </a:r>
              <a:r>
                <a:rPr sz="1600" dirty="0" err="1">
                  <a:solidFill>
                    <a:srgbClr val="2F2F2F"/>
                  </a:solidFill>
                  <a:cs typeface="微软雅黑"/>
                </a:rPr>
                <a:t>d</a:t>
              </a:r>
              <a:r>
                <a:rPr sz="1600" spc="90" dirty="0">
                  <a:solidFill>
                    <a:srgbClr val="2F2F2F"/>
                  </a:solidFill>
                  <a:cs typeface="微软雅黑"/>
                </a:rPr>
                <a:t> </a:t>
              </a:r>
              <a:r>
                <a:rPr sz="1600" spc="45" dirty="0">
                  <a:solidFill>
                    <a:srgbClr val="2F2F2F"/>
                  </a:solidFill>
                  <a:cs typeface="微软雅黑"/>
                </a:rPr>
                <a:t>Infras</a:t>
              </a:r>
              <a:r>
                <a:rPr sz="1600" spc="40" dirty="0">
                  <a:solidFill>
                    <a:srgbClr val="2F2F2F"/>
                  </a:solidFill>
                  <a:cs typeface="微软雅黑"/>
                </a:rPr>
                <a:t>t</a:t>
              </a:r>
              <a:r>
                <a:rPr sz="1600" spc="45" dirty="0">
                  <a:solidFill>
                    <a:srgbClr val="2F2F2F"/>
                  </a:solidFill>
                  <a:cs typeface="微软雅黑"/>
                </a:rPr>
                <a:t>ructu</a:t>
              </a:r>
              <a:r>
                <a:rPr sz="1600" spc="30" dirty="0">
                  <a:solidFill>
                    <a:srgbClr val="2F2F2F"/>
                  </a:solidFill>
                  <a:cs typeface="微软雅黑"/>
                </a:rPr>
                <a:t>r</a:t>
              </a:r>
              <a:r>
                <a:rPr sz="1600" spc="-5" dirty="0">
                  <a:solidFill>
                    <a:srgbClr val="2F2F2F"/>
                  </a:solidFill>
                  <a:cs typeface="微软雅黑"/>
                </a:rPr>
                <a:t>e</a:t>
              </a:r>
              <a:r>
                <a:rPr sz="1600" spc="90" dirty="0">
                  <a:solidFill>
                    <a:srgbClr val="2F2F2F"/>
                  </a:solidFill>
                  <a:cs typeface="微软雅黑"/>
                </a:rPr>
                <a:t> </a:t>
              </a:r>
              <a:r>
                <a:rPr sz="1600" spc="45" dirty="0">
                  <a:solidFill>
                    <a:srgbClr val="2F2F2F"/>
                  </a:solidFill>
                  <a:cs typeface="微软雅黑"/>
                </a:rPr>
                <a:t>Manage</a:t>
              </a:r>
              <a:r>
                <a:rPr sz="1600" spc="50" dirty="0">
                  <a:solidFill>
                    <a:srgbClr val="2F2F2F"/>
                  </a:solidFill>
                  <a:cs typeface="微软雅黑"/>
                </a:rPr>
                <a:t>r</a:t>
              </a:r>
              <a:r>
                <a:rPr sz="1600" spc="45" dirty="0">
                  <a:solidFill>
                    <a:srgbClr val="2F2F2F"/>
                  </a:solidFill>
                  <a:cs typeface="微软雅黑"/>
                </a:rPr>
                <a:t>s</a:t>
              </a:r>
              <a:r>
                <a:rPr sz="1600" dirty="0">
                  <a:solidFill>
                    <a:srgbClr val="2F2F2F"/>
                  </a:solidFill>
                  <a:cs typeface="微软雅黑"/>
                </a:rPr>
                <a:t>,</a:t>
              </a:r>
              <a:r>
                <a:rPr sz="1600" spc="90" dirty="0">
                  <a:solidFill>
                    <a:srgbClr val="2F2F2F"/>
                  </a:solidFill>
                  <a:cs typeface="微软雅黑"/>
                </a:rPr>
                <a:t> </a:t>
              </a:r>
              <a:r>
                <a:rPr sz="1600" spc="45" dirty="0" err="1">
                  <a:solidFill>
                    <a:srgbClr val="2F2F2F"/>
                  </a:solidFill>
                  <a:cs typeface="微软雅黑"/>
                </a:rPr>
                <a:t>NFVI管理模块，通常运行于对应的基础设施站点中，主要功能包括：资源的发现、虚拟资源的管理分配、故障处理等</a:t>
              </a:r>
              <a:r>
                <a:rPr sz="1600" spc="45" dirty="0">
                  <a:solidFill>
                    <a:srgbClr val="2F2F2F"/>
                  </a:solidFill>
                  <a:cs typeface="微软雅黑"/>
                </a:rPr>
                <a:t>。 </a:t>
              </a:r>
              <a:r>
                <a:rPr sz="1600" b="1" spc="45" dirty="0">
                  <a:solidFill>
                    <a:srgbClr val="2F2F2F"/>
                  </a:solidFill>
                  <a:cs typeface="微软雅黑"/>
                </a:rPr>
                <a:t>VNF</a:t>
              </a:r>
              <a:r>
                <a:rPr sz="1600" b="1" spc="40" dirty="0">
                  <a:solidFill>
                    <a:srgbClr val="2F2F2F"/>
                  </a:solidFill>
                  <a:cs typeface="微软雅黑"/>
                </a:rPr>
                <a:t>M</a:t>
              </a:r>
              <a:r>
                <a:rPr sz="1600" spc="35" dirty="0">
                  <a:solidFill>
                    <a:srgbClr val="2F2F2F"/>
                  </a:solidFill>
                  <a:cs typeface="微软雅黑"/>
                </a:rPr>
                <a:t>：VN</a:t>
              </a:r>
              <a:r>
                <a:rPr sz="1600" dirty="0">
                  <a:solidFill>
                    <a:srgbClr val="2F2F2F"/>
                  </a:solidFill>
                  <a:cs typeface="微软雅黑"/>
                </a:rPr>
                <a:t>F</a:t>
              </a:r>
              <a:r>
                <a:rPr sz="1600" spc="90" dirty="0">
                  <a:solidFill>
                    <a:srgbClr val="2F2F2F"/>
                  </a:solidFill>
                  <a:cs typeface="微软雅黑"/>
                </a:rPr>
                <a:t> </a:t>
              </a:r>
              <a:r>
                <a:rPr sz="1600" spc="45" dirty="0">
                  <a:solidFill>
                    <a:srgbClr val="2F2F2F"/>
                  </a:solidFill>
                  <a:cs typeface="微软雅黑"/>
                </a:rPr>
                <a:t>Manage</a:t>
              </a:r>
              <a:r>
                <a:rPr sz="1600" spc="50" dirty="0">
                  <a:solidFill>
                    <a:srgbClr val="2F2F2F"/>
                  </a:solidFill>
                  <a:cs typeface="微软雅黑"/>
                </a:rPr>
                <a:t>r</a:t>
              </a:r>
              <a:r>
                <a:rPr sz="1600" dirty="0">
                  <a:solidFill>
                    <a:srgbClr val="2F2F2F"/>
                  </a:solidFill>
                  <a:cs typeface="微软雅黑"/>
                </a:rPr>
                <a:t>s</a:t>
              </a:r>
              <a:r>
                <a:rPr sz="1600" spc="90" dirty="0">
                  <a:solidFill>
                    <a:srgbClr val="2F2F2F"/>
                  </a:solidFill>
                  <a:cs typeface="微软雅黑"/>
                </a:rPr>
                <a:t> </a:t>
              </a:r>
              <a:r>
                <a:rPr sz="1600" spc="45" dirty="0">
                  <a:solidFill>
                    <a:srgbClr val="2F2F2F"/>
                  </a:solidFill>
                  <a:cs typeface="微软雅黑"/>
                </a:rPr>
                <a:t>，</a:t>
              </a:r>
              <a:r>
                <a:rPr sz="1600" spc="45" dirty="0" err="1">
                  <a:solidFill>
                    <a:srgbClr val="2F2F2F"/>
                  </a:solidFill>
                  <a:cs typeface="微软雅黑"/>
                </a:rPr>
                <a:t>VNF管理模块，主要对VNF的生命周期（实例化、配置、关闭等）进行控制</a:t>
              </a:r>
              <a:r>
                <a:rPr sz="1600" spc="45" dirty="0">
                  <a:solidFill>
                    <a:srgbClr val="2F2F2F"/>
                  </a:solidFill>
                  <a:cs typeface="微软雅黑"/>
                </a:rPr>
                <a:t>。</a:t>
              </a:r>
              <a:endParaRPr sz="1600" dirty="0">
                <a:cs typeface="微软雅黑"/>
              </a:endParaRPr>
            </a:p>
            <a:p>
              <a:pPr marL="308610" marR="30480" indent="-285750">
                <a:lnSpc>
                  <a:spcPct val="138900"/>
                </a:lnSpc>
                <a:buFont typeface="Arial" panose="020B0604020202020204" pitchFamily="34" charset="0"/>
                <a:buChar char="•"/>
              </a:pPr>
              <a:r>
                <a:rPr sz="1600" b="1" spc="30" dirty="0">
                  <a:solidFill>
                    <a:srgbClr val="2F2F2F"/>
                  </a:solidFill>
                  <a:cs typeface="微软雅黑"/>
                </a:rPr>
                <a:t>NFVO</a:t>
              </a:r>
              <a:r>
                <a:rPr sz="1600" spc="30" dirty="0">
                  <a:solidFill>
                    <a:srgbClr val="2F2F2F"/>
                  </a:solidFill>
                  <a:cs typeface="微软雅黑"/>
                </a:rPr>
                <a:t>：NFV  </a:t>
              </a:r>
              <a:r>
                <a:rPr sz="1600" spc="35" dirty="0" err="1">
                  <a:solidFill>
                    <a:srgbClr val="2F2F2F"/>
                  </a:solidFill>
                  <a:cs typeface="微软雅黑"/>
                </a:rPr>
                <a:t>Orchestration，实现对整个NFV基础架构、软件资源、网络服务的编排和管理</a:t>
              </a:r>
              <a:r>
                <a:rPr sz="1600" spc="35" dirty="0">
                  <a:solidFill>
                    <a:srgbClr val="2F2F2F"/>
                  </a:solidFill>
                  <a:cs typeface="微软雅黑"/>
                </a:rPr>
                <a:t>。</a:t>
              </a:r>
              <a:endParaRPr sz="1600" dirty="0">
                <a:cs typeface="微软雅黑"/>
              </a:endParaRPr>
            </a:p>
          </p:txBody>
        </p:sp>
      </p:grpSp>
      <p:grpSp>
        <p:nvGrpSpPr>
          <p:cNvPr id="33" name="组合 32">
            <a:extLst>
              <a:ext uri="{FF2B5EF4-FFF2-40B4-BE49-F238E27FC236}">
                <a16:creationId xmlns:a16="http://schemas.microsoft.com/office/drawing/2014/main" xmlns="" id="{F61996F4-B95C-4558-8BC1-33F3EC91EC27}"/>
              </a:ext>
            </a:extLst>
          </p:cNvPr>
          <p:cNvGrpSpPr/>
          <p:nvPr/>
        </p:nvGrpSpPr>
        <p:grpSpPr>
          <a:xfrm>
            <a:off x="551543" y="4303473"/>
            <a:ext cx="11117942" cy="415074"/>
            <a:chOff x="551543" y="2262157"/>
            <a:chExt cx="11117942" cy="415074"/>
          </a:xfrm>
        </p:grpSpPr>
        <p:sp>
          <p:nvSpPr>
            <p:cNvPr id="34" name="矩形 33">
              <a:extLst>
                <a:ext uri="{FF2B5EF4-FFF2-40B4-BE49-F238E27FC236}">
                  <a16:creationId xmlns:a16="http://schemas.microsoft.com/office/drawing/2014/main" xmlns="" id="{CE5B20C3-AF9F-460C-941C-5B73BDFAF1C2}"/>
                </a:ext>
              </a:extLst>
            </p:cNvPr>
            <p:cNvSpPr/>
            <p:nvPr/>
          </p:nvSpPr>
          <p:spPr>
            <a:xfrm>
              <a:off x="551543" y="2262157"/>
              <a:ext cx="11117942" cy="415074"/>
            </a:xfrm>
            <a:prstGeom prst="rect">
              <a:avLst/>
            </a:prstGeom>
            <a:solidFill>
              <a:schemeClr val="tx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5" name="object 7">
              <a:extLst>
                <a:ext uri="{FF2B5EF4-FFF2-40B4-BE49-F238E27FC236}">
                  <a16:creationId xmlns:a16="http://schemas.microsoft.com/office/drawing/2014/main" xmlns="" id="{666D30E8-6E61-465B-A95B-0A9F5BC2B775}"/>
                </a:ext>
              </a:extLst>
            </p:cNvPr>
            <p:cNvSpPr txBox="1"/>
            <p:nvPr/>
          </p:nvSpPr>
          <p:spPr>
            <a:xfrm>
              <a:off x="698900" y="2328436"/>
              <a:ext cx="908429" cy="271869"/>
            </a:xfrm>
            <a:prstGeom prst="rect">
              <a:avLst/>
            </a:prstGeom>
            <a:solidFill>
              <a:srgbClr val="52D1C6"/>
            </a:solidFill>
          </p:spPr>
          <p:txBody>
            <a:bodyPr vert="horz" wrap="square" lIns="0" tIns="25400" rIns="0" bIns="0" rtlCol="0">
              <a:spAutoFit/>
            </a:bodyPr>
            <a:lstStyle/>
            <a:p>
              <a:pPr marL="176530">
                <a:lnSpc>
                  <a:spcPct val="100000"/>
                </a:lnSpc>
                <a:spcBef>
                  <a:spcPts val="200"/>
                </a:spcBef>
              </a:pPr>
              <a:r>
                <a:rPr sz="1600" b="1" spc="50" dirty="0">
                  <a:solidFill>
                    <a:srgbClr val="2F2F2F"/>
                  </a:solidFill>
                  <a:cs typeface="微软雅黑"/>
                </a:rPr>
                <a:t>VNF</a:t>
              </a:r>
              <a:endParaRPr sz="1600">
                <a:cs typeface="微软雅黑"/>
              </a:endParaRPr>
            </a:p>
          </p:txBody>
        </p:sp>
        <p:sp>
          <p:nvSpPr>
            <p:cNvPr id="36" name="object 10">
              <a:extLst>
                <a:ext uri="{FF2B5EF4-FFF2-40B4-BE49-F238E27FC236}">
                  <a16:creationId xmlns:a16="http://schemas.microsoft.com/office/drawing/2014/main" xmlns="" id="{473641D8-631E-4E7C-A86C-9980330DC71F}"/>
                </a:ext>
              </a:extLst>
            </p:cNvPr>
            <p:cNvSpPr txBox="1"/>
            <p:nvPr/>
          </p:nvSpPr>
          <p:spPr>
            <a:xfrm>
              <a:off x="1770672" y="2295142"/>
              <a:ext cx="9844615" cy="311304"/>
            </a:xfrm>
            <a:prstGeom prst="rect">
              <a:avLst/>
            </a:prstGeom>
          </p:spPr>
          <p:txBody>
            <a:bodyPr vert="horz" wrap="square" lIns="0" tIns="0" rIns="0" bIns="0" rtlCol="0">
              <a:spAutoFit/>
            </a:bodyPr>
            <a:lstStyle/>
            <a:p>
              <a:pPr marL="12700" marR="27305" indent="29845">
                <a:lnSpc>
                  <a:spcPct val="138900"/>
                </a:lnSpc>
                <a:spcBef>
                  <a:spcPts val="500"/>
                </a:spcBef>
              </a:pPr>
              <a:r>
                <a:rPr sz="1600" spc="45">
                  <a:solidFill>
                    <a:srgbClr val="2F2F2F"/>
                  </a:solidFill>
                  <a:cs typeface="微软雅黑"/>
                </a:rPr>
                <a:t>指虚拟机及部署在虚拟机上的业务网元</a:t>
              </a:r>
              <a:r>
                <a:rPr sz="1600" spc="45" dirty="0">
                  <a:solidFill>
                    <a:srgbClr val="2F2F2F"/>
                  </a:solidFill>
                  <a:cs typeface="微软雅黑"/>
                </a:rPr>
                <a:t>、</a:t>
              </a:r>
              <a:r>
                <a:rPr sz="1600" spc="45">
                  <a:solidFill>
                    <a:srgbClr val="2F2F2F"/>
                  </a:solidFill>
                  <a:cs typeface="微软雅黑"/>
                </a:rPr>
                <a:t>网络功能软件等。</a:t>
              </a:r>
              <a:endParaRPr sz="1600" dirty="0">
                <a:cs typeface="微软雅黑"/>
              </a:endParaRPr>
            </a:p>
          </p:txBody>
        </p:sp>
      </p:grpSp>
    </p:spTree>
    <p:extLst>
      <p:ext uri="{BB962C8B-B14F-4D97-AF65-F5344CB8AC3E}">
        <p14:creationId xmlns:p14="http://schemas.microsoft.com/office/powerpoint/2010/main" val="200657981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C11EE370-D2DC-4166-BD79-E0C0D4EEB1D4}"/>
              </a:ext>
            </a:extLst>
          </p:cNvPr>
          <p:cNvSpPr>
            <a:spLocks noGrp="1"/>
          </p:cNvSpPr>
          <p:nvPr>
            <p:ph type="title"/>
          </p:nvPr>
        </p:nvSpPr>
        <p:spPr/>
        <p:txBody>
          <a:bodyPr/>
          <a:lstStyle/>
          <a:p>
            <a:r>
              <a:rPr lang="en-US" altLang="zh-CN"/>
              <a:t>NFV</a:t>
            </a:r>
            <a:r>
              <a:rPr lang="zh-CN" altLang="en-US"/>
              <a:t>架构接口</a:t>
            </a:r>
          </a:p>
        </p:txBody>
      </p:sp>
      <p:sp>
        <p:nvSpPr>
          <p:cNvPr id="11" name="object 125">
            <a:extLst>
              <a:ext uri="{FF2B5EF4-FFF2-40B4-BE49-F238E27FC236}">
                <a16:creationId xmlns:a16="http://schemas.microsoft.com/office/drawing/2014/main" xmlns="" id="{80949111-98F4-447C-B099-60B6ED43F6C0}"/>
              </a:ext>
            </a:extLst>
          </p:cNvPr>
          <p:cNvSpPr txBox="1"/>
          <p:nvPr/>
        </p:nvSpPr>
        <p:spPr>
          <a:xfrm>
            <a:off x="567956" y="1338355"/>
            <a:ext cx="3953949" cy="276999"/>
          </a:xfrm>
          <a:prstGeom prst="rect">
            <a:avLst/>
          </a:prstGeom>
        </p:spPr>
        <p:txBody>
          <a:bodyPr vert="horz" wrap="square" lIns="0" tIns="0" rIns="0" bIns="0" rtlCol="0">
            <a:spAutoFit/>
          </a:bodyPr>
          <a:lstStyle/>
          <a:p>
            <a:pPr marL="298450" indent="-285750">
              <a:lnSpc>
                <a:spcPct val="100000"/>
              </a:lnSpc>
              <a:buFont typeface="Arial" panose="020B0604020202020204" pitchFamily="34" charset="0"/>
              <a:buChar char="•"/>
            </a:pPr>
            <a:r>
              <a:rPr spc="60" dirty="0">
                <a:solidFill>
                  <a:srgbClr val="2F2F2F"/>
                </a:solidFill>
                <a:cs typeface="微软雅黑"/>
              </a:rPr>
              <a:t>NFV标准架构的主要接口：</a:t>
            </a:r>
            <a:endParaRPr dirty="0">
              <a:cs typeface="微软雅黑"/>
            </a:endParaRPr>
          </a:p>
        </p:txBody>
      </p:sp>
      <p:graphicFrame>
        <p:nvGraphicFramePr>
          <p:cNvPr id="40" name="表格 39"/>
          <p:cNvGraphicFramePr>
            <a:graphicFrameLocks noGrp="1"/>
          </p:cNvGraphicFramePr>
          <p:nvPr/>
        </p:nvGraphicFramePr>
        <p:xfrm>
          <a:off x="1127760" y="1745744"/>
          <a:ext cx="9773920" cy="4444873"/>
        </p:xfrm>
        <a:graphic>
          <a:graphicData uri="http://schemas.openxmlformats.org/drawingml/2006/table">
            <a:tbl>
              <a:tblPr firstRow="1" bandRow="1">
                <a:tableStyleId>{72833802-FEF1-4C79-8D5D-14CF1EAF98D9}</a:tableStyleId>
              </a:tblPr>
              <a:tblGrid>
                <a:gridCol w="1542731">
                  <a:extLst>
                    <a:ext uri="{9D8B030D-6E8A-4147-A177-3AD203B41FA5}">
                      <a16:colId xmlns:a16="http://schemas.microsoft.com/office/drawing/2014/main" xmlns="" val="20000"/>
                    </a:ext>
                  </a:extLst>
                </a:gridCol>
                <a:gridCol w="8231189">
                  <a:extLst>
                    <a:ext uri="{9D8B030D-6E8A-4147-A177-3AD203B41FA5}">
                      <a16:colId xmlns:a16="http://schemas.microsoft.com/office/drawing/2014/main" xmlns="" val="20001"/>
                    </a:ext>
                  </a:extLst>
                </a:gridCol>
              </a:tblGrid>
              <a:tr h="370840">
                <a:tc>
                  <a:txBody>
                    <a:bodyPr/>
                    <a:lstStyle/>
                    <a:p>
                      <a:pPr algn="ctr"/>
                      <a:r>
                        <a:rPr lang="zh-CN" altLang="en-US" sz="1600" b="1" spc="30" dirty="0">
                          <a:solidFill>
                            <a:srgbClr val="FFFFFF"/>
                          </a:solidFill>
                          <a:cs typeface="微软雅黑"/>
                        </a:rPr>
                        <a:t> 接口类型</a:t>
                      </a:r>
                      <a:endParaRPr lang="zh-CN" altLang="en-US" sz="1600"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a:r>
                        <a:rPr lang="zh-CN" altLang="en-US" sz="1600" dirty="0"/>
                        <a:t>功能描述</a:t>
                      </a: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a16="http://schemas.microsoft.com/office/drawing/2014/main" xmlns="" val="10000"/>
                  </a:ext>
                </a:extLst>
              </a:tr>
              <a:tr h="370840">
                <a:tc>
                  <a:txBody>
                    <a:bodyPr/>
                    <a:lstStyle/>
                    <a:p>
                      <a:pPr algn="ctr"/>
                      <a:r>
                        <a:rPr lang="en-US" altLang="zh-CN" sz="1400" dirty="0"/>
                        <a:t>Vi-Ha</a:t>
                      </a:r>
                      <a:endParaRPr lang="zh-CN" altLang="en-US" sz="1400"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a16="http://schemas.microsoft.com/office/drawing/2014/main" xmlns="" val="10001"/>
                  </a:ext>
                </a:extLst>
              </a:tr>
              <a:tr h="370840">
                <a:tc rowSpan="2">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en-US" altLang="zh-CN" sz="1400" dirty="0" err="1"/>
                        <a:t>Vn-Nf</a:t>
                      </a:r>
                      <a:endParaRPr lang="zh-CN" altLang="en-US" sz="1400" dirty="0"/>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xmlns="" val="10002"/>
                  </a:ext>
                </a:extLst>
              </a:tr>
              <a:tr h="370840">
                <a:tc vMerge="1">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xmlns="" val="10003"/>
                  </a:ext>
                </a:extLst>
              </a:tr>
              <a:tr h="370840">
                <a:tc rowSpan="2">
                  <a:txBody>
                    <a:bodyPr/>
                    <a:lstStyle/>
                    <a:p>
                      <a:pPr algn="ctr"/>
                      <a:r>
                        <a:rPr lang="en-US" altLang="zh-CN" sz="1400" dirty="0" err="1"/>
                        <a:t>Vf</a:t>
                      </a:r>
                      <a:r>
                        <a:rPr lang="en-US" altLang="zh-CN" sz="1400" dirty="0"/>
                        <a:t>-Vi</a:t>
                      </a:r>
                      <a:endParaRPr lang="zh-CN" altLang="en-US" sz="1400" dirty="0"/>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a16="http://schemas.microsoft.com/office/drawing/2014/main" xmlns="" val="10004"/>
                  </a:ext>
                </a:extLst>
              </a:tr>
              <a:tr h="370840">
                <a:tc vMerge="1">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a16="http://schemas.microsoft.com/office/drawing/2014/main" xmlns="" val="10005"/>
                  </a:ext>
                </a:extLst>
              </a:tr>
              <a:tr h="370840">
                <a:tc>
                  <a:txBody>
                    <a:bodyPr/>
                    <a:lstStyle/>
                    <a:p>
                      <a:pPr marL="0" algn="ctr" defTabSz="914034" rtl="0" eaLnBrk="1" latinLnBrk="0" hangingPunct="1"/>
                      <a:r>
                        <a:rPr lang="en-US" altLang="zh-CN" sz="1400" kern="1200" dirty="0">
                          <a:solidFill>
                            <a:schemeClr val="tx1"/>
                          </a:solidFill>
                          <a:latin typeface="+mn-lt"/>
                          <a:ea typeface="+mn-ea"/>
                          <a:cs typeface="+mn-cs"/>
                        </a:rPr>
                        <a:t> </a:t>
                      </a:r>
                      <a:r>
                        <a:rPr lang="en-US" altLang="zh-CN" sz="1400" kern="1200" dirty="0" err="1">
                          <a:solidFill>
                            <a:schemeClr val="tx1"/>
                          </a:solidFill>
                          <a:latin typeface="+mn-lt"/>
                          <a:ea typeface="+mn-ea"/>
                          <a:cs typeface="+mn-cs"/>
                        </a:rPr>
                        <a:t>Ve-Vnfm</a:t>
                      </a:r>
                      <a:r>
                        <a:rPr lang="en-US" altLang="zh-CN" sz="1400" kern="1200" dirty="0">
                          <a:solidFill>
                            <a:schemeClr val="tx1"/>
                          </a:solidFill>
                          <a:latin typeface="+mn-lt"/>
                          <a:ea typeface="+mn-ea"/>
                          <a:cs typeface="+mn-cs"/>
                        </a:rPr>
                        <a:t> </a:t>
                      </a:r>
                      <a:endParaRPr lang="zh-CN" altLang="en-US" sz="1400" kern="1200" dirty="0">
                        <a:solidFill>
                          <a:schemeClr val="tx1"/>
                        </a:solidFill>
                        <a:latin typeface="+mn-lt"/>
                        <a:ea typeface="+mn-ea"/>
                        <a:cs typeface="+mn-cs"/>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xmlns="" val="10006"/>
                  </a:ext>
                </a:extLst>
              </a:tr>
              <a:tr h="370840">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en-US" altLang="zh-CN" sz="1400" b="0" spc="45" dirty="0">
                          <a:solidFill>
                            <a:srgbClr val="2F2F2F"/>
                          </a:solidFill>
                          <a:cs typeface="微软雅黑"/>
                        </a:rPr>
                        <a:t>O</a:t>
                      </a:r>
                      <a:r>
                        <a:rPr lang="en-US" altLang="zh-CN" sz="1400" b="0" spc="50" dirty="0">
                          <a:solidFill>
                            <a:srgbClr val="2F2F2F"/>
                          </a:solidFill>
                          <a:cs typeface="微软雅黑"/>
                        </a:rPr>
                        <a:t>S-</a:t>
                      </a:r>
                      <a:r>
                        <a:rPr lang="en-US" altLang="zh-CN" sz="1400" b="0" spc="45" dirty="0">
                          <a:solidFill>
                            <a:srgbClr val="2F2F2F"/>
                          </a:solidFill>
                          <a:cs typeface="微软雅黑"/>
                        </a:rPr>
                        <a:t>Ma</a:t>
                      </a:r>
                      <a:endParaRPr lang="en-US" altLang="zh-CN" sz="1400" b="0" dirty="0">
                        <a:cs typeface="微软雅黑"/>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a16="http://schemas.microsoft.com/office/drawing/2014/main" xmlns="" val="10007"/>
                  </a:ext>
                </a:extLst>
              </a:tr>
              <a:tr h="370840">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en-US" altLang="zh-CN" sz="1400" b="0" kern="1200" spc="45" dirty="0">
                          <a:solidFill>
                            <a:srgbClr val="2F2F2F"/>
                          </a:solidFill>
                          <a:latin typeface="+mn-lt"/>
                          <a:ea typeface="+mn-ea"/>
                          <a:cs typeface="微软雅黑"/>
                        </a:rPr>
                        <a:t>Vi-</a:t>
                      </a:r>
                      <a:r>
                        <a:rPr lang="en-US" altLang="zh-CN" sz="1400" b="0" kern="1200" spc="45" dirty="0" err="1">
                          <a:solidFill>
                            <a:srgbClr val="2F2F2F"/>
                          </a:solidFill>
                          <a:latin typeface="+mn-lt"/>
                          <a:ea typeface="+mn-ea"/>
                          <a:cs typeface="微软雅黑"/>
                        </a:rPr>
                        <a:t>Vnfm</a:t>
                      </a:r>
                      <a:r>
                        <a:rPr lang="en-US" altLang="zh-CN" sz="1400" b="0" kern="1200" spc="45" dirty="0">
                          <a:solidFill>
                            <a:srgbClr val="2F2F2F"/>
                          </a:solidFill>
                          <a:latin typeface="+mn-lt"/>
                          <a:ea typeface="+mn-ea"/>
                          <a:cs typeface="微软雅黑"/>
                        </a:rPr>
                        <a:t> </a:t>
                      </a:r>
                      <a:endParaRPr lang="zh-CN" altLang="en-US" sz="1400" b="0" kern="1200" spc="45" dirty="0">
                        <a:solidFill>
                          <a:srgbClr val="2F2F2F"/>
                        </a:solidFill>
                        <a:latin typeface="+mn-lt"/>
                        <a:ea typeface="+mn-ea"/>
                        <a:cs typeface="微软雅黑"/>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xmlns="" val="10008"/>
                  </a:ext>
                </a:extLst>
              </a:tr>
              <a:tr h="370840">
                <a:tc rowSpan="2">
                  <a:txBody>
                    <a:bodyPr/>
                    <a:lstStyle/>
                    <a:p>
                      <a:pPr algn="ctr"/>
                      <a:r>
                        <a:rPr lang="en-US" altLang="zh-CN" sz="1400" b="0" kern="1200" spc="45" dirty="0">
                          <a:solidFill>
                            <a:srgbClr val="2F2F2F"/>
                          </a:solidFill>
                          <a:latin typeface="+mn-lt"/>
                          <a:ea typeface="+mn-ea"/>
                          <a:cs typeface="微软雅黑"/>
                        </a:rPr>
                        <a:t>Or-</a:t>
                      </a:r>
                      <a:r>
                        <a:rPr lang="en-US" altLang="zh-CN" sz="1400" b="0" kern="1200" spc="45" dirty="0" err="1">
                          <a:solidFill>
                            <a:srgbClr val="2F2F2F"/>
                          </a:solidFill>
                          <a:latin typeface="+mn-lt"/>
                          <a:ea typeface="+mn-ea"/>
                          <a:cs typeface="微软雅黑"/>
                        </a:rPr>
                        <a:t>Vnfm</a:t>
                      </a:r>
                      <a:endParaRPr lang="zh-CN" altLang="en-US" sz="1400" b="0" kern="1200" spc="45" dirty="0">
                        <a:solidFill>
                          <a:srgbClr val="2F2F2F"/>
                        </a:solidFill>
                        <a:latin typeface="+mn-lt"/>
                        <a:ea typeface="+mn-ea"/>
                        <a:cs typeface="微软雅黑"/>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a16="http://schemas.microsoft.com/office/drawing/2014/main" xmlns="" val="10009"/>
                  </a:ext>
                </a:extLst>
              </a:tr>
              <a:tr h="0">
                <a:tc vMerge="1">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a16="http://schemas.microsoft.com/office/drawing/2014/main" xmlns="" val="10010"/>
                  </a:ext>
                </a:extLst>
              </a:tr>
              <a:tr h="370840">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en-US" altLang="zh-CN" sz="1400" b="0" kern="1200" spc="45" dirty="0">
                          <a:solidFill>
                            <a:srgbClr val="2F2F2F"/>
                          </a:solidFill>
                          <a:latin typeface="+mn-lt"/>
                          <a:ea typeface="+mn-ea"/>
                          <a:cs typeface="微软雅黑"/>
                        </a:rPr>
                        <a:t>Or-Vi</a:t>
                      </a: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lang="zh-CN" altLang="en-US" dirty="0"/>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xmlns="" val="10011"/>
                  </a:ext>
                </a:extLst>
              </a:tr>
            </a:tbl>
          </a:graphicData>
        </a:graphic>
      </p:graphicFrame>
      <p:sp>
        <p:nvSpPr>
          <p:cNvPr id="42" name="object 132">
            <a:extLst>
              <a:ext uri="{FF2B5EF4-FFF2-40B4-BE49-F238E27FC236}">
                <a16:creationId xmlns:a16="http://schemas.microsoft.com/office/drawing/2014/main" xmlns="" id="{85F5D0AC-6920-43FB-A553-2882FCD089F2}"/>
              </a:ext>
            </a:extLst>
          </p:cNvPr>
          <p:cNvSpPr txBox="1"/>
          <p:nvPr/>
        </p:nvSpPr>
        <p:spPr>
          <a:xfrm>
            <a:off x="2814306" y="2192225"/>
            <a:ext cx="7570382" cy="215444"/>
          </a:xfrm>
          <a:prstGeom prst="rect">
            <a:avLst/>
          </a:prstGeom>
        </p:spPr>
        <p:txBody>
          <a:bodyPr vert="horz" wrap="square" lIns="0" tIns="0" rIns="0" bIns="0" rtlCol="0">
            <a:spAutoFit/>
          </a:bodyPr>
          <a:lstStyle/>
          <a:p>
            <a:pPr marL="12700">
              <a:lnSpc>
                <a:spcPct val="100000"/>
              </a:lnSpc>
            </a:pPr>
            <a:r>
              <a:rPr sz="1400" spc="45" dirty="0" err="1">
                <a:solidFill>
                  <a:srgbClr val="2F2F2F"/>
                </a:solidFill>
                <a:cs typeface="微软雅黑"/>
              </a:rPr>
              <a:t>虚拟化层与基础硬件之间的接口</a:t>
            </a:r>
            <a:r>
              <a:rPr lang="zh-CN" altLang="en-US" sz="1400" spc="45" dirty="0">
                <a:solidFill>
                  <a:srgbClr val="2F2F2F"/>
                </a:solidFill>
                <a:cs typeface="微软雅黑"/>
              </a:rPr>
              <a:t>。</a:t>
            </a:r>
            <a:r>
              <a:rPr sz="1400" spc="45" dirty="0" err="1">
                <a:solidFill>
                  <a:srgbClr val="2F2F2F"/>
                </a:solidFill>
                <a:cs typeface="微软雅黑"/>
              </a:rPr>
              <a:t>虚拟化层</a:t>
            </a:r>
            <a:r>
              <a:rPr lang="zh-CN" altLang="en-US" sz="1400" spc="45" dirty="0">
                <a:solidFill>
                  <a:srgbClr val="2F2F2F"/>
                </a:solidFill>
                <a:cs typeface="微软雅黑"/>
              </a:rPr>
              <a:t>满足</a:t>
            </a:r>
            <a:r>
              <a:rPr sz="1400" spc="45" dirty="0" err="1">
                <a:solidFill>
                  <a:srgbClr val="2F2F2F"/>
                </a:solidFill>
                <a:cs typeface="微软雅黑"/>
              </a:rPr>
              <a:t>基础硬件兼容性要求</a:t>
            </a:r>
            <a:r>
              <a:rPr sz="1400" spc="45" dirty="0">
                <a:solidFill>
                  <a:srgbClr val="2F2F2F"/>
                </a:solidFill>
                <a:cs typeface="微软雅黑"/>
              </a:rPr>
              <a:t>。</a:t>
            </a:r>
            <a:endParaRPr sz="1400" dirty="0">
              <a:cs typeface="微软雅黑"/>
            </a:endParaRPr>
          </a:p>
        </p:txBody>
      </p:sp>
      <p:sp>
        <p:nvSpPr>
          <p:cNvPr id="43" name="object 137">
            <a:extLst>
              <a:ext uri="{FF2B5EF4-FFF2-40B4-BE49-F238E27FC236}">
                <a16:creationId xmlns:a16="http://schemas.microsoft.com/office/drawing/2014/main" xmlns="" id="{6EE736D6-69EB-46CE-BE28-2061A8FEBC35}"/>
              </a:ext>
            </a:extLst>
          </p:cNvPr>
          <p:cNvSpPr txBox="1"/>
          <p:nvPr/>
        </p:nvSpPr>
        <p:spPr>
          <a:xfrm>
            <a:off x="2814306" y="2554709"/>
            <a:ext cx="8016254" cy="598882"/>
          </a:xfrm>
          <a:prstGeom prst="rect">
            <a:avLst/>
          </a:prstGeom>
        </p:spPr>
        <p:txBody>
          <a:bodyPr vert="horz" wrap="square" lIns="0" tIns="0" rIns="0" bIns="0" rtlCol="0">
            <a:spAutoFit/>
          </a:bodyPr>
          <a:lstStyle/>
          <a:p>
            <a:pPr marL="12700" marR="5080">
              <a:lnSpc>
                <a:spcPct val="138900"/>
              </a:lnSpc>
            </a:pPr>
            <a:r>
              <a:rPr sz="1400" spc="45" dirty="0" err="1">
                <a:solidFill>
                  <a:srgbClr val="2F2F2F"/>
                </a:solidFill>
                <a:cs typeface="微软雅黑"/>
              </a:rPr>
              <a:t>虚拟机</a:t>
            </a:r>
            <a:r>
              <a:rPr lang="zh-CN" altLang="en-US" sz="1400" spc="45" dirty="0">
                <a:solidFill>
                  <a:srgbClr val="2F2F2F"/>
                </a:solidFill>
                <a:cs typeface="微软雅黑"/>
              </a:rPr>
              <a:t>（</a:t>
            </a:r>
            <a:r>
              <a:rPr sz="1400" spc="45" dirty="0">
                <a:solidFill>
                  <a:srgbClr val="2F2F2F"/>
                </a:solidFill>
                <a:cs typeface="微软雅黑"/>
              </a:rPr>
              <a:t>VM</a:t>
            </a:r>
            <a:r>
              <a:rPr lang="zh-CN" altLang="en-US" sz="1400" spc="45" dirty="0">
                <a:solidFill>
                  <a:srgbClr val="2F2F2F"/>
                </a:solidFill>
                <a:cs typeface="微软雅黑"/>
              </a:rPr>
              <a:t>）</a:t>
            </a:r>
            <a:r>
              <a:rPr sz="1400" spc="45" dirty="0" err="1">
                <a:solidFill>
                  <a:srgbClr val="2F2F2F"/>
                </a:solidFill>
                <a:cs typeface="微软雅黑"/>
              </a:rPr>
              <a:t>与NFVI之间的接口</a:t>
            </a:r>
            <a:r>
              <a:rPr lang="zh-CN" altLang="en-US" sz="1400" spc="45" dirty="0">
                <a:solidFill>
                  <a:srgbClr val="2F2F2F"/>
                </a:solidFill>
                <a:cs typeface="微软雅黑"/>
              </a:rPr>
              <a:t>。它</a:t>
            </a:r>
            <a:r>
              <a:rPr sz="1400" spc="45" dirty="0" err="1">
                <a:solidFill>
                  <a:srgbClr val="2F2F2F"/>
                </a:solidFill>
                <a:cs typeface="微软雅黑"/>
              </a:rPr>
              <a:t>确保虚拟机可以部署在NFVI上，满足性能、可靠性和可扩展性要求。NFVI</a:t>
            </a:r>
            <a:r>
              <a:rPr lang="zh-CN" altLang="en-US" sz="1400" spc="45" dirty="0">
                <a:solidFill>
                  <a:srgbClr val="2F2F2F"/>
                </a:solidFill>
                <a:cs typeface="微软雅黑"/>
              </a:rPr>
              <a:t>满足</a:t>
            </a:r>
            <a:r>
              <a:rPr sz="1400" spc="45" dirty="0" err="1">
                <a:solidFill>
                  <a:srgbClr val="2F2F2F"/>
                </a:solidFill>
                <a:cs typeface="微软雅黑"/>
              </a:rPr>
              <a:t>虚拟机操作系统兼容性要求</a:t>
            </a:r>
            <a:r>
              <a:rPr sz="1400" spc="45" dirty="0">
                <a:solidFill>
                  <a:srgbClr val="2F2F2F"/>
                </a:solidFill>
                <a:cs typeface="微软雅黑"/>
              </a:rPr>
              <a:t>。</a:t>
            </a:r>
            <a:endParaRPr sz="1400" dirty="0">
              <a:cs typeface="微软雅黑"/>
            </a:endParaRPr>
          </a:p>
        </p:txBody>
      </p:sp>
      <p:sp>
        <p:nvSpPr>
          <p:cNvPr id="44" name="object 138">
            <a:extLst>
              <a:ext uri="{FF2B5EF4-FFF2-40B4-BE49-F238E27FC236}">
                <a16:creationId xmlns:a16="http://schemas.microsoft.com/office/drawing/2014/main" xmlns="" id="{5B2D3737-FCB1-4413-9066-C2617384DCEA}"/>
              </a:ext>
            </a:extLst>
          </p:cNvPr>
          <p:cNvSpPr txBox="1"/>
          <p:nvPr/>
        </p:nvSpPr>
        <p:spPr>
          <a:xfrm>
            <a:off x="2814306" y="3297251"/>
            <a:ext cx="8016254" cy="571823"/>
          </a:xfrm>
          <a:prstGeom prst="rect">
            <a:avLst/>
          </a:prstGeom>
        </p:spPr>
        <p:txBody>
          <a:bodyPr vert="horz" wrap="square" lIns="0" tIns="0" rIns="0" bIns="0" rtlCol="0">
            <a:spAutoFit/>
          </a:bodyPr>
          <a:lstStyle/>
          <a:p>
            <a:pPr marL="12700" marR="5080">
              <a:lnSpc>
                <a:spcPct val="138900"/>
              </a:lnSpc>
            </a:pPr>
            <a:r>
              <a:rPr sz="1400" spc="45" dirty="0" err="1">
                <a:solidFill>
                  <a:srgbClr val="2F2F2F"/>
                </a:solidFill>
                <a:cs typeface="微软雅黑"/>
              </a:rPr>
              <a:t>虚拟化层管理软件与NFVI之间的接口，提供NFVI虚拟计算、存储和网络系统管理</a:t>
            </a:r>
            <a:r>
              <a:rPr sz="1400" spc="45" dirty="0">
                <a:solidFill>
                  <a:srgbClr val="2F2F2F"/>
                </a:solidFill>
                <a:cs typeface="微软雅黑"/>
              </a:rPr>
              <a:t>；</a:t>
            </a:r>
            <a:r>
              <a:rPr lang="zh-CN" altLang="en-US" sz="1400" spc="45" dirty="0">
                <a:solidFill>
                  <a:srgbClr val="2F2F2F"/>
                </a:solidFill>
                <a:cs typeface="微软雅黑"/>
              </a:rPr>
              <a:t>提供</a:t>
            </a:r>
            <a:r>
              <a:rPr sz="1400" spc="45" dirty="0" err="1">
                <a:solidFill>
                  <a:srgbClr val="2F2F2F"/>
                </a:solidFill>
                <a:cs typeface="微软雅黑"/>
              </a:rPr>
              <a:t>虚拟基础架构配置和连接</a:t>
            </a:r>
            <a:r>
              <a:rPr sz="1400" spc="45" dirty="0">
                <a:solidFill>
                  <a:srgbClr val="2F2F2F"/>
                </a:solidFill>
                <a:cs typeface="微软雅黑"/>
              </a:rPr>
              <a:t>；</a:t>
            </a:r>
            <a:r>
              <a:rPr lang="zh-CN" altLang="en-US" sz="1400" spc="45" dirty="0">
                <a:solidFill>
                  <a:srgbClr val="2F2F2F"/>
                </a:solidFill>
                <a:cs typeface="微软雅黑"/>
              </a:rPr>
              <a:t>提供</a:t>
            </a:r>
            <a:r>
              <a:rPr sz="1400" spc="45" dirty="0" err="1">
                <a:solidFill>
                  <a:srgbClr val="2F2F2F"/>
                </a:solidFill>
                <a:cs typeface="微软雅黑"/>
              </a:rPr>
              <a:t>系统利用率、性能监控和故障管理</a:t>
            </a:r>
            <a:r>
              <a:rPr sz="1400" spc="45" dirty="0">
                <a:solidFill>
                  <a:srgbClr val="2F2F2F"/>
                </a:solidFill>
                <a:cs typeface="微软雅黑"/>
              </a:rPr>
              <a:t>。</a:t>
            </a:r>
            <a:endParaRPr sz="1400" dirty="0">
              <a:cs typeface="微软雅黑"/>
            </a:endParaRPr>
          </a:p>
        </p:txBody>
      </p:sp>
      <p:sp>
        <p:nvSpPr>
          <p:cNvPr id="45" name="object 133">
            <a:extLst>
              <a:ext uri="{FF2B5EF4-FFF2-40B4-BE49-F238E27FC236}">
                <a16:creationId xmlns:a16="http://schemas.microsoft.com/office/drawing/2014/main" xmlns="" id="{0E6B2907-D6FE-4854-926E-3B5B5A8CBC29}"/>
              </a:ext>
            </a:extLst>
          </p:cNvPr>
          <p:cNvSpPr txBox="1"/>
          <p:nvPr/>
        </p:nvSpPr>
        <p:spPr>
          <a:xfrm>
            <a:off x="2814306" y="4069412"/>
            <a:ext cx="7720612" cy="215444"/>
          </a:xfrm>
          <a:prstGeom prst="rect">
            <a:avLst/>
          </a:prstGeom>
        </p:spPr>
        <p:txBody>
          <a:bodyPr vert="horz" wrap="square" lIns="0" tIns="0" rIns="0" bIns="0" rtlCol="0">
            <a:spAutoFit/>
          </a:bodyPr>
          <a:lstStyle/>
          <a:p>
            <a:pPr marL="12700">
              <a:lnSpc>
                <a:spcPct val="100000"/>
              </a:lnSpc>
            </a:pPr>
            <a:r>
              <a:rPr sz="1400" spc="35" dirty="0" err="1">
                <a:solidFill>
                  <a:srgbClr val="2F2F2F"/>
                </a:solidFill>
                <a:cs typeface="微软雅黑"/>
              </a:rPr>
              <a:t>VNFM与VNF之间的接口，实现VNF生命周期管理、VNF配置、VNF性能和故障管理</a:t>
            </a:r>
            <a:r>
              <a:rPr sz="1400" spc="35" dirty="0">
                <a:solidFill>
                  <a:srgbClr val="2F2F2F"/>
                </a:solidFill>
                <a:cs typeface="微软雅黑"/>
              </a:rPr>
              <a:t>。</a:t>
            </a:r>
            <a:endParaRPr sz="1400" dirty="0">
              <a:cs typeface="微软雅黑"/>
            </a:endParaRPr>
          </a:p>
        </p:txBody>
      </p:sp>
      <p:sp>
        <p:nvSpPr>
          <p:cNvPr id="46" name="object 134">
            <a:extLst>
              <a:ext uri="{FF2B5EF4-FFF2-40B4-BE49-F238E27FC236}">
                <a16:creationId xmlns:a16="http://schemas.microsoft.com/office/drawing/2014/main" xmlns="" id="{CB41C65B-0D2F-4B02-ABF0-F1B0FAAB7D67}"/>
              </a:ext>
            </a:extLst>
          </p:cNvPr>
          <p:cNvSpPr txBox="1"/>
          <p:nvPr/>
        </p:nvSpPr>
        <p:spPr>
          <a:xfrm>
            <a:off x="2814306" y="4440507"/>
            <a:ext cx="5404116" cy="215444"/>
          </a:xfrm>
          <a:prstGeom prst="rect">
            <a:avLst/>
          </a:prstGeom>
        </p:spPr>
        <p:txBody>
          <a:bodyPr vert="horz" wrap="square" lIns="0" tIns="0" rIns="0" bIns="0" rtlCol="0">
            <a:spAutoFit/>
          </a:bodyPr>
          <a:lstStyle/>
          <a:p>
            <a:pPr marL="12700">
              <a:lnSpc>
                <a:spcPct val="100000"/>
              </a:lnSpc>
            </a:pPr>
            <a:r>
              <a:rPr sz="1400" spc="45" dirty="0">
                <a:solidFill>
                  <a:srgbClr val="2F2F2F"/>
                </a:solidFill>
                <a:cs typeface="微软雅黑"/>
              </a:rPr>
              <a:t>实现网络服务生命周期管理，VNF生命周期管理。</a:t>
            </a:r>
            <a:endParaRPr sz="1400" dirty="0">
              <a:cs typeface="微软雅黑"/>
            </a:endParaRPr>
          </a:p>
        </p:txBody>
      </p:sp>
      <p:sp>
        <p:nvSpPr>
          <p:cNvPr id="47" name="object 135">
            <a:extLst>
              <a:ext uri="{FF2B5EF4-FFF2-40B4-BE49-F238E27FC236}">
                <a16:creationId xmlns:a16="http://schemas.microsoft.com/office/drawing/2014/main" xmlns="" id="{296F0A87-9782-409B-864E-4E2A92DC86FD}"/>
              </a:ext>
            </a:extLst>
          </p:cNvPr>
          <p:cNvSpPr txBox="1"/>
          <p:nvPr/>
        </p:nvSpPr>
        <p:spPr>
          <a:xfrm>
            <a:off x="2814306" y="4811602"/>
            <a:ext cx="7849401" cy="215444"/>
          </a:xfrm>
          <a:prstGeom prst="rect">
            <a:avLst/>
          </a:prstGeom>
        </p:spPr>
        <p:txBody>
          <a:bodyPr vert="horz" wrap="square" lIns="0" tIns="0" rIns="0" bIns="0" rtlCol="0">
            <a:spAutoFit/>
          </a:bodyPr>
          <a:lstStyle/>
          <a:p>
            <a:pPr marL="12700">
              <a:lnSpc>
                <a:spcPct val="100000"/>
              </a:lnSpc>
            </a:pPr>
            <a:r>
              <a:rPr sz="1400" spc="45" dirty="0" err="1">
                <a:solidFill>
                  <a:srgbClr val="2F2F2F"/>
                </a:solidFill>
                <a:cs typeface="微软雅黑"/>
              </a:rPr>
              <a:t>提供业务应用管理系统</a:t>
            </a:r>
            <a:r>
              <a:rPr sz="1400" spc="45" dirty="0">
                <a:solidFill>
                  <a:srgbClr val="2F2F2F"/>
                </a:solidFill>
                <a:cs typeface="微软雅黑"/>
              </a:rPr>
              <a:t>/业务编排系统与虚拟化层管理软件之间交互接口。</a:t>
            </a:r>
            <a:endParaRPr sz="1400" dirty="0">
              <a:cs typeface="微软雅黑"/>
            </a:endParaRPr>
          </a:p>
        </p:txBody>
      </p:sp>
      <p:sp>
        <p:nvSpPr>
          <p:cNvPr id="48" name="矩形 47"/>
          <p:cNvSpPr/>
          <p:nvPr/>
        </p:nvSpPr>
        <p:spPr>
          <a:xfrm>
            <a:off x="2814306" y="5092827"/>
            <a:ext cx="8138174" cy="664156"/>
          </a:xfrm>
          <a:prstGeom prst="rect">
            <a:avLst/>
          </a:prstGeom>
        </p:spPr>
        <p:txBody>
          <a:bodyPr wrap="square">
            <a:spAutoFit/>
          </a:bodyPr>
          <a:lstStyle/>
          <a:p>
            <a:pPr marL="12700" marR="5080">
              <a:lnSpc>
                <a:spcPct val="138900"/>
              </a:lnSpc>
            </a:pPr>
            <a:r>
              <a:rPr lang="zh-CN" altLang="en-US" sz="1400" spc="45" dirty="0">
                <a:solidFill>
                  <a:srgbClr val="2F2F2F"/>
                </a:solidFill>
                <a:cs typeface="微软雅黑"/>
              </a:rPr>
              <a:t>给</a:t>
            </a:r>
            <a:r>
              <a:rPr lang="en-US" altLang="zh-CN" sz="1400" spc="45" dirty="0">
                <a:solidFill>
                  <a:srgbClr val="2F2F2F"/>
                </a:solidFill>
                <a:cs typeface="微软雅黑"/>
              </a:rPr>
              <a:t>VNFM</a:t>
            </a:r>
            <a:r>
              <a:rPr lang="zh-CN" altLang="en-US" sz="1400" spc="45" dirty="0">
                <a:solidFill>
                  <a:srgbClr val="2F2F2F"/>
                </a:solidFill>
                <a:cs typeface="微软雅黑"/>
              </a:rPr>
              <a:t>发送配置信息，对</a:t>
            </a:r>
            <a:r>
              <a:rPr lang="en-US" altLang="zh-CN" sz="1400" spc="45" dirty="0">
                <a:solidFill>
                  <a:srgbClr val="2F2F2F"/>
                </a:solidFill>
                <a:cs typeface="微软雅黑"/>
              </a:rPr>
              <a:t>VNFM</a:t>
            </a:r>
            <a:r>
              <a:rPr lang="zh-CN" altLang="en-US" sz="1400" spc="45" dirty="0">
                <a:solidFill>
                  <a:srgbClr val="2F2F2F"/>
                </a:solidFill>
                <a:cs typeface="微软雅黑"/>
              </a:rPr>
              <a:t>进行配置，完成</a:t>
            </a:r>
            <a:r>
              <a:rPr lang="en-US" altLang="zh-CN" sz="1400" spc="45" dirty="0">
                <a:solidFill>
                  <a:srgbClr val="2F2F2F"/>
                </a:solidFill>
                <a:cs typeface="微软雅黑"/>
              </a:rPr>
              <a:t>O</a:t>
            </a:r>
            <a:r>
              <a:rPr lang="en-US" altLang="zh-CN" sz="1400" spc="30" dirty="0">
                <a:solidFill>
                  <a:srgbClr val="2F2F2F"/>
                </a:solidFill>
                <a:cs typeface="微软雅黑"/>
              </a:rPr>
              <a:t>r</a:t>
            </a:r>
            <a:r>
              <a:rPr lang="en-US" altLang="zh-CN" sz="1400" spc="45" dirty="0">
                <a:solidFill>
                  <a:srgbClr val="2F2F2F"/>
                </a:solidFill>
                <a:cs typeface="微软雅黑"/>
              </a:rPr>
              <a:t>chestra</a:t>
            </a:r>
            <a:r>
              <a:rPr lang="en-US" altLang="zh-CN" sz="1400" spc="35" dirty="0">
                <a:solidFill>
                  <a:srgbClr val="2F2F2F"/>
                </a:solidFill>
                <a:cs typeface="微软雅黑"/>
              </a:rPr>
              <a:t>t</a:t>
            </a:r>
            <a:r>
              <a:rPr lang="en-US" altLang="zh-CN" sz="1400" spc="45" dirty="0">
                <a:solidFill>
                  <a:srgbClr val="2F2F2F"/>
                </a:solidFill>
                <a:cs typeface="微软雅黑"/>
              </a:rPr>
              <a:t>or</a:t>
            </a:r>
            <a:r>
              <a:rPr lang="zh-CN" altLang="en-US" sz="1400" spc="45" dirty="0">
                <a:solidFill>
                  <a:srgbClr val="2F2F2F"/>
                </a:solidFill>
                <a:cs typeface="微软雅黑"/>
              </a:rPr>
              <a:t>与</a:t>
            </a:r>
            <a:r>
              <a:rPr lang="en-US" altLang="zh-CN" sz="1400" spc="45" dirty="0">
                <a:solidFill>
                  <a:srgbClr val="2F2F2F"/>
                </a:solidFill>
                <a:cs typeface="微软雅黑"/>
              </a:rPr>
              <a:t>VNFM</a:t>
            </a:r>
            <a:r>
              <a:rPr lang="zh-CN" altLang="en-US" sz="1400" spc="45" dirty="0">
                <a:solidFill>
                  <a:srgbClr val="2F2F2F"/>
                </a:solidFill>
                <a:cs typeface="微软雅黑"/>
              </a:rPr>
              <a:t>的对接；分配给一个</a:t>
            </a:r>
            <a:r>
              <a:rPr lang="en-US" altLang="zh-CN" sz="1400" spc="45" dirty="0">
                <a:solidFill>
                  <a:srgbClr val="2F2F2F"/>
                </a:solidFill>
                <a:cs typeface="微软雅黑"/>
              </a:rPr>
              <a:t>VNF</a:t>
            </a:r>
            <a:r>
              <a:rPr lang="zh-CN" altLang="en-US" sz="1400" spc="45" dirty="0">
                <a:solidFill>
                  <a:srgbClr val="2F2F2F"/>
                </a:solidFill>
                <a:cs typeface="微软雅黑"/>
              </a:rPr>
              <a:t>的</a:t>
            </a:r>
            <a:r>
              <a:rPr lang="en-US" altLang="zh-CN" sz="1400" spc="45" dirty="0">
                <a:solidFill>
                  <a:srgbClr val="2F2F2F"/>
                </a:solidFill>
                <a:cs typeface="微软雅黑"/>
              </a:rPr>
              <a:t>NFVI</a:t>
            </a:r>
            <a:r>
              <a:rPr lang="zh-CN" altLang="en-US" sz="1400" spc="45" dirty="0">
                <a:solidFill>
                  <a:srgbClr val="2F2F2F"/>
                </a:solidFill>
                <a:cs typeface="微软雅黑"/>
              </a:rPr>
              <a:t>资源的交互；</a:t>
            </a:r>
            <a:r>
              <a:rPr lang="en-US" altLang="zh-CN" sz="1400" spc="45" dirty="0">
                <a:solidFill>
                  <a:srgbClr val="2F2F2F"/>
                </a:solidFill>
                <a:cs typeface="微软雅黑"/>
              </a:rPr>
              <a:t>VNF</a:t>
            </a:r>
            <a:r>
              <a:rPr lang="zh-CN" altLang="en-US" sz="1400" spc="45" dirty="0">
                <a:solidFill>
                  <a:srgbClr val="2F2F2F"/>
                </a:solidFill>
                <a:cs typeface="微软雅黑"/>
              </a:rPr>
              <a:t>信息的交换。</a:t>
            </a:r>
            <a:endParaRPr lang="zh-CN" altLang="en-US" sz="1400" dirty="0">
              <a:cs typeface="微软雅黑"/>
            </a:endParaRPr>
          </a:p>
        </p:txBody>
      </p:sp>
      <p:sp>
        <p:nvSpPr>
          <p:cNvPr id="49" name="object 136">
            <a:extLst>
              <a:ext uri="{FF2B5EF4-FFF2-40B4-BE49-F238E27FC236}">
                <a16:creationId xmlns:a16="http://schemas.microsoft.com/office/drawing/2014/main" xmlns="" id="{E7CD2E2E-2E47-452D-A70B-B3B15E0CEE3D}"/>
              </a:ext>
            </a:extLst>
          </p:cNvPr>
          <p:cNvSpPr txBox="1"/>
          <p:nvPr/>
        </p:nvSpPr>
        <p:spPr>
          <a:xfrm>
            <a:off x="2814306" y="5916867"/>
            <a:ext cx="8016254" cy="215444"/>
          </a:xfrm>
          <a:prstGeom prst="rect">
            <a:avLst/>
          </a:prstGeom>
        </p:spPr>
        <p:txBody>
          <a:bodyPr vert="horz" wrap="square" lIns="0" tIns="0" rIns="0" bIns="0" rtlCol="0">
            <a:spAutoFit/>
          </a:bodyPr>
          <a:lstStyle/>
          <a:p>
            <a:pPr marL="12700">
              <a:lnSpc>
                <a:spcPct val="100000"/>
              </a:lnSpc>
            </a:pPr>
            <a:r>
              <a:rPr sz="1400" spc="5" dirty="0">
                <a:solidFill>
                  <a:srgbClr val="2F2F2F"/>
                </a:solidFill>
                <a:cs typeface="微软雅黑"/>
              </a:rPr>
              <a:t>Orchestrator需要的资源预定及资源分配的请求；虚拟硬件资源配置及状态信息的交换。</a:t>
            </a:r>
            <a:endParaRPr sz="1400" dirty="0">
              <a:cs typeface="微软雅黑"/>
            </a:endParaRPr>
          </a:p>
        </p:txBody>
      </p:sp>
    </p:spTree>
    <p:extLst>
      <p:ext uri="{BB962C8B-B14F-4D97-AF65-F5344CB8AC3E}">
        <p14:creationId xmlns:p14="http://schemas.microsoft.com/office/powerpoint/2010/main" val="79239076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7489902B-A31E-48CE-B8C1-48BC198DB6B6}"/>
              </a:ext>
            </a:extLst>
          </p:cNvPr>
          <p:cNvSpPr>
            <a:spLocks noGrp="1"/>
          </p:cNvSpPr>
          <p:nvPr>
            <p:ph type="title"/>
          </p:nvPr>
        </p:nvSpPr>
        <p:spPr/>
        <p:txBody>
          <a:bodyPr/>
          <a:lstStyle/>
          <a:p>
            <a:r>
              <a:rPr lang="zh-CN" altLang="en-US"/>
              <a:t>华为</a:t>
            </a:r>
            <a:r>
              <a:rPr lang="en-US" altLang="zh-CN"/>
              <a:t>NFV</a:t>
            </a:r>
            <a:r>
              <a:rPr lang="zh-CN" altLang="en-US"/>
              <a:t>解决方案</a:t>
            </a:r>
          </a:p>
        </p:txBody>
      </p:sp>
      <p:sp>
        <p:nvSpPr>
          <p:cNvPr id="440" name="Content Placeholder 2">
            <a:extLst>
              <a:ext uri="{FF2B5EF4-FFF2-40B4-BE49-F238E27FC236}">
                <a16:creationId xmlns:a16="http://schemas.microsoft.com/office/drawing/2014/main" xmlns="" id="{C47559B7-3D9A-44FD-BACD-801FCC16746F}"/>
              </a:ext>
            </a:extLst>
          </p:cNvPr>
          <p:cNvSpPr txBox="1">
            <a:spLocks/>
          </p:cNvSpPr>
          <p:nvPr/>
        </p:nvSpPr>
        <p:spPr>
          <a:xfrm>
            <a:off x="446088" y="1233487"/>
            <a:ext cx="11299825" cy="1336606"/>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mn-lt"/>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mn-lt"/>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mn-lt"/>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mn-lt"/>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mn-lt"/>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sz="1800"/>
              <a:t>华为</a:t>
            </a:r>
            <a:r>
              <a:rPr lang="en-US" altLang="zh-CN" sz="1800"/>
              <a:t>NFV</a:t>
            </a:r>
            <a:r>
              <a:rPr lang="zh-CN" altLang="en-US" sz="1800"/>
              <a:t>架构中，虚拟化层及</a:t>
            </a:r>
            <a:r>
              <a:rPr lang="en-US" altLang="zh-CN" sz="1800"/>
              <a:t>VIM</a:t>
            </a:r>
            <a:r>
              <a:rPr lang="zh-CN" altLang="en-US" sz="1800"/>
              <a:t>的功能由华为云</a:t>
            </a:r>
            <a:r>
              <a:rPr lang="en-US" altLang="zh-CN" sz="1800"/>
              <a:t>Stack NFVI</a:t>
            </a:r>
            <a:r>
              <a:rPr lang="zh-CN" altLang="en-US" sz="1800"/>
              <a:t>平台实现。华为云</a:t>
            </a:r>
            <a:r>
              <a:rPr lang="en-US" altLang="zh-CN" sz="1800"/>
              <a:t>Stack</a:t>
            </a:r>
            <a:r>
              <a:rPr lang="zh-CN" altLang="en-US" sz="1800"/>
              <a:t>可以实现计算资源、存储资源和网络资源的全面虚拟化，并能够对物理硬件虚拟化资源进行统一的管理、监控和优化。</a:t>
            </a:r>
            <a:endParaRPr lang="en-US" altLang="zh-CN" sz="1800"/>
          </a:p>
          <a:p>
            <a:r>
              <a:rPr lang="zh-CN" altLang="en-US" sz="1800"/>
              <a:t>华为提供运营商无线网、承载网、传输网、接入网、核心网等全面云化的解决方案。</a:t>
            </a:r>
            <a:endParaRPr lang="en-US" altLang="zh-CN" sz="1800"/>
          </a:p>
        </p:txBody>
      </p:sp>
      <p:sp>
        <p:nvSpPr>
          <p:cNvPr id="35" name="object 11">
            <a:extLst>
              <a:ext uri="{FF2B5EF4-FFF2-40B4-BE49-F238E27FC236}">
                <a16:creationId xmlns:a16="http://schemas.microsoft.com/office/drawing/2014/main" xmlns="" id="{BC5DCC26-AA2C-454E-A9D5-64861EFE2892}"/>
              </a:ext>
            </a:extLst>
          </p:cNvPr>
          <p:cNvSpPr/>
          <p:nvPr/>
        </p:nvSpPr>
        <p:spPr>
          <a:xfrm>
            <a:off x="9061791" y="2717800"/>
            <a:ext cx="2454411" cy="2726011"/>
          </a:xfrm>
          <a:custGeom>
            <a:avLst/>
            <a:gdLst/>
            <a:ahLst/>
            <a:cxnLst/>
            <a:rect l="l" t="t" r="r" b="b"/>
            <a:pathLst>
              <a:path w="744220" h="1978659">
                <a:moveTo>
                  <a:pt x="743610" y="1978507"/>
                </a:moveTo>
                <a:lnTo>
                  <a:pt x="0" y="1978507"/>
                </a:lnTo>
                <a:lnTo>
                  <a:pt x="0" y="0"/>
                </a:lnTo>
                <a:lnTo>
                  <a:pt x="743610" y="0"/>
                </a:lnTo>
                <a:lnTo>
                  <a:pt x="743610" y="1978507"/>
                </a:lnTo>
                <a:close/>
              </a:path>
            </a:pathLst>
          </a:custGeom>
          <a:solidFill>
            <a:srgbClr val="8DE6EC"/>
          </a:solidFill>
        </p:spPr>
        <p:txBody>
          <a:bodyPr wrap="square" lIns="0" tIns="0" rIns="0" bIns="0" rtlCol="0"/>
          <a:lstStyle/>
          <a:p>
            <a:endParaRPr sz="1600"/>
          </a:p>
        </p:txBody>
      </p:sp>
      <p:sp>
        <p:nvSpPr>
          <p:cNvPr id="36" name="object 16">
            <a:extLst>
              <a:ext uri="{FF2B5EF4-FFF2-40B4-BE49-F238E27FC236}">
                <a16:creationId xmlns:a16="http://schemas.microsoft.com/office/drawing/2014/main" xmlns="" id="{A2CDD101-D06D-451A-873A-F60C3A3C740A}"/>
              </a:ext>
            </a:extLst>
          </p:cNvPr>
          <p:cNvSpPr/>
          <p:nvPr/>
        </p:nvSpPr>
        <p:spPr>
          <a:xfrm>
            <a:off x="608823" y="4178301"/>
            <a:ext cx="8280966" cy="2014810"/>
          </a:xfrm>
          <a:custGeom>
            <a:avLst/>
            <a:gdLst/>
            <a:ahLst/>
            <a:cxnLst/>
            <a:rect l="l" t="t" r="r" b="b"/>
            <a:pathLst>
              <a:path w="2522220" h="1045845">
                <a:moveTo>
                  <a:pt x="2521610" y="1045641"/>
                </a:moveTo>
                <a:lnTo>
                  <a:pt x="0" y="1045641"/>
                </a:lnTo>
                <a:lnTo>
                  <a:pt x="0" y="0"/>
                </a:lnTo>
                <a:lnTo>
                  <a:pt x="2521610" y="0"/>
                </a:lnTo>
                <a:lnTo>
                  <a:pt x="2521610" y="1045641"/>
                </a:lnTo>
                <a:close/>
              </a:path>
            </a:pathLst>
          </a:custGeom>
          <a:solidFill>
            <a:srgbClr val="D1E7F1"/>
          </a:solidFill>
        </p:spPr>
        <p:txBody>
          <a:bodyPr wrap="square" lIns="0" tIns="0" rIns="0" bIns="0" rtlCol="0"/>
          <a:lstStyle/>
          <a:p>
            <a:endParaRPr sz="1600"/>
          </a:p>
        </p:txBody>
      </p:sp>
      <p:sp>
        <p:nvSpPr>
          <p:cNvPr id="37" name="object 43">
            <a:extLst>
              <a:ext uri="{FF2B5EF4-FFF2-40B4-BE49-F238E27FC236}">
                <a16:creationId xmlns:a16="http://schemas.microsoft.com/office/drawing/2014/main" xmlns="" id="{94EE367D-956A-4BBF-B5D7-6B43B6FE61E1}"/>
              </a:ext>
            </a:extLst>
          </p:cNvPr>
          <p:cNvSpPr/>
          <p:nvPr/>
        </p:nvSpPr>
        <p:spPr>
          <a:xfrm>
            <a:off x="1283896" y="4471404"/>
            <a:ext cx="10199069" cy="777753"/>
          </a:xfrm>
          <a:custGeom>
            <a:avLst/>
            <a:gdLst/>
            <a:ahLst/>
            <a:cxnLst/>
            <a:rect l="l" t="t" r="r" b="b"/>
            <a:pathLst>
              <a:path w="2351404" h="371475">
                <a:moveTo>
                  <a:pt x="2351062" y="371297"/>
                </a:moveTo>
                <a:lnTo>
                  <a:pt x="0" y="371297"/>
                </a:lnTo>
                <a:lnTo>
                  <a:pt x="0" y="0"/>
                </a:lnTo>
                <a:lnTo>
                  <a:pt x="2351062" y="0"/>
                </a:lnTo>
                <a:lnTo>
                  <a:pt x="2351062" y="371297"/>
                </a:lnTo>
                <a:close/>
              </a:path>
            </a:pathLst>
          </a:custGeom>
          <a:solidFill>
            <a:srgbClr val="FFC000"/>
          </a:solidFill>
          <a:ln w="7200">
            <a:solidFill>
              <a:srgbClr val="FFFFFF"/>
            </a:solidFill>
          </a:ln>
        </p:spPr>
        <p:txBody>
          <a:bodyPr wrap="square" lIns="0" tIns="0" rIns="0" bIns="0" rtlCol="0"/>
          <a:lstStyle/>
          <a:p>
            <a:endParaRPr sz="1600"/>
          </a:p>
        </p:txBody>
      </p:sp>
      <p:sp>
        <p:nvSpPr>
          <p:cNvPr id="38" name="object 17">
            <a:extLst>
              <a:ext uri="{FF2B5EF4-FFF2-40B4-BE49-F238E27FC236}">
                <a16:creationId xmlns:a16="http://schemas.microsoft.com/office/drawing/2014/main" xmlns="" id="{8539806E-A508-4335-A917-C993C272CD44}"/>
              </a:ext>
            </a:extLst>
          </p:cNvPr>
          <p:cNvSpPr/>
          <p:nvPr/>
        </p:nvSpPr>
        <p:spPr>
          <a:xfrm>
            <a:off x="608823" y="2729101"/>
            <a:ext cx="8280965" cy="1264791"/>
          </a:xfrm>
          <a:custGeom>
            <a:avLst/>
            <a:gdLst/>
            <a:ahLst/>
            <a:cxnLst/>
            <a:rect l="l" t="t" r="r" b="b"/>
            <a:pathLst>
              <a:path w="2522220" h="662940">
                <a:moveTo>
                  <a:pt x="2521610" y="662851"/>
                </a:moveTo>
                <a:lnTo>
                  <a:pt x="0" y="662851"/>
                </a:lnTo>
                <a:lnTo>
                  <a:pt x="0" y="0"/>
                </a:lnTo>
                <a:lnTo>
                  <a:pt x="2521610" y="0"/>
                </a:lnTo>
                <a:lnTo>
                  <a:pt x="2521610" y="662851"/>
                </a:lnTo>
                <a:close/>
              </a:path>
            </a:pathLst>
          </a:custGeom>
          <a:solidFill>
            <a:srgbClr val="52D1C6"/>
          </a:solidFill>
        </p:spPr>
        <p:txBody>
          <a:bodyPr wrap="square" lIns="0" tIns="0" rIns="0" bIns="0" rtlCol="0"/>
          <a:lstStyle/>
          <a:p>
            <a:endParaRPr sz="1600"/>
          </a:p>
        </p:txBody>
      </p:sp>
      <p:sp>
        <p:nvSpPr>
          <p:cNvPr id="39" name="object 32">
            <a:extLst>
              <a:ext uri="{FF2B5EF4-FFF2-40B4-BE49-F238E27FC236}">
                <a16:creationId xmlns:a16="http://schemas.microsoft.com/office/drawing/2014/main" xmlns="" id="{B021E13F-80CA-43B5-B8FE-001BA21E7812}"/>
              </a:ext>
            </a:extLst>
          </p:cNvPr>
          <p:cNvSpPr txBox="1"/>
          <p:nvPr/>
        </p:nvSpPr>
        <p:spPr>
          <a:xfrm>
            <a:off x="1618995" y="4829002"/>
            <a:ext cx="2034360" cy="294311"/>
          </a:xfrm>
          <a:prstGeom prst="rect">
            <a:avLst/>
          </a:prstGeom>
          <a:solidFill>
            <a:schemeClr val="bg1">
              <a:lumMod val="95000"/>
            </a:schemeClr>
          </a:solidFill>
        </p:spPr>
        <p:txBody>
          <a:bodyPr vert="horz" wrap="square" lIns="0" tIns="47625" rIns="0" bIns="0" rtlCol="0">
            <a:spAutoFit/>
          </a:bodyPr>
          <a:lstStyle>
            <a:defPPr>
              <a:defRPr lang="en-US"/>
            </a:defPPr>
            <a:lvl1pPr marR="1905" algn="ctr">
              <a:lnSpc>
                <a:spcPct val="100000"/>
              </a:lnSpc>
              <a:spcBef>
                <a:spcPts val="375"/>
              </a:spcBef>
              <a:defRPr sz="1600" spc="40">
                <a:cs typeface="微软雅黑"/>
              </a:defRPr>
            </a:lvl1pPr>
          </a:lstStyle>
          <a:p>
            <a:r>
              <a:rPr lang="en-US">
                <a:solidFill>
                  <a:srgbClr val="0070C0"/>
                </a:solidFill>
              </a:rPr>
              <a:t>F</a:t>
            </a:r>
            <a:r>
              <a:rPr lang="en-US" altLang="zh-CN">
                <a:solidFill>
                  <a:srgbClr val="0070C0"/>
                </a:solidFill>
              </a:rPr>
              <a:t>usionCompute</a:t>
            </a:r>
            <a:endParaRPr>
              <a:solidFill>
                <a:srgbClr val="0070C0"/>
              </a:solidFill>
            </a:endParaRPr>
          </a:p>
        </p:txBody>
      </p:sp>
      <p:sp>
        <p:nvSpPr>
          <p:cNvPr id="40" name="object 38">
            <a:extLst>
              <a:ext uri="{FF2B5EF4-FFF2-40B4-BE49-F238E27FC236}">
                <a16:creationId xmlns:a16="http://schemas.microsoft.com/office/drawing/2014/main" xmlns="" id="{88571352-DA96-4AFC-9704-50F1781FD16E}"/>
              </a:ext>
            </a:extLst>
          </p:cNvPr>
          <p:cNvSpPr/>
          <p:nvPr/>
        </p:nvSpPr>
        <p:spPr>
          <a:xfrm>
            <a:off x="1283897" y="5343447"/>
            <a:ext cx="7342334" cy="722664"/>
          </a:xfrm>
          <a:custGeom>
            <a:avLst/>
            <a:gdLst/>
            <a:ahLst/>
            <a:cxnLst/>
            <a:rect l="l" t="t" r="r" b="b"/>
            <a:pathLst>
              <a:path w="2351404" h="349250">
                <a:moveTo>
                  <a:pt x="2351062" y="348665"/>
                </a:moveTo>
                <a:lnTo>
                  <a:pt x="0" y="348665"/>
                </a:lnTo>
                <a:lnTo>
                  <a:pt x="0" y="0"/>
                </a:lnTo>
                <a:lnTo>
                  <a:pt x="2351062" y="0"/>
                </a:lnTo>
                <a:lnTo>
                  <a:pt x="2351062" y="348665"/>
                </a:lnTo>
                <a:close/>
              </a:path>
            </a:pathLst>
          </a:custGeom>
          <a:solidFill>
            <a:schemeClr val="bg1">
              <a:lumMod val="85000"/>
            </a:schemeClr>
          </a:solidFill>
          <a:ln w="7200">
            <a:solidFill>
              <a:srgbClr val="FFFFFF"/>
            </a:solidFill>
          </a:ln>
        </p:spPr>
        <p:txBody>
          <a:bodyPr wrap="square" lIns="0" tIns="0" rIns="0" bIns="0" rtlCol="0"/>
          <a:lstStyle/>
          <a:p>
            <a:endParaRPr sz="1600"/>
          </a:p>
        </p:txBody>
      </p:sp>
      <p:sp>
        <p:nvSpPr>
          <p:cNvPr id="41" name="object 39">
            <a:extLst>
              <a:ext uri="{FF2B5EF4-FFF2-40B4-BE49-F238E27FC236}">
                <a16:creationId xmlns:a16="http://schemas.microsoft.com/office/drawing/2014/main" xmlns="" id="{4E9281D0-7859-484C-A09F-CB5126CEB8DA}"/>
              </a:ext>
            </a:extLst>
          </p:cNvPr>
          <p:cNvSpPr/>
          <p:nvPr/>
        </p:nvSpPr>
        <p:spPr>
          <a:xfrm>
            <a:off x="1280544" y="3039936"/>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600"/>
          </a:p>
        </p:txBody>
      </p:sp>
      <p:sp>
        <p:nvSpPr>
          <p:cNvPr id="42" name="object 40">
            <a:extLst>
              <a:ext uri="{FF2B5EF4-FFF2-40B4-BE49-F238E27FC236}">
                <a16:creationId xmlns:a16="http://schemas.microsoft.com/office/drawing/2014/main" xmlns="" id="{1BFA8327-56C5-4C6B-84B7-49EF3E376E25}"/>
              </a:ext>
            </a:extLst>
          </p:cNvPr>
          <p:cNvSpPr txBox="1"/>
          <p:nvPr/>
        </p:nvSpPr>
        <p:spPr>
          <a:xfrm>
            <a:off x="1502636" y="3320829"/>
            <a:ext cx="1007266" cy="246221"/>
          </a:xfrm>
          <a:prstGeom prst="rect">
            <a:avLst/>
          </a:prstGeom>
        </p:spPr>
        <p:txBody>
          <a:bodyPr vert="horz" wrap="square" lIns="0" tIns="0" rIns="0" bIns="0" rtlCol="0">
            <a:spAutoFit/>
          </a:bodyPr>
          <a:lstStyle/>
          <a:p>
            <a:pPr marL="12700">
              <a:lnSpc>
                <a:spcPct val="100000"/>
              </a:lnSpc>
            </a:pPr>
            <a:r>
              <a:rPr lang="en-US" sz="1600" spc="25">
                <a:solidFill>
                  <a:srgbClr val="2F2F2F"/>
                </a:solidFill>
                <a:cs typeface="微软雅黑"/>
              </a:rPr>
              <a:t>CloudBB</a:t>
            </a:r>
            <a:endParaRPr sz="1600">
              <a:cs typeface="微软雅黑"/>
            </a:endParaRPr>
          </a:p>
        </p:txBody>
      </p:sp>
      <p:sp>
        <p:nvSpPr>
          <p:cNvPr id="43" name="object 44">
            <a:extLst>
              <a:ext uri="{FF2B5EF4-FFF2-40B4-BE49-F238E27FC236}">
                <a16:creationId xmlns:a16="http://schemas.microsoft.com/office/drawing/2014/main" xmlns="" id="{460A768C-913D-4107-AEC4-2F9814514D6A}"/>
              </a:ext>
            </a:extLst>
          </p:cNvPr>
          <p:cNvSpPr/>
          <p:nvPr/>
        </p:nvSpPr>
        <p:spPr>
          <a:xfrm>
            <a:off x="1618995" y="5713421"/>
            <a:ext cx="2034360" cy="305488"/>
          </a:xfrm>
          <a:custGeom>
            <a:avLst/>
            <a:gdLst/>
            <a:ahLst/>
            <a:cxnLst/>
            <a:rect l="l" t="t" r="r" b="b"/>
            <a:pathLst>
              <a:path w="651510" h="194309">
                <a:moveTo>
                  <a:pt x="651065" y="193967"/>
                </a:moveTo>
                <a:lnTo>
                  <a:pt x="0" y="193967"/>
                </a:lnTo>
                <a:lnTo>
                  <a:pt x="0" y="0"/>
                </a:lnTo>
                <a:lnTo>
                  <a:pt x="651065" y="0"/>
                </a:lnTo>
                <a:lnTo>
                  <a:pt x="651065" y="193967"/>
                </a:lnTo>
                <a:close/>
              </a:path>
            </a:pathLst>
          </a:custGeom>
          <a:solidFill>
            <a:srgbClr val="FFFFFF"/>
          </a:solidFill>
        </p:spPr>
        <p:txBody>
          <a:bodyPr wrap="square" lIns="0" tIns="0" rIns="0" bIns="0" rtlCol="0"/>
          <a:lstStyle/>
          <a:p>
            <a:endParaRPr sz="1600"/>
          </a:p>
        </p:txBody>
      </p:sp>
      <p:sp>
        <p:nvSpPr>
          <p:cNvPr id="44" name="object 45">
            <a:extLst>
              <a:ext uri="{FF2B5EF4-FFF2-40B4-BE49-F238E27FC236}">
                <a16:creationId xmlns:a16="http://schemas.microsoft.com/office/drawing/2014/main" xmlns="" id="{48FD1811-5734-4E44-8E98-73A49A78F948}"/>
              </a:ext>
            </a:extLst>
          </p:cNvPr>
          <p:cNvSpPr/>
          <p:nvPr/>
        </p:nvSpPr>
        <p:spPr>
          <a:xfrm>
            <a:off x="3968379" y="5713421"/>
            <a:ext cx="2060136" cy="305488"/>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600"/>
          </a:p>
        </p:txBody>
      </p:sp>
      <p:sp>
        <p:nvSpPr>
          <p:cNvPr id="45" name="object 46">
            <a:extLst>
              <a:ext uri="{FF2B5EF4-FFF2-40B4-BE49-F238E27FC236}">
                <a16:creationId xmlns:a16="http://schemas.microsoft.com/office/drawing/2014/main" xmlns="" id="{81E3643A-FD9B-41B7-95B5-61AE008141B4}"/>
              </a:ext>
            </a:extLst>
          </p:cNvPr>
          <p:cNvSpPr/>
          <p:nvPr/>
        </p:nvSpPr>
        <p:spPr>
          <a:xfrm>
            <a:off x="6344059" y="5713421"/>
            <a:ext cx="2060136" cy="305488"/>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600"/>
          </a:p>
        </p:txBody>
      </p:sp>
      <p:sp>
        <p:nvSpPr>
          <p:cNvPr id="46" name="object 47">
            <a:extLst>
              <a:ext uri="{FF2B5EF4-FFF2-40B4-BE49-F238E27FC236}">
                <a16:creationId xmlns:a16="http://schemas.microsoft.com/office/drawing/2014/main" xmlns="" id="{2559801C-D811-40C4-A4A2-EEE76C2D40AF}"/>
              </a:ext>
            </a:extLst>
          </p:cNvPr>
          <p:cNvSpPr txBox="1"/>
          <p:nvPr/>
        </p:nvSpPr>
        <p:spPr>
          <a:xfrm>
            <a:off x="2152155" y="5743745"/>
            <a:ext cx="6463667" cy="246221"/>
          </a:xfrm>
          <a:prstGeom prst="rect">
            <a:avLst/>
          </a:prstGeom>
        </p:spPr>
        <p:txBody>
          <a:bodyPr vert="horz" wrap="square" lIns="0" tIns="0" rIns="0" bIns="0" rtlCol="0">
            <a:spAutoFit/>
          </a:bodyPr>
          <a:lstStyle/>
          <a:p>
            <a:pPr>
              <a:lnSpc>
                <a:spcPct val="100000"/>
              </a:lnSpc>
              <a:tabLst>
                <a:tab pos="826769" algn="l"/>
                <a:tab pos="1571625" algn="l"/>
              </a:tabLst>
            </a:pPr>
            <a:r>
              <a:rPr sz="1600" spc="35" dirty="0">
                <a:solidFill>
                  <a:srgbClr val="2F2F2F"/>
                </a:solidFill>
                <a:cs typeface="微软雅黑"/>
              </a:rPr>
              <a:t>Computing</a:t>
            </a:r>
            <a:r>
              <a:rPr sz="1600" spc="35">
                <a:solidFill>
                  <a:srgbClr val="2F2F2F"/>
                </a:solidFill>
                <a:cs typeface="微软雅黑"/>
              </a:rPr>
              <a:t>	</a:t>
            </a:r>
            <a:r>
              <a:rPr lang="en-US" altLang="zh-CN" sz="1600" spc="35">
                <a:solidFill>
                  <a:srgbClr val="2F2F2F"/>
                </a:solidFill>
                <a:cs typeface="微软雅黑"/>
              </a:rPr>
              <a:t>            </a:t>
            </a:r>
            <a:r>
              <a:rPr sz="1600" spc="30">
                <a:solidFill>
                  <a:srgbClr val="2F2F2F"/>
                </a:solidFill>
                <a:cs typeface="微软雅黑"/>
              </a:rPr>
              <a:t>Storage	</a:t>
            </a:r>
            <a:r>
              <a:rPr lang="en-US" altLang="zh-CN" sz="1600" spc="30">
                <a:solidFill>
                  <a:srgbClr val="2F2F2F"/>
                </a:solidFill>
                <a:cs typeface="微软雅黑"/>
              </a:rPr>
              <a:t>                 </a:t>
            </a:r>
            <a:r>
              <a:rPr sz="1600" spc="35">
                <a:solidFill>
                  <a:srgbClr val="2F2F2F"/>
                </a:solidFill>
                <a:cs typeface="微软雅黑"/>
              </a:rPr>
              <a:t>Network</a:t>
            </a:r>
            <a:endParaRPr sz="1600">
              <a:cs typeface="微软雅黑"/>
            </a:endParaRPr>
          </a:p>
        </p:txBody>
      </p:sp>
      <p:sp>
        <p:nvSpPr>
          <p:cNvPr id="47" name="object 49">
            <a:extLst>
              <a:ext uri="{FF2B5EF4-FFF2-40B4-BE49-F238E27FC236}">
                <a16:creationId xmlns:a16="http://schemas.microsoft.com/office/drawing/2014/main" xmlns="" id="{493BBBBE-7F1A-4FEA-90B0-DC8AEC46D57F}"/>
              </a:ext>
            </a:extLst>
          </p:cNvPr>
          <p:cNvSpPr txBox="1"/>
          <p:nvPr/>
        </p:nvSpPr>
        <p:spPr>
          <a:xfrm>
            <a:off x="6938384" y="5404628"/>
            <a:ext cx="1292790" cy="546510"/>
          </a:xfrm>
          <a:prstGeom prst="rect">
            <a:avLst/>
          </a:prstGeom>
        </p:spPr>
        <p:txBody>
          <a:bodyPr vert="horz" wrap="square" lIns="0" tIns="0" rIns="0" bIns="0" rtlCol="0">
            <a:spAutoFit/>
          </a:bodyPr>
          <a:lstStyle/>
          <a:p>
            <a:pPr marL="12700">
              <a:lnSpc>
                <a:spcPct val="100000"/>
              </a:lnSpc>
            </a:pPr>
            <a:r>
              <a:rPr sz="1600" spc="40" dirty="0">
                <a:solidFill>
                  <a:srgbClr val="2F2F2F"/>
                </a:solidFill>
                <a:cs typeface="微软雅黑"/>
              </a:rPr>
              <a:t>Ha</a:t>
            </a:r>
            <a:r>
              <a:rPr sz="1600" spc="25" dirty="0">
                <a:solidFill>
                  <a:srgbClr val="2F2F2F"/>
                </a:solidFill>
                <a:cs typeface="微软雅黑"/>
              </a:rPr>
              <a:t>r</a:t>
            </a:r>
            <a:r>
              <a:rPr sz="1600" spc="40" dirty="0">
                <a:solidFill>
                  <a:srgbClr val="2F2F2F"/>
                </a:solidFill>
                <a:cs typeface="微软雅黑"/>
              </a:rPr>
              <a:t>dwa</a:t>
            </a:r>
            <a:r>
              <a:rPr sz="1600" spc="25" dirty="0">
                <a:solidFill>
                  <a:srgbClr val="2F2F2F"/>
                </a:solidFill>
                <a:cs typeface="微软雅黑"/>
              </a:rPr>
              <a:t>r</a:t>
            </a:r>
            <a:r>
              <a:rPr sz="1600" spc="5" dirty="0">
                <a:solidFill>
                  <a:srgbClr val="2F2F2F"/>
                </a:solidFill>
                <a:cs typeface="微软雅黑"/>
              </a:rPr>
              <a:t>e</a:t>
            </a:r>
            <a:endParaRPr sz="1600">
              <a:cs typeface="微软雅黑"/>
            </a:endParaRPr>
          </a:p>
        </p:txBody>
      </p:sp>
      <p:sp>
        <p:nvSpPr>
          <p:cNvPr id="48" name="object 53">
            <a:extLst>
              <a:ext uri="{FF2B5EF4-FFF2-40B4-BE49-F238E27FC236}">
                <a16:creationId xmlns:a16="http://schemas.microsoft.com/office/drawing/2014/main" xmlns="" id="{79CA6E10-3D0E-4705-BABB-53B921A30ADC}"/>
              </a:ext>
            </a:extLst>
          </p:cNvPr>
          <p:cNvSpPr txBox="1"/>
          <p:nvPr/>
        </p:nvSpPr>
        <p:spPr>
          <a:xfrm>
            <a:off x="709034" y="4197402"/>
            <a:ext cx="773295" cy="546510"/>
          </a:xfrm>
          <a:prstGeom prst="rect">
            <a:avLst/>
          </a:prstGeom>
        </p:spPr>
        <p:txBody>
          <a:bodyPr vert="horz" wrap="square" lIns="0" tIns="0" rIns="0" bIns="0" rtlCol="0">
            <a:spAutoFit/>
          </a:bodyPr>
          <a:lstStyle/>
          <a:p>
            <a:pPr marL="12700">
              <a:lnSpc>
                <a:spcPct val="100000"/>
              </a:lnSpc>
            </a:pPr>
            <a:r>
              <a:rPr sz="1600" b="1" spc="30" dirty="0">
                <a:solidFill>
                  <a:srgbClr val="2F2F2F"/>
                </a:solidFill>
                <a:cs typeface="微软雅黑"/>
              </a:rPr>
              <a:t>NFVI</a:t>
            </a:r>
            <a:endParaRPr sz="1600">
              <a:cs typeface="微软雅黑"/>
            </a:endParaRPr>
          </a:p>
        </p:txBody>
      </p:sp>
      <p:sp>
        <p:nvSpPr>
          <p:cNvPr id="49" name="object 54">
            <a:extLst>
              <a:ext uri="{FF2B5EF4-FFF2-40B4-BE49-F238E27FC236}">
                <a16:creationId xmlns:a16="http://schemas.microsoft.com/office/drawing/2014/main" xmlns="" id="{994849E0-4525-4E80-9B85-2DE3BB20FACD}"/>
              </a:ext>
            </a:extLst>
          </p:cNvPr>
          <p:cNvSpPr txBox="1"/>
          <p:nvPr/>
        </p:nvSpPr>
        <p:spPr>
          <a:xfrm>
            <a:off x="720769" y="2782368"/>
            <a:ext cx="672171" cy="546510"/>
          </a:xfrm>
          <a:prstGeom prst="rect">
            <a:avLst/>
          </a:prstGeom>
        </p:spPr>
        <p:txBody>
          <a:bodyPr vert="horz" wrap="square" lIns="0" tIns="0" rIns="0" bIns="0" rtlCol="0">
            <a:spAutoFit/>
          </a:bodyPr>
          <a:lstStyle/>
          <a:p>
            <a:pPr marL="12700">
              <a:lnSpc>
                <a:spcPct val="100000"/>
              </a:lnSpc>
            </a:pPr>
            <a:r>
              <a:rPr sz="1600" b="1" spc="35" dirty="0">
                <a:solidFill>
                  <a:srgbClr val="2F2F2F"/>
                </a:solidFill>
                <a:cs typeface="微软雅黑"/>
              </a:rPr>
              <a:t>VNF</a:t>
            </a:r>
            <a:endParaRPr sz="1600">
              <a:cs typeface="微软雅黑"/>
            </a:endParaRPr>
          </a:p>
        </p:txBody>
      </p:sp>
      <p:sp>
        <p:nvSpPr>
          <p:cNvPr id="50" name="object 32">
            <a:extLst>
              <a:ext uri="{FF2B5EF4-FFF2-40B4-BE49-F238E27FC236}">
                <a16:creationId xmlns:a16="http://schemas.microsoft.com/office/drawing/2014/main" xmlns="" id="{EC549CCF-65C7-4297-9A2F-4D84F0282AC6}"/>
              </a:ext>
            </a:extLst>
          </p:cNvPr>
          <p:cNvSpPr txBox="1"/>
          <p:nvPr/>
        </p:nvSpPr>
        <p:spPr>
          <a:xfrm>
            <a:off x="3968379" y="4829002"/>
            <a:ext cx="2034360" cy="294311"/>
          </a:xfrm>
          <a:prstGeom prst="rect">
            <a:avLst/>
          </a:prstGeom>
          <a:solidFill>
            <a:schemeClr val="bg1">
              <a:lumMod val="95000"/>
            </a:schemeClr>
          </a:solidFill>
        </p:spPr>
        <p:txBody>
          <a:bodyPr vert="horz" wrap="square" lIns="0" tIns="47625" rIns="0" bIns="0" rtlCol="0">
            <a:spAutoFit/>
          </a:bodyPr>
          <a:lstStyle>
            <a:defPPr>
              <a:defRPr lang="en-US"/>
            </a:defPPr>
            <a:lvl1pPr marR="1905" algn="ctr">
              <a:lnSpc>
                <a:spcPct val="100000"/>
              </a:lnSpc>
              <a:spcBef>
                <a:spcPts val="375"/>
              </a:spcBef>
              <a:defRPr sz="1600" spc="40">
                <a:cs typeface="微软雅黑"/>
              </a:defRPr>
            </a:lvl1pPr>
          </a:lstStyle>
          <a:p>
            <a:r>
              <a:rPr lang="en-US">
                <a:solidFill>
                  <a:srgbClr val="0070C0"/>
                </a:solidFill>
              </a:rPr>
              <a:t>FusionStorage</a:t>
            </a:r>
            <a:endParaRPr>
              <a:solidFill>
                <a:srgbClr val="0070C0"/>
              </a:solidFill>
            </a:endParaRPr>
          </a:p>
        </p:txBody>
      </p:sp>
      <p:sp>
        <p:nvSpPr>
          <p:cNvPr id="51" name="object 32">
            <a:extLst>
              <a:ext uri="{FF2B5EF4-FFF2-40B4-BE49-F238E27FC236}">
                <a16:creationId xmlns:a16="http://schemas.microsoft.com/office/drawing/2014/main" xmlns="" id="{D7E7D698-8582-4446-A17B-FAD314148B3D}"/>
              </a:ext>
            </a:extLst>
          </p:cNvPr>
          <p:cNvSpPr txBox="1"/>
          <p:nvPr/>
        </p:nvSpPr>
        <p:spPr>
          <a:xfrm>
            <a:off x="6342824" y="4829002"/>
            <a:ext cx="2034360" cy="294311"/>
          </a:xfrm>
          <a:prstGeom prst="rect">
            <a:avLst/>
          </a:prstGeom>
          <a:solidFill>
            <a:schemeClr val="bg1">
              <a:lumMod val="95000"/>
            </a:schemeClr>
          </a:solidFill>
        </p:spPr>
        <p:txBody>
          <a:bodyPr vert="horz" wrap="square" lIns="0" tIns="47625" rIns="0" bIns="0" rtlCol="0">
            <a:spAutoFit/>
          </a:bodyPr>
          <a:lstStyle/>
          <a:p>
            <a:pPr marR="1905" algn="ctr">
              <a:lnSpc>
                <a:spcPct val="100000"/>
              </a:lnSpc>
              <a:spcBef>
                <a:spcPts val="375"/>
              </a:spcBef>
            </a:pPr>
            <a:r>
              <a:rPr lang="en-US" sz="1600" spc="40">
                <a:solidFill>
                  <a:srgbClr val="0070C0"/>
                </a:solidFill>
                <a:cs typeface="微软雅黑"/>
              </a:rPr>
              <a:t>FusionNetwork</a:t>
            </a:r>
            <a:endParaRPr sz="1600">
              <a:solidFill>
                <a:srgbClr val="0070C0"/>
              </a:solidFill>
              <a:cs typeface="微软雅黑"/>
            </a:endParaRPr>
          </a:p>
        </p:txBody>
      </p:sp>
      <p:sp>
        <p:nvSpPr>
          <p:cNvPr id="52" name="object 49">
            <a:extLst>
              <a:ext uri="{FF2B5EF4-FFF2-40B4-BE49-F238E27FC236}">
                <a16:creationId xmlns:a16="http://schemas.microsoft.com/office/drawing/2014/main" xmlns="" id="{BBD66741-490A-4BED-A9CE-681FC06B72AE}"/>
              </a:ext>
            </a:extLst>
          </p:cNvPr>
          <p:cNvSpPr txBox="1"/>
          <p:nvPr/>
        </p:nvSpPr>
        <p:spPr>
          <a:xfrm>
            <a:off x="6072155" y="4524786"/>
            <a:ext cx="1497834" cy="246221"/>
          </a:xfrm>
          <a:prstGeom prst="rect">
            <a:avLst/>
          </a:prstGeom>
        </p:spPr>
        <p:txBody>
          <a:bodyPr vert="horz" wrap="square" lIns="0" tIns="0" rIns="0" bIns="0" rtlCol="0">
            <a:spAutoFit/>
          </a:bodyPr>
          <a:lstStyle/>
          <a:p>
            <a:pPr marL="12700">
              <a:lnSpc>
                <a:spcPct val="100000"/>
              </a:lnSpc>
            </a:pPr>
            <a:r>
              <a:rPr lang="zh-CN" altLang="en-US" sz="1600" spc="40">
                <a:solidFill>
                  <a:srgbClr val="0070C0"/>
                </a:solidFill>
                <a:cs typeface="微软雅黑"/>
              </a:rPr>
              <a:t>华为云</a:t>
            </a:r>
            <a:r>
              <a:rPr lang="en-US" altLang="zh-CN" sz="1600" spc="40">
                <a:solidFill>
                  <a:srgbClr val="0070C0"/>
                </a:solidFill>
                <a:cs typeface="微软雅黑"/>
              </a:rPr>
              <a:t>Stack</a:t>
            </a:r>
            <a:endParaRPr sz="1600">
              <a:solidFill>
                <a:srgbClr val="0070C0"/>
              </a:solidFill>
              <a:cs typeface="微软雅黑"/>
            </a:endParaRPr>
          </a:p>
        </p:txBody>
      </p:sp>
      <p:sp>
        <p:nvSpPr>
          <p:cNvPr id="53" name="object 39">
            <a:extLst>
              <a:ext uri="{FF2B5EF4-FFF2-40B4-BE49-F238E27FC236}">
                <a16:creationId xmlns:a16="http://schemas.microsoft.com/office/drawing/2014/main" xmlns="" id="{7E105F3E-6397-4D36-8A0B-25C841CBB770}"/>
              </a:ext>
            </a:extLst>
          </p:cNvPr>
          <p:cNvSpPr/>
          <p:nvPr/>
        </p:nvSpPr>
        <p:spPr>
          <a:xfrm>
            <a:off x="2776545" y="3039936"/>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600"/>
          </a:p>
        </p:txBody>
      </p:sp>
      <p:sp>
        <p:nvSpPr>
          <p:cNvPr id="54" name="object 39">
            <a:extLst>
              <a:ext uri="{FF2B5EF4-FFF2-40B4-BE49-F238E27FC236}">
                <a16:creationId xmlns:a16="http://schemas.microsoft.com/office/drawing/2014/main" xmlns="" id="{91CD0093-613F-4FFF-9281-511C1BB3EED8}"/>
              </a:ext>
            </a:extLst>
          </p:cNvPr>
          <p:cNvSpPr/>
          <p:nvPr/>
        </p:nvSpPr>
        <p:spPr>
          <a:xfrm>
            <a:off x="4272546" y="3039936"/>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600"/>
          </a:p>
        </p:txBody>
      </p:sp>
      <p:sp>
        <p:nvSpPr>
          <p:cNvPr id="55" name="object 39">
            <a:extLst>
              <a:ext uri="{FF2B5EF4-FFF2-40B4-BE49-F238E27FC236}">
                <a16:creationId xmlns:a16="http://schemas.microsoft.com/office/drawing/2014/main" xmlns="" id="{8112802C-DF84-4D5D-A698-04C090612F93}"/>
              </a:ext>
            </a:extLst>
          </p:cNvPr>
          <p:cNvSpPr/>
          <p:nvPr/>
        </p:nvSpPr>
        <p:spPr>
          <a:xfrm>
            <a:off x="5768547" y="3039936"/>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600"/>
          </a:p>
        </p:txBody>
      </p:sp>
      <p:sp>
        <p:nvSpPr>
          <p:cNvPr id="56" name="object 39">
            <a:extLst>
              <a:ext uri="{FF2B5EF4-FFF2-40B4-BE49-F238E27FC236}">
                <a16:creationId xmlns:a16="http://schemas.microsoft.com/office/drawing/2014/main" xmlns="" id="{C586FABB-1E49-40A8-B65B-A01557B75574}"/>
              </a:ext>
            </a:extLst>
          </p:cNvPr>
          <p:cNvSpPr/>
          <p:nvPr/>
        </p:nvSpPr>
        <p:spPr>
          <a:xfrm>
            <a:off x="7264547" y="3039936"/>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600"/>
          </a:p>
        </p:txBody>
      </p:sp>
      <p:sp>
        <p:nvSpPr>
          <p:cNvPr id="57" name="object 40">
            <a:extLst>
              <a:ext uri="{FF2B5EF4-FFF2-40B4-BE49-F238E27FC236}">
                <a16:creationId xmlns:a16="http://schemas.microsoft.com/office/drawing/2014/main" xmlns="" id="{888AF136-E5A6-451E-B636-744D7DEE5586}"/>
              </a:ext>
            </a:extLst>
          </p:cNvPr>
          <p:cNvSpPr txBox="1"/>
          <p:nvPr/>
        </p:nvSpPr>
        <p:spPr>
          <a:xfrm>
            <a:off x="3004014" y="3193500"/>
            <a:ext cx="1007266" cy="492443"/>
          </a:xfrm>
          <a:prstGeom prst="rect">
            <a:avLst/>
          </a:prstGeom>
        </p:spPr>
        <p:txBody>
          <a:bodyPr vert="horz" wrap="square" lIns="0" tIns="0" rIns="0" bIns="0" rtlCol="0">
            <a:spAutoFit/>
          </a:bodyPr>
          <a:lstStyle/>
          <a:p>
            <a:pPr marL="12700">
              <a:lnSpc>
                <a:spcPct val="100000"/>
              </a:lnSpc>
            </a:pPr>
            <a:r>
              <a:rPr lang="en-US" sz="1600" spc="25">
                <a:solidFill>
                  <a:srgbClr val="2F2F2F"/>
                </a:solidFill>
                <a:cs typeface="微软雅黑"/>
              </a:rPr>
              <a:t>  Cloud </a:t>
            </a:r>
          </a:p>
          <a:p>
            <a:pPr marL="12700">
              <a:lnSpc>
                <a:spcPct val="100000"/>
              </a:lnSpc>
            </a:pPr>
            <a:r>
              <a:rPr lang="en-US" sz="1600" spc="25">
                <a:solidFill>
                  <a:srgbClr val="2F2F2F"/>
                </a:solidFill>
                <a:cs typeface="微软雅黑"/>
              </a:rPr>
              <a:t>DSL/OLT</a:t>
            </a:r>
            <a:endParaRPr sz="1600">
              <a:cs typeface="微软雅黑"/>
            </a:endParaRPr>
          </a:p>
        </p:txBody>
      </p:sp>
      <p:sp>
        <p:nvSpPr>
          <p:cNvPr id="58" name="object 40">
            <a:extLst>
              <a:ext uri="{FF2B5EF4-FFF2-40B4-BE49-F238E27FC236}">
                <a16:creationId xmlns:a16="http://schemas.microsoft.com/office/drawing/2014/main" xmlns="" id="{699075C7-C610-4614-951B-D89317A4D23C}"/>
              </a:ext>
            </a:extLst>
          </p:cNvPr>
          <p:cNvSpPr txBox="1"/>
          <p:nvPr/>
        </p:nvSpPr>
        <p:spPr>
          <a:xfrm>
            <a:off x="4444549" y="3320829"/>
            <a:ext cx="1050031" cy="246221"/>
          </a:xfrm>
          <a:prstGeom prst="rect">
            <a:avLst/>
          </a:prstGeom>
        </p:spPr>
        <p:txBody>
          <a:bodyPr vert="horz" wrap="square" lIns="0" tIns="0" rIns="0" bIns="0" rtlCol="0">
            <a:spAutoFit/>
          </a:bodyPr>
          <a:lstStyle/>
          <a:p>
            <a:pPr marL="12700">
              <a:lnSpc>
                <a:spcPct val="100000"/>
              </a:lnSpc>
            </a:pPr>
            <a:r>
              <a:rPr lang="en-US" sz="1600" spc="25">
                <a:solidFill>
                  <a:srgbClr val="2F2F2F"/>
                </a:solidFill>
                <a:cs typeface="微软雅黑"/>
              </a:rPr>
              <a:t>CloudEdge</a:t>
            </a:r>
            <a:endParaRPr sz="1600">
              <a:cs typeface="微软雅黑"/>
            </a:endParaRPr>
          </a:p>
        </p:txBody>
      </p:sp>
      <p:sp>
        <p:nvSpPr>
          <p:cNvPr id="59" name="object 40">
            <a:extLst>
              <a:ext uri="{FF2B5EF4-FFF2-40B4-BE49-F238E27FC236}">
                <a16:creationId xmlns:a16="http://schemas.microsoft.com/office/drawing/2014/main" xmlns="" id="{528FA58D-D07A-44B8-8095-78D939FBA4D7}"/>
              </a:ext>
            </a:extLst>
          </p:cNvPr>
          <p:cNvSpPr txBox="1"/>
          <p:nvPr/>
        </p:nvSpPr>
        <p:spPr>
          <a:xfrm>
            <a:off x="5940550" y="3320829"/>
            <a:ext cx="1050031" cy="246221"/>
          </a:xfrm>
          <a:prstGeom prst="rect">
            <a:avLst/>
          </a:prstGeom>
        </p:spPr>
        <p:txBody>
          <a:bodyPr vert="horz" wrap="square" lIns="0" tIns="0" rIns="0" bIns="0" rtlCol="0">
            <a:spAutoFit/>
          </a:bodyPr>
          <a:lstStyle/>
          <a:p>
            <a:pPr marL="12700">
              <a:lnSpc>
                <a:spcPct val="100000"/>
              </a:lnSpc>
            </a:pPr>
            <a:r>
              <a:rPr lang="en-US" sz="1600" spc="25">
                <a:solidFill>
                  <a:srgbClr val="2F2F2F"/>
                </a:solidFill>
                <a:cs typeface="微软雅黑"/>
              </a:rPr>
              <a:t>CloudCore</a:t>
            </a:r>
            <a:endParaRPr sz="1600">
              <a:cs typeface="微软雅黑"/>
            </a:endParaRPr>
          </a:p>
        </p:txBody>
      </p:sp>
      <p:sp>
        <p:nvSpPr>
          <p:cNvPr id="60" name="object 40">
            <a:extLst>
              <a:ext uri="{FF2B5EF4-FFF2-40B4-BE49-F238E27FC236}">
                <a16:creationId xmlns:a16="http://schemas.microsoft.com/office/drawing/2014/main" xmlns="" id="{90C937D5-D0DF-4B21-B9D4-FF2B7B9D13E3}"/>
              </a:ext>
            </a:extLst>
          </p:cNvPr>
          <p:cNvSpPr txBox="1"/>
          <p:nvPr/>
        </p:nvSpPr>
        <p:spPr>
          <a:xfrm>
            <a:off x="7502525" y="3320829"/>
            <a:ext cx="1050031" cy="246221"/>
          </a:xfrm>
          <a:prstGeom prst="rect">
            <a:avLst/>
          </a:prstGeom>
        </p:spPr>
        <p:txBody>
          <a:bodyPr vert="horz" wrap="square" lIns="0" tIns="0" rIns="0" bIns="0" rtlCol="0">
            <a:spAutoFit/>
          </a:bodyPr>
          <a:lstStyle/>
          <a:p>
            <a:pPr marL="12700">
              <a:lnSpc>
                <a:spcPct val="100000"/>
              </a:lnSpc>
            </a:pPr>
            <a:r>
              <a:rPr lang="en-US" sz="1600" spc="25">
                <a:solidFill>
                  <a:srgbClr val="2F2F2F"/>
                </a:solidFill>
                <a:cs typeface="微软雅黑"/>
              </a:rPr>
              <a:t>5G Core</a:t>
            </a:r>
            <a:endParaRPr sz="1600">
              <a:cs typeface="微软雅黑"/>
            </a:endParaRPr>
          </a:p>
        </p:txBody>
      </p:sp>
      <p:sp>
        <p:nvSpPr>
          <p:cNvPr id="61" name="object 80">
            <a:extLst>
              <a:ext uri="{FF2B5EF4-FFF2-40B4-BE49-F238E27FC236}">
                <a16:creationId xmlns:a16="http://schemas.microsoft.com/office/drawing/2014/main" xmlns="" id="{77A2AE02-BCD3-4241-B03B-AE60770F883A}"/>
              </a:ext>
            </a:extLst>
          </p:cNvPr>
          <p:cNvSpPr txBox="1"/>
          <p:nvPr/>
        </p:nvSpPr>
        <p:spPr>
          <a:xfrm>
            <a:off x="10666405" y="2764747"/>
            <a:ext cx="804826" cy="246221"/>
          </a:xfrm>
          <a:prstGeom prst="rect">
            <a:avLst/>
          </a:prstGeom>
        </p:spPr>
        <p:txBody>
          <a:bodyPr vert="horz" wrap="square" lIns="0" tIns="0" rIns="0" bIns="0" rtlCol="0">
            <a:spAutoFit/>
          </a:bodyPr>
          <a:lstStyle/>
          <a:p>
            <a:pPr marL="12700">
              <a:lnSpc>
                <a:spcPct val="100000"/>
              </a:lnSpc>
            </a:pPr>
            <a:r>
              <a:rPr sz="1600" b="1" spc="65" dirty="0">
                <a:solidFill>
                  <a:srgbClr val="2F2F2F"/>
                </a:solidFill>
                <a:cs typeface="微软雅黑"/>
              </a:rPr>
              <a:t>MANO</a:t>
            </a:r>
            <a:endParaRPr sz="1600">
              <a:cs typeface="微软雅黑"/>
            </a:endParaRPr>
          </a:p>
        </p:txBody>
      </p:sp>
      <p:sp>
        <p:nvSpPr>
          <p:cNvPr id="62" name="object 32">
            <a:extLst>
              <a:ext uri="{FF2B5EF4-FFF2-40B4-BE49-F238E27FC236}">
                <a16:creationId xmlns:a16="http://schemas.microsoft.com/office/drawing/2014/main" xmlns="" id="{D2B62E36-5C19-4F76-BFEF-BD35A1ADF6AB}"/>
              </a:ext>
            </a:extLst>
          </p:cNvPr>
          <p:cNvSpPr txBox="1"/>
          <p:nvPr/>
        </p:nvSpPr>
        <p:spPr>
          <a:xfrm>
            <a:off x="9252587" y="4603914"/>
            <a:ext cx="2034360" cy="540533"/>
          </a:xfrm>
          <a:prstGeom prst="rect">
            <a:avLst/>
          </a:prstGeom>
          <a:solidFill>
            <a:schemeClr val="bg1">
              <a:lumMod val="95000"/>
            </a:schemeClr>
          </a:solidFill>
        </p:spPr>
        <p:txBody>
          <a:bodyPr vert="horz" wrap="square" lIns="0" tIns="47625" rIns="0" bIns="0" rtlCol="0">
            <a:spAutoFit/>
          </a:bodyPr>
          <a:lstStyle/>
          <a:p>
            <a:pPr marR="1905" algn="ctr">
              <a:lnSpc>
                <a:spcPct val="100000"/>
              </a:lnSpc>
              <a:spcBef>
                <a:spcPts val="375"/>
              </a:spcBef>
            </a:pPr>
            <a:r>
              <a:rPr lang="en-US" sz="1600" spc="40">
                <a:solidFill>
                  <a:srgbClr val="0070C0"/>
                </a:solidFill>
                <a:cs typeface="微软雅黑"/>
              </a:rPr>
              <a:t>F</a:t>
            </a:r>
            <a:r>
              <a:rPr lang="en-US" altLang="zh-CN" sz="1600" spc="40">
                <a:solidFill>
                  <a:srgbClr val="0070C0"/>
                </a:solidFill>
                <a:cs typeface="微软雅黑"/>
              </a:rPr>
              <a:t>usionSphere OpenStack + OM</a:t>
            </a:r>
            <a:endParaRPr sz="1600">
              <a:solidFill>
                <a:srgbClr val="0070C0"/>
              </a:solidFill>
              <a:cs typeface="微软雅黑"/>
            </a:endParaRPr>
          </a:p>
        </p:txBody>
      </p:sp>
      <p:sp>
        <p:nvSpPr>
          <p:cNvPr id="63" name="object 39">
            <a:extLst>
              <a:ext uri="{FF2B5EF4-FFF2-40B4-BE49-F238E27FC236}">
                <a16:creationId xmlns:a16="http://schemas.microsoft.com/office/drawing/2014/main" xmlns="" id="{64BBB6E5-DC68-4B86-9BD5-3FCFC7E0B291}"/>
              </a:ext>
            </a:extLst>
          </p:cNvPr>
          <p:cNvSpPr/>
          <p:nvPr/>
        </p:nvSpPr>
        <p:spPr>
          <a:xfrm>
            <a:off x="9263055" y="3039936"/>
            <a:ext cx="2055776" cy="1267524"/>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endParaRPr sz="1600"/>
          </a:p>
        </p:txBody>
      </p:sp>
      <p:sp>
        <p:nvSpPr>
          <p:cNvPr id="64" name="object 40">
            <a:extLst>
              <a:ext uri="{FF2B5EF4-FFF2-40B4-BE49-F238E27FC236}">
                <a16:creationId xmlns:a16="http://schemas.microsoft.com/office/drawing/2014/main" xmlns="" id="{40B175BC-13CB-49D1-BF30-88A4E825A014}"/>
              </a:ext>
            </a:extLst>
          </p:cNvPr>
          <p:cNvSpPr txBox="1"/>
          <p:nvPr/>
        </p:nvSpPr>
        <p:spPr>
          <a:xfrm>
            <a:off x="9659363" y="3155762"/>
            <a:ext cx="1597475" cy="246221"/>
          </a:xfrm>
          <a:prstGeom prst="rect">
            <a:avLst/>
          </a:prstGeom>
        </p:spPr>
        <p:txBody>
          <a:bodyPr vert="horz" wrap="square" lIns="0" tIns="0" rIns="0" bIns="0" rtlCol="0">
            <a:spAutoFit/>
          </a:bodyPr>
          <a:lstStyle/>
          <a:p>
            <a:pPr marL="12700">
              <a:lnSpc>
                <a:spcPct val="100000"/>
              </a:lnSpc>
            </a:pPr>
            <a:r>
              <a:rPr lang="en-US" sz="1600" spc="25">
                <a:solidFill>
                  <a:srgbClr val="2F2F2F"/>
                </a:solidFill>
                <a:cs typeface="微软雅黑"/>
              </a:rPr>
              <a:t>CloudOpera</a:t>
            </a:r>
            <a:endParaRPr sz="1600">
              <a:cs typeface="微软雅黑"/>
            </a:endParaRPr>
          </a:p>
        </p:txBody>
      </p:sp>
      <p:sp>
        <p:nvSpPr>
          <p:cNvPr id="65" name="object 32">
            <a:extLst>
              <a:ext uri="{FF2B5EF4-FFF2-40B4-BE49-F238E27FC236}">
                <a16:creationId xmlns:a16="http://schemas.microsoft.com/office/drawing/2014/main" xmlns="" id="{03BFB024-2F73-47CC-AA4A-216D82691088}"/>
              </a:ext>
            </a:extLst>
          </p:cNvPr>
          <p:cNvSpPr txBox="1"/>
          <p:nvPr/>
        </p:nvSpPr>
        <p:spPr>
          <a:xfrm>
            <a:off x="9426893" y="3892194"/>
            <a:ext cx="1736547" cy="294311"/>
          </a:xfrm>
          <a:prstGeom prst="rect">
            <a:avLst/>
          </a:prstGeom>
          <a:solidFill>
            <a:schemeClr val="bg1">
              <a:lumMod val="95000"/>
            </a:schemeClr>
          </a:solidFill>
        </p:spPr>
        <p:txBody>
          <a:bodyPr vert="horz" wrap="square" lIns="0" tIns="47625" rIns="0" bIns="0" rtlCol="0">
            <a:spAutoFit/>
          </a:bodyPr>
          <a:lstStyle/>
          <a:p>
            <a:pPr marR="1905" algn="ctr">
              <a:lnSpc>
                <a:spcPct val="100000"/>
              </a:lnSpc>
              <a:spcBef>
                <a:spcPts val="375"/>
              </a:spcBef>
            </a:pPr>
            <a:r>
              <a:rPr lang="en-US" sz="1600" spc="40">
                <a:solidFill>
                  <a:srgbClr val="0070C0"/>
                </a:solidFill>
                <a:cs typeface="微软雅黑"/>
              </a:rPr>
              <a:t>VNFM</a:t>
            </a:r>
            <a:endParaRPr sz="1600">
              <a:solidFill>
                <a:srgbClr val="0070C0"/>
              </a:solidFill>
              <a:cs typeface="微软雅黑"/>
            </a:endParaRPr>
          </a:p>
        </p:txBody>
      </p:sp>
      <p:sp>
        <p:nvSpPr>
          <p:cNvPr id="66" name="object 32">
            <a:extLst>
              <a:ext uri="{FF2B5EF4-FFF2-40B4-BE49-F238E27FC236}">
                <a16:creationId xmlns:a16="http://schemas.microsoft.com/office/drawing/2014/main" xmlns="" id="{D6A8A2B9-B909-4BB8-A8DB-CB7FF5DEF2D7}"/>
              </a:ext>
            </a:extLst>
          </p:cNvPr>
          <p:cNvSpPr txBox="1"/>
          <p:nvPr/>
        </p:nvSpPr>
        <p:spPr>
          <a:xfrm>
            <a:off x="9426893" y="3472623"/>
            <a:ext cx="1736547" cy="294311"/>
          </a:xfrm>
          <a:prstGeom prst="rect">
            <a:avLst/>
          </a:prstGeom>
          <a:solidFill>
            <a:schemeClr val="bg1">
              <a:lumMod val="95000"/>
            </a:schemeClr>
          </a:solidFill>
        </p:spPr>
        <p:txBody>
          <a:bodyPr vert="horz" wrap="square" lIns="0" tIns="47625" rIns="0" bIns="0" rtlCol="0">
            <a:spAutoFit/>
          </a:bodyPr>
          <a:lstStyle/>
          <a:p>
            <a:pPr marR="1905" algn="ctr">
              <a:lnSpc>
                <a:spcPct val="100000"/>
              </a:lnSpc>
              <a:spcBef>
                <a:spcPts val="375"/>
              </a:spcBef>
            </a:pPr>
            <a:r>
              <a:rPr lang="en-US" sz="1600" spc="40">
                <a:solidFill>
                  <a:srgbClr val="0070C0"/>
                </a:solidFill>
                <a:cs typeface="微软雅黑"/>
              </a:rPr>
              <a:t>NFVO</a:t>
            </a:r>
            <a:endParaRPr sz="1600">
              <a:solidFill>
                <a:srgbClr val="0070C0"/>
              </a:solidFill>
              <a:cs typeface="微软雅黑"/>
            </a:endParaRPr>
          </a:p>
        </p:txBody>
      </p:sp>
    </p:spTree>
    <p:extLst>
      <p:ext uri="{BB962C8B-B14F-4D97-AF65-F5344CB8AC3E}">
        <p14:creationId xmlns:p14="http://schemas.microsoft.com/office/powerpoint/2010/main" val="112170837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6C9FB1DD-A20F-4829-9ED5-BD13007E42CA}"/>
              </a:ext>
            </a:extLst>
          </p:cNvPr>
          <p:cNvSpPr>
            <a:spLocks noGrp="1"/>
          </p:cNvSpPr>
          <p:nvPr>
            <p:ph type="title"/>
          </p:nvPr>
        </p:nvSpPr>
        <p:spPr/>
        <p:txBody>
          <a:bodyPr/>
          <a:lstStyle/>
          <a:p>
            <a:r>
              <a:rPr lang="en-US" altLang="zh-CN" smtClean="0"/>
              <a:t>FAQ</a:t>
            </a:r>
            <a:endParaRPr lang="zh-CN" altLang="en-US"/>
          </a:p>
        </p:txBody>
      </p:sp>
      <p:sp>
        <p:nvSpPr>
          <p:cNvPr id="3" name="文本占位符 2">
            <a:extLst>
              <a:ext uri="{FF2B5EF4-FFF2-40B4-BE49-F238E27FC236}">
                <a16:creationId xmlns:a16="http://schemas.microsoft.com/office/drawing/2014/main" xmlns="" id="{A8603EA1-130D-4CC3-8121-A4212A88CDAE}"/>
              </a:ext>
            </a:extLst>
          </p:cNvPr>
          <p:cNvSpPr>
            <a:spLocks noGrp="1"/>
          </p:cNvSpPr>
          <p:nvPr>
            <p:ph type="body" sz="quarter" idx="10"/>
          </p:nvPr>
        </p:nvSpPr>
        <p:spPr/>
        <p:txBody>
          <a:bodyPr/>
          <a:lstStyle/>
          <a:p>
            <a:r>
              <a:rPr lang="en-US" altLang="zh-CN" sz="2000" dirty="0" smtClean="0"/>
              <a:t>Q1</a:t>
            </a:r>
            <a:r>
              <a:rPr lang="zh-CN" altLang="en-US" sz="2000" dirty="0" smtClean="0"/>
              <a:t>：</a:t>
            </a:r>
            <a:r>
              <a:rPr lang="en-US" altLang="zh-CN" sz="2000" dirty="0" smtClean="0"/>
              <a:t> </a:t>
            </a:r>
            <a:r>
              <a:rPr lang="zh-CN" altLang="en-US" sz="2000" dirty="0" smtClean="0"/>
              <a:t>业界</a:t>
            </a:r>
            <a:r>
              <a:rPr lang="en-US" altLang="zh-CN" sz="2000" dirty="0" smtClean="0"/>
              <a:t>SDN</a:t>
            </a:r>
            <a:r>
              <a:rPr lang="zh-CN" altLang="en-US" sz="2000" dirty="0" smtClean="0"/>
              <a:t>与</a:t>
            </a:r>
            <a:r>
              <a:rPr lang="en-US" altLang="zh-CN" sz="2000" dirty="0" smtClean="0"/>
              <a:t>NFV</a:t>
            </a:r>
            <a:r>
              <a:rPr lang="zh-CN" altLang="en-US" sz="2000" dirty="0" smtClean="0"/>
              <a:t>是什么关系？</a:t>
            </a:r>
            <a:endParaRPr lang="en-US" altLang="zh-CN" sz="2000" dirty="0" smtClean="0"/>
          </a:p>
          <a:p>
            <a:r>
              <a:rPr lang="en-US" altLang="zh-CN" sz="2000" dirty="0" smtClean="0"/>
              <a:t>A</a:t>
            </a:r>
            <a:r>
              <a:rPr lang="zh-CN" altLang="en-US" sz="2000" dirty="0" smtClean="0"/>
              <a:t>：虽然两者都是</a:t>
            </a:r>
            <a:r>
              <a:rPr lang="en-US" altLang="zh-CN" sz="2000" dirty="0" smtClean="0"/>
              <a:t>Network</a:t>
            </a:r>
            <a:r>
              <a:rPr lang="zh-CN" altLang="en-US" sz="2000" dirty="0" smtClean="0"/>
              <a:t>相关的变革，且</a:t>
            </a:r>
            <a:r>
              <a:rPr lang="en-US" altLang="zh-CN" sz="2000" dirty="0" smtClean="0"/>
              <a:t>NFV</a:t>
            </a:r>
            <a:r>
              <a:rPr lang="zh-CN" altLang="en-US" sz="2000" dirty="0" smtClean="0"/>
              <a:t>概念在</a:t>
            </a:r>
            <a:r>
              <a:rPr lang="en-US" altLang="zh-CN" sz="2000" dirty="0" smtClean="0"/>
              <a:t>SDN</a:t>
            </a:r>
            <a:r>
              <a:rPr lang="zh-CN" altLang="en-US" sz="2000" dirty="0" smtClean="0"/>
              <a:t>和</a:t>
            </a:r>
            <a:r>
              <a:rPr lang="en-US" altLang="zh-CN" sz="2000" dirty="0" err="1" smtClean="0"/>
              <a:t>OpenFlow</a:t>
            </a:r>
            <a:r>
              <a:rPr lang="zh-CN" altLang="en-US" sz="2000" dirty="0" smtClean="0"/>
              <a:t>世界大会上提出，但是两者彼此独立，没有必然关系。</a:t>
            </a:r>
            <a:r>
              <a:rPr lang="en-US" altLang="zh-CN" sz="2000" dirty="0" smtClean="0"/>
              <a:t>SDN</a:t>
            </a:r>
            <a:r>
              <a:rPr lang="zh-CN" altLang="en-US" sz="2000" dirty="0" smtClean="0"/>
              <a:t>主要影响网络架构，</a:t>
            </a:r>
            <a:r>
              <a:rPr lang="en-US" altLang="zh-CN" sz="2000" dirty="0" smtClean="0"/>
              <a:t>NFV</a:t>
            </a:r>
            <a:r>
              <a:rPr lang="zh-CN" altLang="en-US" sz="2000" dirty="0" smtClean="0"/>
              <a:t>主要影响网元的部署形态。</a:t>
            </a:r>
            <a:endParaRPr lang="en-US" altLang="zh-CN" sz="2000" dirty="0" smtClean="0"/>
          </a:p>
          <a:p>
            <a:endParaRPr lang="en-US" altLang="zh-CN" sz="2000" dirty="0" smtClean="0"/>
          </a:p>
          <a:p>
            <a:r>
              <a:rPr lang="en-US" altLang="zh-CN" sz="2000" dirty="0" smtClean="0"/>
              <a:t>Q2</a:t>
            </a:r>
            <a:r>
              <a:rPr lang="zh-CN" altLang="en-US" sz="2000" dirty="0" smtClean="0"/>
              <a:t>：华为的解决方案中</a:t>
            </a:r>
            <a:r>
              <a:rPr lang="en-US" altLang="zh-CN" sz="2000" dirty="0" smtClean="0"/>
              <a:t>SDN</a:t>
            </a:r>
            <a:r>
              <a:rPr lang="zh-CN" altLang="en-US" sz="2000" dirty="0" smtClean="0"/>
              <a:t>与</a:t>
            </a:r>
            <a:r>
              <a:rPr lang="en-US" altLang="zh-CN" sz="2000" dirty="0" smtClean="0"/>
              <a:t>NFV</a:t>
            </a:r>
            <a:r>
              <a:rPr lang="zh-CN" altLang="en-US" sz="2000" dirty="0" smtClean="0"/>
              <a:t>是什么关系？</a:t>
            </a:r>
            <a:endParaRPr lang="en-US" altLang="zh-CN" sz="2000" dirty="0" smtClean="0"/>
          </a:p>
          <a:p>
            <a:r>
              <a:rPr lang="en-US" altLang="zh-CN" sz="2000" dirty="0" smtClean="0"/>
              <a:t>A</a:t>
            </a:r>
            <a:r>
              <a:rPr lang="zh-CN" altLang="en-US" sz="2000" dirty="0" smtClean="0"/>
              <a:t>：在华为的解决方案中</a:t>
            </a:r>
            <a:r>
              <a:rPr lang="en-US" altLang="zh-CN" sz="2000" dirty="0" smtClean="0"/>
              <a:t>SDN</a:t>
            </a:r>
            <a:r>
              <a:rPr lang="zh-CN" altLang="en-US" sz="2000" dirty="0" smtClean="0"/>
              <a:t>与</a:t>
            </a:r>
            <a:r>
              <a:rPr lang="en-US" altLang="zh-CN" sz="2000" dirty="0" smtClean="0"/>
              <a:t>NFV</a:t>
            </a:r>
            <a:r>
              <a:rPr lang="zh-CN" altLang="en-US" sz="2000" dirty="0" smtClean="0"/>
              <a:t>是不同的解决方案，但是有一定的关联关系。华为</a:t>
            </a:r>
            <a:r>
              <a:rPr lang="en-US" altLang="zh-CN" sz="2000" dirty="0" smtClean="0"/>
              <a:t>NFVI</a:t>
            </a:r>
            <a:r>
              <a:rPr lang="zh-CN" altLang="en-US" sz="2000" dirty="0" smtClean="0"/>
              <a:t>解决方案由华为云</a:t>
            </a:r>
            <a:r>
              <a:rPr lang="en-US" altLang="zh-CN" sz="2000" dirty="0" smtClean="0"/>
              <a:t>Stack</a:t>
            </a:r>
            <a:r>
              <a:rPr lang="zh-CN" altLang="en-US" sz="2000" dirty="0" smtClean="0"/>
              <a:t>提供。在其中网络方案选择中，可以选择</a:t>
            </a:r>
            <a:r>
              <a:rPr lang="en-US" altLang="zh-CN" sz="2000" dirty="0" smtClean="0"/>
              <a:t>SDN</a:t>
            </a:r>
            <a:r>
              <a:rPr lang="zh-CN" altLang="en-US" sz="2000" dirty="0" smtClean="0"/>
              <a:t>解决方案和非</a:t>
            </a:r>
            <a:r>
              <a:rPr lang="en-US" altLang="zh-CN" sz="2000" dirty="0" smtClean="0"/>
              <a:t>SDN</a:t>
            </a:r>
            <a:r>
              <a:rPr lang="zh-CN" altLang="en-US" sz="2000" dirty="0" smtClean="0"/>
              <a:t>解决方案。</a:t>
            </a:r>
            <a:endParaRPr lang="zh-CN" altLang="en-US" sz="2000" dirty="0"/>
          </a:p>
        </p:txBody>
      </p:sp>
    </p:spTree>
    <p:extLst>
      <p:ext uri="{BB962C8B-B14F-4D97-AF65-F5344CB8AC3E}">
        <p14:creationId xmlns:p14="http://schemas.microsoft.com/office/powerpoint/2010/main" val="69902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zh-CN" altLang="en-US" dirty="0" smtClean="0"/>
              <a:t>（多选）以下</a:t>
            </a:r>
            <a:r>
              <a:rPr lang="zh-CN" altLang="en-US" dirty="0"/>
              <a:t>对于华为</a:t>
            </a:r>
            <a:r>
              <a:rPr lang="en-US" altLang="zh-CN" dirty="0"/>
              <a:t>SDN</a:t>
            </a:r>
            <a:r>
              <a:rPr lang="zh-CN" altLang="en-US" dirty="0"/>
              <a:t>解决方案说法正确的是？ （    ）</a:t>
            </a:r>
            <a:endParaRPr lang="en-US" altLang="zh-CN" dirty="0"/>
          </a:p>
          <a:p>
            <a:pPr marL="0" indent="0">
              <a:buNone/>
            </a:pPr>
            <a:r>
              <a:rPr lang="en-US" altLang="zh-CN" dirty="0"/>
              <a:t>      A. </a:t>
            </a:r>
            <a:r>
              <a:rPr lang="zh-CN" altLang="en-US" dirty="0"/>
              <a:t>支持丰富的南向接口协议，例如</a:t>
            </a:r>
            <a:r>
              <a:rPr lang="en-US" altLang="zh-CN" dirty="0"/>
              <a:t>RESTful</a:t>
            </a:r>
            <a:r>
              <a:rPr lang="zh-CN" altLang="en-US" dirty="0"/>
              <a:t>、</a:t>
            </a:r>
            <a:r>
              <a:rPr lang="en-US" altLang="zh-CN" dirty="0"/>
              <a:t>NETCONF</a:t>
            </a:r>
            <a:r>
              <a:rPr lang="zh-CN" altLang="en-US" dirty="0"/>
              <a:t>和</a:t>
            </a:r>
            <a:r>
              <a:rPr lang="en-US" altLang="zh-CN" dirty="0"/>
              <a:t>OVSDB</a:t>
            </a:r>
            <a:r>
              <a:rPr lang="zh-CN" altLang="en-US" dirty="0"/>
              <a:t>。</a:t>
            </a:r>
            <a:endParaRPr lang="en-US" altLang="zh-CN" dirty="0"/>
          </a:p>
          <a:p>
            <a:pPr marL="0" indent="0">
              <a:buNone/>
            </a:pPr>
            <a:r>
              <a:rPr lang="en-US" altLang="zh-CN" dirty="0"/>
              <a:t>      B.</a:t>
            </a:r>
            <a:r>
              <a:rPr lang="zh-CN" altLang="en-US" dirty="0"/>
              <a:t> 支持</a:t>
            </a:r>
            <a:r>
              <a:rPr lang="en-US" altLang="zh-CN" dirty="0" err="1"/>
              <a:t>OpenFlow</a:t>
            </a:r>
            <a:r>
              <a:rPr lang="zh-CN" altLang="en-US" dirty="0"/>
              <a:t>作为南向接口协议。</a:t>
            </a:r>
            <a:endParaRPr lang="en-US" altLang="zh-CN" dirty="0"/>
          </a:p>
          <a:p>
            <a:pPr marL="0" indent="0">
              <a:buNone/>
            </a:pPr>
            <a:r>
              <a:rPr lang="en-US" altLang="zh-CN" dirty="0"/>
              <a:t>      C. </a:t>
            </a:r>
            <a:r>
              <a:rPr lang="zh-CN" altLang="en-US" dirty="0"/>
              <a:t>管、控、析构建至简网络。</a:t>
            </a:r>
            <a:endParaRPr lang="en-US" altLang="zh-CN" dirty="0"/>
          </a:p>
          <a:p>
            <a:pPr marL="0" indent="0">
              <a:buNone/>
            </a:pPr>
            <a:r>
              <a:rPr lang="en-US" altLang="zh-CN" dirty="0"/>
              <a:t>      D. </a:t>
            </a:r>
            <a:r>
              <a:rPr lang="zh-CN" altLang="en-US" dirty="0"/>
              <a:t>开放可编程网络接口，支持第三发应用开发和系统对接。</a:t>
            </a:r>
            <a:endParaRPr lang="en-US" altLang="zh-CN" dirty="0"/>
          </a:p>
          <a:p>
            <a:pPr>
              <a:buFont typeface="+mj-lt"/>
              <a:buAutoNum type="arabicPeriod" startAt="2"/>
            </a:pPr>
            <a:r>
              <a:rPr lang="zh-CN" altLang="en-US" dirty="0"/>
              <a:t>请简述</a:t>
            </a:r>
            <a:r>
              <a:rPr lang="en-US" altLang="zh-CN" dirty="0"/>
              <a:t>NFV</a:t>
            </a:r>
            <a:r>
              <a:rPr lang="zh-CN" altLang="en-US" dirty="0"/>
              <a:t>的意义与价值。</a:t>
            </a:r>
            <a:endParaRPr lang="en-US" altLang="zh-CN" dirty="0"/>
          </a:p>
          <a:p>
            <a:pPr>
              <a:buAutoNum type="arabicPeriod" startAt="2"/>
            </a:pPr>
            <a:endParaRPr lang="zh-CN" altLang="en-US" dirty="0"/>
          </a:p>
        </p:txBody>
      </p:sp>
    </p:spTree>
    <p:extLst>
      <p:ext uri="{BB962C8B-B14F-4D97-AF65-F5344CB8AC3E}">
        <p14:creationId xmlns:p14="http://schemas.microsoft.com/office/powerpoint/2010/main" val="90579189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en-US" altLang="zh-CN" b="1" smtClean="0"/>
              <a:t>SDN</a:t>
            </a:r>
            <a:r>
              <a:rPr lang="zh-CN" altLang="en-US" b="1" smtClean="0"/>
              <a:t>概述</a:t>
            </a:r>
            <a:endParaRPr lang="en-US" altLang="zh-CN" b="1" smtClean="0"/>
          </a:p>
          <a:p>
            <a:r>
              <a:rPr lang="en-US" altLang="zh-CN" smtClean="0">
                <a:solidFill>
                  <a:schemeClr val="bg1">
                    <a:lumMod val="50000"/>
                  </a:schemeClr>
                </a:solidFill>
              </a:rPr>
              <a:t>NFV</a:t>
            </a:r>
            <a:r>
              <a:rPr lang="zh-CN" altLang="en-US" smtClean="0">
                <a:solidFill>
                  <a:schemeClr val="bg1">
                    <a:lumMod val="50000"/>
                  </a:schemeClr>
                </a:solidFill>
              </a:rPr>
              <a:t>概述</a:t>
            </a:r>
            <a:endParaRPr lang="zh-CN" altLang="en-US">
              <a:solidFill>
                <a:schemeClr val="bg1">
                  <a:lumMod val="50000"/>
                </a:schemeClr>
              </a:solidFill>
            </a:endParaRPr>
          </a:p>
        </p:txBody>
      </p:sp>
    </p:spTree>
    <p:extLst>
      <p:ext uri="{BB962C8B-B14F-4D97-AF65-F5344CB8AC3E}">
        <p14:creationId xmlns:p14="http://schemas.microsoft.com/office/powerpoint/2010/main" val="245247071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内容占位符 2"/>
          <p:cNvSpPr>
            <a:spLocks noGrp="1"/>
          </p:cNvSpPr>
          <p:nvPr>
            <p:ph sz="quarter" idx="10"/>
          </p:nvPr>
        </p:nvSpPr>
        <p:spPr/>
        <p:txBody>
          <a:bodyPr/>
          <a:lstStyle/>
          <a:p>
            <a:r>
              <a:rPr lang="zh-CN" altLang="en-US" smtClean="0"/>
              <a:t>网络产业的变革与发展，提出了</a:t>
            </a:r>
            <a:r>
              <a:rPr lang="en-US" altLang="zh-CN" smtClean="0"/>
              <a:t>SDN</a:t>
            </a:r>
            <a:r>
              <a:rPr lang="zh-CN" altLang="en-US" smtClean="0"/>
              <a:t>（</a:t>
            </a:r>
            <a:r>
              <a:rPr lang="en-US" altLang="zh-CN" smtClean="0"/>
              <a:t>Software Defined Networking</a:t>
            </a:r>
            <a:r>
              <a:rPr lang="zh-CN" altLang="en-US" smtClean="0"/>
              <a:t>）软件定义网络与</a:t>
            </a:r>
            <a:r>
              <a:rPr lang="en-US" altLang="zh-CN" smtClean="0"/>
              <a:t>NFV</a:t>
            </a:r>
            <a:r>
              <a:rPr lang="zh-CN" altLang="en-US" smtClean="0"/>
              <a:t>（</a:t>
            </a:r>
            <a:r>
              <a:rPr lang="en-US" altLang="zh-CN" smtClean="0"/>
              <a:t>Network Functional Virtualization</a:t>
            </a:r>
            <a:r>
              <a:rPr lang="zh-CN" altLang="en-US" smtClean="0"/>
              <a:t>）网络功能虚拟化两个重要概念。</a:t>
            </a:r>
            <a:endParaRPr lang="en-US" altLang="zh-CN" smtClean="0"/>
          </a:p>
          <a:p>
            <a:r>
              <a:rPr lang="en-US" altLang="zh-CN" smtClean="0"/>
              <a:t>SDN</a:t>
            </a:r>
            <a:r>
              <a:rPr lang="zh-CN" altLang="en-US" smtClean="0"/>
              <a:t>是网络架构的革新，以控制器为主体，让网络更加开放、灵活和简单。</a:t>
            </a:r>
            <a:endParaRPr lang="en-US" altLang="zh-CN" smtClean="0"/>
          </a:p>
          <a:p>
            <a:r>
              <a:rPr lang="en-US" altLang="zh-CN" smtClean="0"/>
              <a:t>NFV</a:t>
            </a:r>
            <a:r>
              <a:rPr lang="zh-CN" altLang="en-US" smtClean="0"/>
              <a:t>是电信网络设备部署形态的革新，以虚拟化为基础，云计算为关键实现电信网络的重构。</a:t>
            </a:r>
          </a:p>
          <a:p>
            <a:endParaRPr lang="zh-CN" altLang="en-US" dirty="0"/>
          </a:p>
        </p:txBody>
      </p:sp>
    </p:spTree>
    <p:extLst>
      <p:ext uri="{BB962C8B-B14F-4D97-AF65-F5344CB8AC3E}">
        <p14:creationId xmlns:p14="http://schemas.microsoft.com/office/powerpoint/2010/main" val="261467565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zh-CN" altLang="en-US" dirty="0" smtClean="0"/>
              <a:t>更多</a:t>
            </a:r>
            <a:r>
              <a:rPr lang="en-US" altLang="zh-CN" dirty="0" err="1" smtClean="0"/>
              <a:t>OpenFlow</a:t>
            </a:r>
            <a:r>
              <a:rPr lang="zh-CN" altLang="en-US" dirty="0" smtClean="0"/>
              <a:t>相关问题请参考 </a:t>
            </a:r>
            <a:r>
              <a:rPr lang="en-US" altLang="zh-CN" dirty="0" smtClean="0"/>
              <a:t>https://www.opennetworking.org/ </a:t>
            </a:r>
            <a:r>
              <a:rPr lang="zh-CN" altLang="en-US" dirty="0" smtClean="0"/>
              <a:t>。</a:t>
            </a:r>
            <a:endParaRPr lang="en-US" altLang="zh-CN" dirty="0" smtClean="0"/>
          </a:p>
          <a:p>
            <a:r>
              <a:rPr lang="zh-CN" altLang="en-US" dirty="0" smtClean="0"/>
              <a:t>更多华为</a:t>
            </a:r>
            <a:r>
              <a:rPr lang="en-US" altLang="zh-CN" dirty="0" smtClean="0"/>
              <a:t>SDN</a:t>
            </a:r>
            <a:r>
              <a:rPr lang="zh-CN" altLang="en-US" dirty="0" smtClean="0"/>
              <a:t>解决方案内容请参考</a:t>
            </a:r>
            <a:r>
              <a:rPr lang="en-US" altLang="zh-CN" dirty="0" smtClean="0"/>
              <a:t>HCIP</a:t>
            </a:r>
            <a:r>
              <a:rPr lang="zh-CN" altLang="en-US" dirty="0" smtClean="0"/>
              <a:t>课程。</a:t>
            </a:r>
            <a:endParaRPr lang="zh-CN" altLang="en-US" dirty="0"/>
          </a:p>
        </p:txBody>
      </p:sp>
    </p:spTree>
    <p:extLst>
      <p:ext uri="{BB962C8B-B14F-4D97-AF65-F5344CB8AC3E}">
        <p14:creationId xmlns:p14="http://schemas.microsoft.com/office/powerpoint/2010/main" val="385116457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en-US" altLang="zh-CN" dirty="0"/>
              <a:t>https://e.huawei.com/cn/talent/#/</a:t>
            </a:r>
            <a:r>
              <a:rPr lang="en-US" altLang="zh-CN" dirty="0" smtClean="0"/>
              <a:t>home </a:t>
            </a:r>
            <a:endParaRPr lang="zh-CN" altLang="en-US" dirty="0"/>
          </a:p>
          <a:p>
            <a:endParaRPr lang="zh-CN" altLang="en-US" dirty="0"/>
          </a:p>
        </p:txBody>
      </p:sp>
    </p:spTree>
    <p:extLst>
      <p:ext uri="{BB962C8B-B14F-4D97-AF65-F5344CB8AC3E}">
        <p14:creationId xmlns:p14="http://schemas.microsoft.com/office/powerpoint/2010/main" val="238380546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177892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12">
            <a:extLst>
              <a:ext uri="{FF2B5EF4-FFF2-40B4-BE49-F238E27FC236}">
                <a16:creationId xmlns:a16="http://schemas.microsoft.com/office/drawing/2014/main" xmlns="" id="{145BF5A9-CD11-48C3-88B9-A4C0B952D0B8}"/>
              </a:ext>
            </a:extLst>
          </p:cNvPr>
          <p:cNvPicPr>
            <a:picLocks noChangeAspect="1"/>
          </p:cNvPicPr>
          <p:nvPr/>
        </p:nvPicPr>
        <p:blipFill>
          <a:blip r:embed="rId3" cstate="print">
            <a:duotone>
              <a:schemeClr val="accent5">
                <a:shade val="45000"/>
                <a:satMod val="135000"/>
              </a:schemeClr>
              <a:prstClr val="white"/>
            </a:duotone>
          </a:blip>
          <a:srcRect l="6149" t="1500" r="3650" b="5499"/>
          <a:stretch>
            <a:fillRect/>
          </a:stretch>
        </p:blipFill>
        <p:spPr bwMode="auto">
          <a:xfrm>
            <a:off x="1434337" y="2048462"/>
            <a:ext cx="2206855" cy="2903976"/>
          </a:xfrm>
          <a:prstGeom prst="rect">
            <a:avLst/>
          </a:prstGeom>
          <a:noFill/>
          <a:ln w="9525">
            <a:noFill/>
            <a:miter lim="800000"/>
            <a:headEnd/>
            <a:tailEnd/>
          </a:ln>
        </p:spPr>
      </p:pic>
      <p:sp>
        <p:nvSpPr>
          <p:cNvPr id="3" name="标题 2"/>
          <p:cNvSpPr>
            <a:spLocks noGrp="1"/>
          </p:cNvSpPr>
          <p:nvPr>
            <p:ph type="title"/>
          </p:nvPr>
        </p:nvSpPr>
        <p:spPr/>
        <p:txBody>
          <a:bodyPr/>
          <a:lstStyle/>
          <a:p>
            <a:r>
              <a:rPr lang="zh-CN" altLang="en-US" smtClean="0"/>
              <a:t>计算机时代的演进</a:t>
            </a:r>
            <a:endParaRPr lang="zh-CN" altLang="en-US"/>
          </a:p>
        </p:txBody>
      </p:sp>
      <p:sp>
        <p:nvSpPr>
          <p:cNvPr id="2" name="文本框 1">
            <a:extLst>
              <a:ext uri="{FF2B5EF4-FFF2-40B4-BE49-F238E27FC236}">
                <a16:creationId xmlns:a16="http://schemas.microsoft.com/office/drawing/2014/main" xmlns="" id="{09DA8FC6-698D-4243-8C17-E969DBD976BE}"/>
              </a:ext>
            </a:extLst>
          </p:cNvPr>
          <p:cNvSpPr txBox="1"/>
          <p:nvPr/>
        </p:nvSpPr>
        <p:spPr>
          <a:xfrm>
            <a:off x="1894974" y="1293767"/>
            <a:ext cx="2501006" cy="369332"/>
          </a:xfrm>
          <a:prstGeom prst="rect">
            <a:avLst/>
          </a:prstGeom>
          <a:noFill/>
        </p:spPr>
        <p:txBody>
          <a:bodyPr wrap="none" rtlCol="0">
            <a:spAutoFit/>
          </a:bodyPr>
          <a:lstStyle/>
          <a:p>
            <a:r>
              <a:rPr lang="zh-CN" altLang="en-US" dirty="0"/>
              <a:t>大型机（</a:t>
            </a:r>
            <a:r>
              <a:rPr lang="en-US" altLang="zh-CN" dirty="0"/>
              <a:t>Mainframe</a:t>
            </a:r>
            <a:r>
              <a:rPr lang="zh-CN" altLang="en-US" dirty="0"/>
              <a:t>）</a:t>
            </a:r>
          </a:p>
        </p:txBody>
      </p:sp>
      <p:grpSp>
        <p:nvGrpSpPr>
          <p:cNvPr id="9" name="Group 47">
            <a:extLst>
              <a:ext uri="{FF2B5EF4-FFF2-40B4-BE49-F238E27FC236}">
                <a16:creationId xmlns:a16="http://schemas.microsoft.com/office/drawing/2014/main" xmlns="" id="{816EA525-8914-46B2-8D78-E8300C6CFEAE}"/>
              </a:ext>
            </a:extLst>
          </p:cNvPr>
          <p:cNvGrpSpPr>
            <a:grpSpLocks/>
          </p:cNvGrpSpPr>
          <p:nvPr/>
        </p:nvGrpSpPr>
        <p:grpSpPr bwMode="auto">
          <a:xfrm>
            <a:off x="6682190" y="1746379"/>
            <a:ext cx="3657600" cy="685800"/>
            <a:chOff x="5334000" y="1371600"/>
            <a:chExt cx="3657600" cy="685800"/>
          </a:xfrm>
        </p:grpSpPr>
        <p:sp>
          <p:nvSpPr>
            <p:cNvPr id="10" name="Rounded Rectangle 45">
              <a:extLst>
                <a:ext uri="{FF2B5EF4-FFF2-40B4-BE49-F238E27FC236}">
                  <a16:creationId xmlns:a16="http://schemas.microsoft.com/office/drawing/2014/main" xmlns="" id="{2B627049-A896-4335-A043-A9A1E79083C9}"/>
                </a:ext>
              </a:extLst>
            </p:cNvPr>
            <p:cNvSpPr/>
            <p:nvPr/>
          </p:nvSpPr>
          <p:spPr bwMode="auto">
            <a:xfrm>
              <a:off x="83820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11" name="Rounded Rectangle 44">
              <a:extLst>
                <a:ext uri="{FF2B5EF4-FFF2-40B4-BE49-F238E27FC236}">
                  <a16:creationId xmlns:a16="http://schemas.microsoft.com/office/drawing/2014/main" xmlns="" id="{12C81FB1-F782-43C4-9AF3-D6B6538A2D8E}"/>
                </a:ext>
              </a:extLst>
            </p:cNvPr>
            <p:cNvSpPr/>
            <p:nvPr/>
          </p:nvSpPr>
          <p:spPr bwMode="auto">
            <a:xfrm>
              <a:off x="80772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12" name="Rounded Rectangle 43">
              <a:extLst>
                <a:ext uri="{FF2B5EF4-FFF2-40B4-BE49-F238E27FC236}">
                  <a16:creationId xmlns:a16="http://schemas.microsoft.com/office/drawing/2014/main" xmlns="" id="{621DDF03-160D-4D25-A7DA-C89517CFA8FB}"/>
                </a:ext>
              </a:extLst>
            </p:cNvPr>
            <p:cNvSpPr/>
            <p:nvPr/>
          </p:nvSpPr>
          <p:spPr bwMode="auto">
            <a:xfrm>
              <a:off x="77724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13" name="Rounded Rectangle 42">
              <a:extLst>
                <a:ext uri="{FF2B5EF4-FFF2-40B4-BE49-F238E27FC236}">
                  <a16:creationId xmlns:a16="http://schemas.microsoft.com/office/drawing/2014/main" xmlns="" id="{4A94F889-826D-4D30-800C-68EBAA42004A}"/>
                </a:ext>
              </a:extLst>
            </p:cNvPr>
            <p:cNvSpPr/>
            <p:nvPr/>
          </p:nvSpPr>
          <p:spPr bwMode="auto">
            <a:xfrm>
              <a:off x="74676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14" name="Rounded Rectangle 41">
              <a:extLst>
                <a:ext uri="{FF2B5EF4-FFF2-40B4-BE49-F238E27FC236}">
                  <a16:creationId xmlns:a16="http://schemas.microsoft.com/office/drawing/2014/main" xmlns="" id="{0BBD31CF-6A4D-4FED-A2F1-C8A45E7158B0}"/>
                </a:ext>
              </a:extLst>
            </p:cNvPr>
            <p:cNvSpPr/>
            <p:nvPr/>
          </p:nvSpPr>
          <p:spPr bwMode="auto">
            <a:xfrm>
              <a:off x="71628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15" name="Rounded Rectangle 40">
              <a:extLst>
                <a:ext uri="{FF2B5EF4-FFF2-40B4-BE49-F238E27FC236}">
                  <a16:creationId xmlns:a16="http://schemas.microsoft.com/office/drawing/2014/main" xmlns="" id="{2E54468F-6D53-4A5D-B27E-3749E5A65068}"/>
                </a:ext>
              </a:extLst>
            </p:cNvPr>
            <p:cNvSpPr/>
            <p:nvPr/>
          </p:nvSpPr>
          <p:spPr bwMode="auto">
            <a:xfrm>
              <a:off x="68580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16" name="Rounded Rectangle 39">
              <a:extLst>
                <a:ext uri="{FF2B5EF4-FFF2-40B4-BE49-F238E27FC236}">
                  <a16:creationId xmlns:a16="http://schemas.microsoft.com/office/drawing/2014/main" xmlns="" id="{9D006E00-0905-4340-BB69-1F10F3E8AE17}"/>
                </a:ext>
              </a:extLst>
            </p:cNvPr>
            <p:cNvSpPr/>
            <p:nvPr/>
          </p:nvSpPr>
          <p:spPr bwMode="auto">
            <a:xfrm>
              <a:off x="65532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17" name="Rounded Rectangle 38">
              <a:extLst>
                <a:ext uri="{FF2B5EF4-FFF2-40B4-BE49-F238E27FC236}">
                  <a16:creationId xmlns:a16="http://schemas.microsoft.com/office/drawing/2014/main" xmlns="" id="{9B21927E-AA52-45D6-90E2-5277C1942419}"/>
                </a:ext>
              </a:extLst>
            </p:cNvPr>
            <p:cNvSpPr/>
            <p:nvPr/>
          </p:nvSpPr>
          <p:spPr bwMode="auto">
            <a:xfrm>
              <a:off x="62484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18" name="Rounded Rectangle 37">
              <a:extLst>
                <a:ext uri="{FF2B5EF4-FFF2-40B4-BE49-F238E27FC236}">
                  <a16:creationId xmlns:a16="http://schemas.microsoft.com/office/drawing/2014/main" xmlns="" id="{8B96DA8D-0945-4C25-AF69-254D07D57EB0}"/>
                </a:ext>
              </a:extLst>
            </p:cNvPr>
            <p:cNvSpPr/>
            <p:nvPr/>
          </p:nvSpPr>
          <p:spPr bwMode="auto">
            <a:xfrm>
              <a:off x="59436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19" name="Rounded Rectangle 36">
              <a:extLst>
                <a:ext uri="{FF2B5EF4-FFF2-40B4-BE49-F238E27FC236}">
                  <a16:creationId xmlns:a16="http://schemas.microsoft.com/office/drawing/2014/main" xmlns="" id="{44861990-999A-4885-A840-7595E1DA1AFE}"/>
                </a:ext>
              </a:extLst>
            </p:cNvPr>
            <p:cNvSpPr/>
            <p:nvPr/>
          </p:nvSpPr>
          <p:spPr bwMode="auto">
            <a:xfrm>
              <a:off x="56388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20" name="Rounded Rectangle 30">
              <a:extLst>
                <a:ext uri="{FF2B5EF4-FFF2-40B4-BE49-F238E27FC236}">
                  <a16:creationId xmlns:a16="http://schemas.microsoft.com/office/drawing/2014/main" xmlns="" id="{1E4F8B68-B381-41FC-8364-99988A7B8C94}"/>
                </a:ext>
              </a:extLst>
            </p:cNvPr>
            <p:cNvSpPr/>
            <p:nvPr/>
          </p:nvSpPr>
          <p:spPr bwMode="auto">
            <a:xfrm>
              <a:off x="53340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600" kern="0" dirty="0">
                  <a:solidFill>
                    <a:srgbClr val="1D1D1A"/>
                  </a:solidFill>
                  <a:latin typeface="Huawei Sans" panose="020C0503030203020204" pitchFamily="34" charset="0"/>
                  <a:ea typeface="方正兰亭黑简体" panose="02000000000000000000" pitchFamily="2" charset="-122"/>
                </a:rPr>
                <a:t>App</a:t>
              </a:r>
            </a:p>
          </p:txBody>
        </p:sp>
      </p:grpSp>
      <p:sp>
        <p:nvSpPr>
          <p:cNvPr id="22" name="Rounded Rectangle 22">
            <a:extLst>
              <a:ext uri="{FF2B5EF4-FFF2-40B4-BE49-F238E27FC236}">
                <a16:creationId xmlns:a16="http://schemas.microsoft.com/office/drawing/2014/main" xmlns="" id="{6A9BA524-09D4-4D6B-A0CE-19377DEC976E}"/>
              </a:ext>
            </a:extLst>
          </p:cNvPr>
          <p:cNvSpPr/>
          <p:nvPr/>
        </p:nvSpPr>
        <p:spPr bwMode="auto">
          <a:xfrm>
            <a:off x="6613840" y="4519682"/>
            <a:ext cx="3616815" cy="545488"/>
          </a:xfrm>
          <a:prstGeom prst="roundRect">
            <a:avLst/>
          </a:prstGeom>
          <a:solidFill>
            <a:srgbClr val="00B0F0">
              <a:alpha val="5000"/>
            </a:srgbClr>
          </a:solidFill>
          <a:ln>
            <a:solidFill>
              <a:srgbClr val="00B0F0"/>
            </a:solidFill>
          </a:ln>
        </p:spPr>
        <p:txBody>
          <a:bodyPr wrap="square" rtlCol="0" anchor="ctr" anchorCtr="0">
            <a:noAutofit/>
          </a:bodyPr>
          <a:lstStyle/>
          <a:p>
            <a:pPr algn="ctr"/>
            <a:r>
              <a:rPr lang="en-US" altLang="zh-CN" sz="1600" dirty="0"/>
              <a:t>Microprocesso</a:t>
            </a:r>
            <a:r>
              <a:rPr lang="en-US" altLang="zh-CN" sz="1600" b="1" dirty="0">
                <a:solidFill>
                  <a:prstClr val="white"/>
                </a:solidFill>
              </a:rPr>
              <a:t>r</a:t>
            </a:r>
          </a:p>
        </p:txBody>
      </p:sp>
      <p:grpSp>
        <p:nvGrpSpPr>
          <p:cNvPr id="24" name="Group 51">
            <a:extLst>
              <a:ext uri="{FF2B5EF4-FFF2-40B4-BE49-F238E27FC236}">
                <a16:creationId xmlns:a16="http://schemas.microsoft.com/office/drawing/2014/main" xmlns="" id="{ACAD2B18-DEB2-40F6-8B70-96427E999C7D}"/>
              </a:ext>
            </a:extLst>
          </p:cNvPr>
          <p:cNvGrpSpPr>
            <a:grpSpLocks/>
          </p:cNvGrpSpPr>
          <p:nvPr/>
        </p:nvGrpSpPr>
        <p:grpSpPr bwMode="auto">
          <a:xfrm>
            <a:off x="7058277" y="4029381"/>
            <a:ext cx="2905426" cy="369332"/>
            <a:chOff x="6019800" y="3200400"/>
            <a:chExt cx="2590800" cy="369219"/>
          </a:xfrm>
        </p:grpSpPr>
        <p:cxnSp>
          <p:nvCxnSpPr>
            <p:cNvPr id="25" name="Straight Connector 50">
              <a:extLst>
                <a:ext uri="{FF2B5EF4-FFF2-40B4-BE49-F238E27FC236}">
                  <a16:creationId xmlns:a16="http://schemas.microsoft.com/office/drawing/2014/main" xmlns="" id="{5886EA8A-48DF-4E63-A320-D38CA122B7F8}"/>
                </a:ext>
              </a:extLst>
            </p:cNvPr>
            <p:cNvCxnSpPr>
              <a:cxnSpLocks noChangeShapeType="1"/>
            </p:cNvCxnSpPr>
            <p:nvPr/>
          </p:nvCxnSpPr>
          <p:spPr bwMode="auto">
            <a:xfrm>
              <a:off x="6019800" y="3427344"/>
              <a:ext cx="2590800" cy="1587"/>
            </a:xfrm>
            <a:prstGeom prst="line">
              <a:avLst/>
            </a:prstGeom>
            <a:noFill/>
            <a:ln w="25400">
              <a:solidFill>
                <a:schemeClr val="tx1"/>
              </a:solidFill>
              <a:round/>
              <a:headEnd/>
              <a:tailEnd/>
            </a:ln>
            <a:effectLst>
              <a:outerShdw dist="20000" dir="5400000" rotWithShape="0">
                <a:srgbClr val="808080">
                  <a:alpha val="37999"/>
                </a:srgbClr>
              </a:outerShdw>
            </a:effectLst>
          </p:spPr>
        </p:cxnSp>
        <p:sp>
          <p:nvSpPr>
            <p:cNvPr id="26" name="TextBox 23">
              <a:extLst>
                <a:ext uri="{FF2B5EF4-FFF2-40B4-BE49-F238E27FC236}">
                  <a16:creationId xmlns:a16="http://schemas.microsoft.com/office/drawing/2014/main" xmlns="" id="{70DA3A4A-EAF9-442C-B8F7-2E4FE2BA67DE}"/>
                </a:ext>
              </a:extLst>
            </p:cNvPr>
            <p:cNvSpPr txBox="1">
              <a:spLocks noChangeArrowheads="1"/>
            </p:cNvSpPr>
            <p:nvPr/>
          </p:nvSpPr>
          <p:spPr bwMode="auto">
            <a:xfrm>
              <a:off x="6453791" y="3200400"/>
              <a:ext cx="1565496" cy="369219"/>
            </a:xfrm>
            <a:prstGeom prst="rect">
              <a:avLst/>
            </a:prstGeom>
            <a:solidFill>
              <a:srgbClr val="FFFFFF"/>
            </a:solidFill>
            <a:ln w="9525">
              <a:noFill/>
              <a:miter lim="800000"/>
              <a:headEnd/>
              <a:tailEnd/>
            </a:ln>
          </p:spPr>
          <p:txBody>
            <a:bodyPr wrap="none">
              <a:spAutoFit/>
            </a:bodyPr>
            <a:lstStyle/>
            <a:p>
              <a:r>
                <a:rPr lang="en-US" altLang="zh-CN" dirty="0"/>
                <a:t>Open Interface</a:t>
              </a:r>
            </a:p>
          </p:txBody>
        </p:sp>
      </p:grpSp>
      <p:sp>
        <p:nvSpPr>
          <p:cNvPr id="28" name="Rounded Rectangle 19">
            <a:extLst>
              <a:ext uri="{FF2B5EF4-FFF2-40B4-BE49-F238E27FC236}">
                <a16:creationId xmlns:a16="http://schemas.microsoft.com/office/drawing/2014/main" xmlns="" id="{E5691F98-3DD3-4D10-888E-9C103A996538}"/>
              </a:ext>
            </a:extLst>
          </p:cNvPr>
          <p:cNvSpPr/>
          <p:nvPr/>
        </p:nvSpPr>
        <p:spPr bwMode="auto">
          <a:xfrm>
            <a:off x="8282390" y="2937864"/>
            <a:ext cx="838200" cy="838200"/>
          </a:xfrm>
          <a:prstGeom prst="roundRect">
            <a:avLst/>
          </a:prstGeom>
          <a:solidFill>
            <a:srgbClr val="00B0F0">
              <a:alpha val="5000"/>
            </a:srgbClr>
          </a:solidFill>
          <a:ln>
            <a:solidFill>
              <a:srgbClr val="00B0F0"/>
            </a:solidFill>
          </a:ln>
        </p:spPr>
        <p:txBody>
          <a:bodyPr wrap="square" rtlCol="0" anchor="ctr" anchorCtr="0">
            <a:noAutofit/>
          </a:bodyPr>
          <a:lstStyle/>
          <a:p>
            <a:pPr algn="ctr"/>
            <a:r>
              <a:rPr lang="en-US" sz="1600" dirty="0"/>
              <a:t>Linux</a:t>
            </a:r>
          </a:p>
        </p:txBody>
      </p:sp>
      <p:sp>
        <p:nvSpPr>
          <p:cNvPr id="29" name="Rounded Rectangle 21">
            <a:extLst>
              <a:ext uri="{FF2B5EF4-FFF2-40B4-BE49-F238E27FC236}">
                <a16:creationId xmlns:a16="http://schemas.microsoft.com/office/drawing/2014/main" xmlns="" id="{4412EDBB-12C9-4541-9A44-4613927849D2}"/>
              </a:ext>
            </a:extLst>
          </p:cNvPr>
          <p:cNvSpPr/>
          <p:nvPr/>
        </p:nvSpPr>
        <p:spPr bwMode="auto">
          <a:xfrm>
            <a:off x="9425390" y="2937864"/>
            <a:ext cx="762000" cy="838200"/>
          </a:xfrm>
          <a:prstGeom prst="roundRect">
            <a:avLst/>
          </a:prstGeom>
          <a:solidFill>
            <a:srgbClr val="00B0F0">
              <a:alpha val="5000"/>
            </a:srgbClr>
          </a:solidFill>
          <a:ln>
            <a:solidFill>
              <a:srgbClr val="00B0F0"/>
            </a:solidFill>
          </a:ln>
        </p:spPr>
        <p:txBody>
          <a:bodyPr wrap="square" rtlCol="0" anchor="ctr" anchorCtr="0">
            <a:noAutofit/>
          </a:bodyPr>
          <a:lstStyle/>
          <a:p>
            <a:pPr algn="ctr"/>
            <a:r>
              <a:rPr lang="en-US" sz="1600" dirty="0"/>
              <a:t>Mac</a:t>
            </a:r>
          </a:p>
          <a:p>
            <a:pPr algn="ctr"/>
            <a:r>
              <a:rPr lang="en-US" sz="1600" dirty="0"/>
              <a:t>OS</a:t>
            </a:r>
          </a:p>
        </p:txBody>
      </p:sp>
      <p:sp>
        <p:nvSpPr>
          <p:cNvPr id="30" name="Rounded Rectangle 23">
            <a:extLst>
              <a:ext uri="{FF2B5EF4-FFF2-40B4-BE49-F238E27FC236}">
                <a16:creationId xmlns:a16="http://schemas.microsoft.com/office/drawing/2014/main" xmlns="" id="{834C835D-A966-4922-B5A5-B3EF931696B5}"/>
              </a:ext>
            </a:extLst>
          </p:cNvPr>
          <p:cNvSpPr/>
          <p:nvPr/>
        </p:nvSpPr>
        <p:spPr bwMode="auto">
          <a:xfrm>
            <a:off x="6682190" y="2937864"/>
            <a:ext cx="1219200" cy="838200"/>
          </a:xfrm>
          <a:prstGeom prst="roundRect">
            <a:avLst/>
          </a:prstGeom>
          <a:solidFill>
            <a:srgbClr val="00B0F0">
              <a:alpha val="5000"/>
            </a:srgbClr>
          </a:solidFill>
          <a:ln>
            <a:solidFill>
              <a:srgbClr val="00B0F0"/>
            </a:solidFill>
          </a:ln>
        </p:spPr>
        <p:txBody>
          <a:bodyPr wrap="square" rtlCol="0" anchor="ctr" anchorCtr="0">
            <a:noAutofit/>
          </a:bodyPr>
          <a:lstStyle/>
          <a:p>
            <a:pPr algn="ctr"/>
            <a:r>
              <a:rPr lang="en-US" sz="1600" dirty="0"/>
              <a:t>Windows</a:t>
            </a:r>
          </a:p>
          <a:p>
            <a:pPr algn="ctr"/>
            <a:r>
              <a:rPr lang="en-US" sz="1600" dirty="0"/>
              <a:t>(OS)</a:t>
            </a:r>
          </a:p>
        </p:txBody>
      </p:sp>
      <p:sp>
        <p:nvSpPr>
          <p:cNvPr id="31" name="TextBox 23">
            <a:extLst>
              <a:ext uri="{FF2B5EF4-FFF2-40B4-BE49-F238E27FC236}">
                <a16:creationId xmlns:a16="http://schemas.microsoft.com/office/drawing/2014/main" xmlns="" id="{67AF3C62-2BF9-4ECA-9EEC-57F35D0FF642}"/>
              </a:ext>
            </a:extLst>
          </p:cNvPr>
          <p:cNvSpPr txBox="1">
            <a:spLocks noChangeArrowheads="1"/>
          </p:cNvSpPr>
          <p:nvPr/>
        </p:nvSpPr>
        <p:spPr bwMode="auto">
          <a:xfrm>
            <a:off x="7901390" y="3178132"/>
            <a:ext cx="404278" cy="369332"/>
          </a:xfrm>
          <a:prstGeom prst="rect">
            <a:avLst/>
          </a:prstGeom>
          <a:noFill/>
          <a:ln w="9525">
            <a:noFill/>
            <a:miter lim="800000"/>
            <a:headEnd/>
            <a:tailEnd/>
          </a:ln>
        </p:spPr>
        <p:txBody>
          <a:bodyPr wrap="none">
            <a:spAutoFit/>
          </a:bodyPr>
          <a:lstStyle/>
          <a:p>
            <a:r>
              <a:rPr lang="en-US" altLang="zh-CN"/>
              <a:t>or</a:t>
            </a:r>
          </a:p>
        </p:txBody>
      </p:sp>
      <p:sp>
        <p:nvSpPr>
          <p:cNvPr id="32" name="TextBox 24">
            <a:extLst>
              <a:ext uri="{FF2B5EF4-FFF2-40B4-BE49-F238E27FC236}">
                <a16:creationId xmlns:a16="http://schemas.microsoft.com/office/drawing/2014/main" xmlns="" id="{D3810701-32B9-470F-8779-20D1E1966667}"/>
              </a:ext>
            </a:extLst>
          </p:cNvPr>
          <p:cNvSpPr txBox="1">
            <a:spLocks noChangeArrowheads="1"/>
          </p:cNvSpPr>
          <p:nvPr/>
        </p:nvSpPr>
        <p:spPr bwMode="auto">
          <a:xfrm>
            <a:off x="9072886" y="3194831"/>
            <a:ext cx="404278" cy="369332"/>
          </a:xfrm>
          <a:prstGeom prst="rect">
            <a:avLst/>
          </a:prstGeom>
          <a:noFill/>
          <a:ln w="9525">
            <a:noFill/>
            <a:miter lim="800000"/>
            <a:headEnd/>
            <a:tailEnd/>
          </a:ln>
        </p:spPr>
        <p:txBody>
          <a:bodyPr wrap="none">
            <a:spAutoFit/>
          </a:bodyPr>
          <a:lstStyle/>
          <a:p>
            <a:r>
              <a:rPr lang="en-US" altLang="zh-CN" dirty="0"/>
              <a:t>or</a:t>
            </a:r>
          </a:p>
        </p:txBody>
      </p:sp>
      <p:sp>
        <p:nvSpPr>
          <p:cNvPr id="36" name="矩形 35">
            <a:extLst>
              <a:ext uri="{FF2B5EF4-FFF2-40B4-BE49-F238E27FC236}">
                <a16:creationId xmlns:a16="http://schemas.microsoft.com/office/drawing/2014/main" xmlns="" id="{82386BF1-6564-41FA-91DA-820FF1B22220}"/>
              </a:ext>
            </a:extLst>
          </p:cNvPr>
          <p:cNvSpPr/>
          <p:nvPr/>
        </p:nvSpPr>
        <p:spPr>
          <a:xfrm>
            <a:off x="7772990" y="1293941"/>
            <a:ext cx="1632178" cy="369332"/>
          </a:xfrm>
          <a:prstGeom prst="rect">
            <a:avLst/>
          </a:prstGeom>
          <a:noFill/>
        </p:spPr>
        <p:txBody>
          <a:bodyPr wrap="none" rtlCol="0">
            <a:spAutoFit/>
          </a:bodyPr>
          <a:lstStyle/>
          <a:p>
            <a:r>
              <a:rPr lang="en-US" altLang="zh-CN" dirty="0"/>
              <a:t>PC</a:t>
            </a:r>
            <a:r>
              <a:rPr lang="zh-CN" altLang="en-US" dirty="0"/>
              <a:t>（兼容机）</a:t>
            </a:r>
          </a:p>
        </p:txBody>
      </p:sp>
      <p:sp>
        <p:nvSpPr>
          <p:cNvPr id="39" name="圆角矩形 75">
            <a:extLst>
              <a:ext uri="{FF2B5EF4-FFF2-40B4-BE49-F238E27FC236}">
                <a16:creationId xmlns:a16="http://schemas.microsoft.com/office/drawing/2014/main" xmlns="" id="{7872FF08-DB18-4652-834F-25EBA2890ACE}"/>
              </a:ext>
            </a:extLst>
          </p:cNvPr>
          <p:cNvSpPr/>
          <p:nvPr/>
        </p:nvSpPr>
        <p:spPr>
          <a:xfrm>
            <a:off x="2924948" y="2565196"/>
            <a:ext cx="1795013" cy="394020"/>
          </a:xfrm>
          <a:prstGeom prst="roundRect">
            <a:avLst>
              <a:gd name="adj" fmla="val 10604"/>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600" kern="0">
                <a:solidFill>
                  <a:srgbClr val="1D1D1A"/>
                </a:solidFill>
                <a:latin typeface="Huawei Sans" panose="020C0503030203020204" pitchFamily="34" charset="0"/>
                <a:ea typeface="方正兰亭黑简体" panose="02000000000000000000" pitchFamily="2" charset="-122"/>
              </a:rPr>
              <a:t>专用的应用</a:t>
            </a:r>
            <a:endParaRPr lang="zh-CN" altLang="en-US" sz="1600" kern="0" dirty="0">
              <a:solidFill>
                <a:srgbClr val="1D1D1A"/>
              </a:solidFill>
              <a:latin typeface="Huawei Sans" panose="020C0503030203020204" pitchFamily="34" charset="0"/>
              <a:ea typeface="方正兰亭黑简体" panose="02000000000000000000" pitchFamily="2" charset="-122"/>
            </a:endParaRPr>
          </a:p>
        </p:txBody>
      </p:sp>
      <p:sp>
        <p:nvSpPr>
          <p:cNvPr id="40" name="圆角矩形 75">
            <a:extLst>
              <a:ext uri="{FF2B5EF4-FFF2-40B4-BE49-F238E27FC236}">
                <a16:creationId xmlns:a16="http://schemas.microsoft.com/office/drawing/2014/main" xmlns="" id="{8EFFC15A-E75D-477D-874B-96DA3D394E2C}"/>
              </a:ext>
            </a:extLst>
          </p:cNvPr>
          <p:cNvSpPr/>
          <p:nvPr/>
        </p:nvSpPr>
        <p:spPr>
          <a:xfrm>
            <a:off x="2924948" y="3360552"/>
            <a:ext cx="1795013" cy="394020"/>
          </a:xfrm>
          <a:prstGeom prst="roundRect">
            <a:avLst>
              <a:gd name="adj" fmla="val 10604"/>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600" kern="0" dirty="0">
                <a:solidFill>
                  <a:srgbClr val="1D1D1A"/>
                </a:solidFill>
                <a:latin typeface="Huawei Sans" panose="020C0503030203020204" pitchFamily="34" charset="0"/>
                <a:ea typeface="方正兰亭黑简体" panose="02000000000000000000" pitchFamily="2" charset="-122"/>
              </a:rPr>
              <a:t>专用操作系统</a:t>
            </a:r>
          </a:p>
        </p:txBody>
      </p:sp>
      <p:sp>
        <p:nvSpPr>
          <p:cNvPr id="41" name="圆角矩形 75">
            <a:extLst>
              <a:ext uri="{FF2B5EF4-FFF2-40B4-BE49-F238E27FC236}">
                <a16:creationId xmlns:a16="http://schemas.microsoft.com/office/drawing/2014/main" xmlns="" id="{FFD6773D-4871-4688-B0E6-124B3E6AE4FB}"/>
              </a:ext>
            </a:extLst>
          </p:cNvPr>
          <p:cNvSpPr/>
          <p:nvPr/>
        </p:nvSpPr>
        <p:spPr>
          <a:xfrm>
            <a:off x="2924948" y="4117825"/>
            <a:ext cx="1795013" cy="394020"/>
          </a:xfrm>
          <a:prstGeom prst="roundRect">
            <a:avLst>
              <a:gd name="adj" fmla="val 10604"/>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zh-CN" altLang="en-US" sz="1600" kern="0" dirty="0">
                <a:solidFill>
                  <a:srgbClr val="1D1D1A"/>
                </a:solidFill>
                <a:latin typeface="Huawei Sans" panose="020C0503030203020204" pitchFamily="34" charset="0"/>
                <a:ea typeface="方正兰亭黑简体" panose="02000000000000000000" pitchFamily="2" charset="-122"/>
              </a:rPr>
              <a:t>专用的硬件</a:t>
            </a:r>
          </a:p>
        </p:txBody>
      </p:sp>
      <p:grpSp>
        <p:nvGrpSpPr>
          <p:cNvPr id="44" name="Group 51">
            <a:extLst>
              <a:ext uri="{FF2B5EF4-FFF2-40B4-BE49-F238E27FC236}">
                <a16:creationId xmlns:a16="http://schemas.microsoft.com/office/drawing/2014/main" xmlns="" id="{71CD05CD-8B47-423A-91F9-F1AB4AA9972D}"/>
              </a:ext>
            </a:extLst>
          </p:cNvPr>
          <p:cNvGrpSpPr>
            <a:grpSpLocks/>
          </p:cNvGrpSpPr>
          <p:nvPr/>
        </p:nvGrpSpPr>
        <p:grpSpPr bwMode="auto">
          <a:xfrm>
            <a:off x="7077701" y="2496236"/>
            <a:ext cx="2905426" cy="369332"/>
            <a:chOff x="6019800" y="3200400"/>
            <a:chExt cx="2590800" cy="369219"/>
          </a:xfrm>
        </p:grpSpPr>
        <p:cxnSp>
          <p:nvCxnSpPr>
            <p:cNvPr id="45" name="Straight Connector 50">
              <a:extLst>
                <a:ext uri="{FF2B5EF4-FFF2-40B4-BE49-F238E27FC236}">
                  <a16:creationId xmlns:a16="http://schemas.microsoft.com/office/drawing/2014/main" xmlns="" id="{9DB9B11E-02E5-45C0-A263-E7A91F48C2F2}"/>
                </a:ext>
              </a:extLst>
            </p:cNvPr>
            <p:cNvCxnSpPr>
              <a:cxnSpLocks noChangeShapeType="1"/>
            </p:cNvCxnSpPr>
            <p:nvPr/>
          </p:nvCxnSpPr>
          <p:spPr bwMode="auto">
            <a:xfrm>
              <a:off x="6019800" y="3427344"/>
              <a:ext cx="2590800" cy="1587"/>
            </a:xfrm>
            <a:prstGeom prst="line">
              <a:avLst/>
            </a:prstGeom>
            <a:noFill/>
            <a:ln w="25400">
              <a:solidFill>
                <a:schemeClr val="tx1"/>
              </a:solidFill>
              <a:round/>
              <a:headEnd/>
              <a:tailEnd/>
            </a:ln>
            <a:effectLst>
              <a:outerShdw dist="20000" dir="5400000" rotWithShape="0">
                <a:srgbClr val="808080">
                  <a:alpha val="37999"/>
                </a:srgbClr>
              </a:outerShdw>
            </a:effectLst>
          </p:spPr>
        </p:cxnSp>
        <p:sp>
          <p:nvSpPr>
            <p:cNvPr id="46" name="TextBox 23">
              <a:extLst>
                <a:ext uri="{FF2B5EF4-FFF2-40B4-BE49-F238E27FC236}">
                  <a16:creationId xmlns:a16="http://schemas.microsoft.com/office/drawing/2014/main" xmlns="" id="{62B08B39-9097-4F75-81B2-4DAA482B40F1}"/>
                </a:ext>
              </a:extLst>
            </p:cNvPr>
            <p:cNvSpPr txBox="1">
              <a:spLocks noChangeArrowheads="1"/>
            </p:cNvSpPr>
            <p:nvPr/>
          </p:nvSpPr>
          <p:spPr bwMode="auto">
            <a:xfrm>
              <a:off x="6453791" y="3200400"/>
              <a:ext cx="1565496" cy="369219"/>
            </a:xfrm>
            <a:prstGeom prst="rect">
              <a:avLst/>
            </a:prstGeom>
            <a:solidFill>
              <a:srgbClr val="FFFFFF"/>
            </a:solidFill>
            <a:ln w="9525">
              <a:noFill/>
              <a:miter lim="800000"/>
              <a:headEnd/>
              <a:tailEnd/>
            </a:ln>
          </p:spPr>
          <p:txBody>
            <a:bodyPr wrap="none">
              <a:spAutoFit/>
            </a:bodyPr>
            <a:lstStyle/>
            <a:p>
              <a:r>
                <a:rPr lang="en-US" altLang="zh-CN" dirty="0"/>
                <a:t>Open Interface</a:t>
              </a:r>
            </a:p>
          </p:txBody>
        </p:sp>
      </p:grpSp>
      <p:sp>
        <p:nvSpPr>
          <p:cNvPr id="43" name="Right Arrow 157"/>
          <p:cNvSpPr/>
          <p:nvPr/>
        </p:nvSpPr>
        <p:spPr>
          <a:xfrm>
            <a:off x="5285877" y="3079248"/>
            <a:ext cx="1028013" cy="562607"/>
          </a:xfrm>
          <a:prstGeom prst="rightArrow">
            <a:avLst>
              <a:gd name="adj1" fmla="val 40000"/>
              <a:gd name="adj2" fmla="val 50000"/>
            </a:avLst>
          </a:prstGeom>
          <a:gradFill flip="none" rotWithShape="1">
            <a:gsLst>
              <a:gs pos="15000">
                <a:schemeClr val="accent1">
                  <a:lumMod val="5000"/>
                  <a:lumOff val="95000"/>
                  <a:alpha val="0"/>
                </a:schemeClr>
              </a:gs>
              <a:gs pos="81000">
                <a:srgbClr val="99DFF9"/>
              </a:gs>
            </a:gsLst>
            <a:lin ang="0" scaled="1"/>
            <a:tileRect/>
          </a:gradFill>
          <a:ln w="15875">
            <a:gradFill flip="none" rotWithShape="1">
              <a:gsLst>
                <a:gs pos="0">
                  <a:schemeClr val="accent1">
                    <a:lumMod val="5000"/>
                    <a:lumOff val="95000"/>
                  </a:schemeClr>
                </a:gs>
                <a:gs pos="100000">
                  <a:srgbClr val="00B0F0"/>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Right Arrow 157"/>
          <p:cNvSpPr/>
          <p:nvPr/>
        </p:nvSpPr>
        <p:spPr>
          <a:xfrm>
            <a:off x="5270209" y="5164984"/>
            <a:ext cx="1028013" cy="562607"/>
          </a:xfrm>
          <a:prstGeom prst="rightArrow">
            <a:avLst>
              <a:gd name="adj1" fmla="val 40000"/>
              <a:gd name="adj2" fmla="val 50000"/>
            </a:avLst>
          </a:prstGeom>
          <a:gradFill flip="none" rotWithShape="1">
            <a:gsLst>
              <a:gs pos="15000">
                <a:schemeClr val="accent1">
                  <a:lumMod val="5000"/>
                  <a:lumOff val="95000"/>
                  <a:alpha val="0"/>
                </a:schemeClr>
              </a:gs>
              <a:gs pos="81000">
                <a:srgbClr val="99DFF9"/>
              </a:gs>
            </a:gsLst>
            <a:lin ang="0" scaled="1"/>
            <a:tileRect/>
          </a:gradFill>
          <a:ln w="15875">
            <a:gradFill flip="none" rotWithShape="1">
              <a:gsLst>
                <a:gs pos="0">
                  <a:schemeClr val="accent1">
                    <a:lumMod val="5000"/>
                    <a:lumOff val="95000"/>
                  </a:schemeClr>
                </a:gs>
                <a:gs pos="100000">
                  <a:srgbClr val="00B0F0"/>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文本框 37">
            <a:extLst>
              <a:ext uri="{FF2B5EF4-FFF2-40B4-BE49-F238E27FC236}">
                <a16:creationId xmlns:a16="http://schemas.microsoft.com/office/drawing/2014/main" xmlns="" id="{8A301328-FDE1-4950-B9AB-7432D805F2C1}"/>
              </a:ext>
            </a:extLst>
          </p:cNvPr>
          <p:cNvSpPr txBox="1"/>
          <p:nvPr/>
        </p:nvSpPr>
        <p:spPr>
          <a:xfrm>
            <a:off x="2097140" y="5310082"/>
            <a:ext cx="2236510" cy="707053"/>
          </a:xfrm>
          <a:prstGeom prst="rect">
            <a:avLst/>
          </a:prstGeom>
          <a:noFill/>
        </p:spPr>
        <p:txBody>
          <a:bodyPr wrap="none" rtlCol="0">
            <a:spAutoFit/>
          </a:bodyPr>
          <a:lstStyle/>
          <a:p>
            <a:pPr>
              <a:lnSpc>
                <a:spcPct val="130000"/>
              </a:lnSpc>
            </a:pPr>
            <a:r>
              <a:rPr lang="zh-CN" altLang="en-US" sz="1600"/>
              <a:t>垂直集成，封闭接口。</a:t>
            </a:r>
            <a:endParaRPr lang="en-US" altLang="zh-CN" sz="1600"/>
          </a:p>
          <a:p>
            <a:pPr>
              <a:lnSpc>
                <a:spcPct val="130000"/>
              </a:lnSpc>
            </a:pPr>
            <a:r>
              <a:rPr lang="zh-CN" altLang="en-US" sz="1600"/>
              <a:t>小规模行业应用。</a:t>
            </a:r>
          </a:p>
        </p:txBody>
      </p:sp>
      <p:sp>
        <p:nvSpPr>
          <p:cNvPr id="42" name="文本框 41">
            <a:extLst>
              <a:ext uri="{FF2B5EF4-FFF2-40B4-BE49-F238E27FC236}">
                <a16:creationId xmlns:a16="http://schemas.microsoft.com/office/drawing/2014/main" xmlns="" id="{BB862A66-8AFF-459B-B277-68F5C2C685D8}"/>
              </a:ext>
            </a:extLst>
          </p:cNvPr>
          <p:cNvSpPr txBox="1"/>
          <p:nvPr/>
        </p:nvSpPr>
        <p:spPr>
          <a:xfrm>
            <a:off x="7227167" y="5243000"/>
            <a:ext cx="2441694" cy="707053"/>
          </a:xfrm>
          <a:prstGeom prst="rect">
            <a:avLst/>
          </a:prstGeom>
          <a:noFill/>
        </p:spPr>
        <p:txBody>
          <a:bodyPr wrap="none" rtlCol="0">
            <a:spAutoFit/>
          </a:bodyPr>
          <a:lstStyle/>
          <a:p>
            <a:pPr>
              <a:lnSpc>
                <a:spcPct val="130000"/>
              </a:lnSpc>
            </a:pPr>
            <a:r>
              <a:rPr lang="zh-CN" altLang="en-US" sz="1600"/>
              <a:t>水平集成，开放的接口。</a:t>
            </a:r>
            <a:endParaRPr lang="en-US" altLang="zh-CN" sz="1600"/>
          </a:p>
          <a:p>
            <a:pPr>
              <a:lnSpc>
                <a:spcPct val="130000"/>
              </a:lnSpc>
            </a:pPr>
            <a:r>
              <a:rPr lang="zh-CN" altLang="en-US" sz="1600"/>
              <a:t>大规模跨产业应用。</a:t>
            </a:r>
          </a:p>
        </p:txBody>
      </p:sp>
    </p:spTree>
    <p:extLst>
      <p:ext uri="{BB962C8B-B14F-4D97-AF65-F5344CB8AC3E}">
        <p14:creationId xmlns:p14="http://schemas.microsoft.com/office/powerpoint/2010/main" val="220280021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7" name="矩形 106">
            <a:extLst>
              <a:ext uri="{FF2B5EF4-FFF2-40B4-BE49-F238E27FC236}">
                <a16:creationId xmlns:a16="http://schemas.microsoft.com/office/drawing/2014/main" xmlns="" id="{2FEAF152-A9F5-4BF4-B172-84201F169601}"/>
              </a:ext>
            </a:extLst>
          </p:cNvPr>
          <p:cNvSpPr/>
          <p:nvPr/>
        </p:nvSpPr>
        <p:spPr>
          <a:xfrm>
            <a:off x="885972" y="3191384"/>
            <a:ext cx="1719907" cy="323165"/>
          </a:xfrm>
          <a:prstGeom prst="rect">
            <a:avLst/>
          </a:prstGeom>
          <a:solidFill>
            <a:srgbClr val="00B0F0"/>
          </a:solidFill>
          <a:ln>
            <a:noFill/>
          </a:ln>
        </p:spPr>
        <p:txBody>
          <a:bodyPr wrap="square">
            <a:spAutoFit/>
          </a:bodyPr>
          <a:lstStyle/>
          <a:p>
            <a:pPr algn="ctr" defTabSz="1200002">
              <a:spcBef>
                <a:spcPts val="590"/>
              </a:spcBef>
            </a:pPr>
            <a:r>
              <a:rPr lang="zh-CN" altLang="en-US" sz="1500" b="1" kern="0" dirty="0">
                <a:solidFill>
                  <a:schemeClr val="bg1"/>
                </a:solidFill>
                <a:cs typeface="Arial" panose="020B0604020202020204" pitchFamily="34" charset="0"/>
              </a:rPr>
              <a:t>数据库</a:t>
            </a:r>
          </a:p>
        </p:txBody>
      </p:sp>
      <p:sp>
        <p:nvSpPr>
          <p:cNvPr id="108" name="矩形 107">
            <a:extLst>
              <a:ext uri="{FF2B5EF4-FFF2-40B4-BE49-F238E27FC236}">
                <a16:creationId xmlns:a16="http://schemas.microsoft.com/office/drawing/2014/main" xmlns="" id="{9BE694C7-B0B1-4E98-B36C-7A8573F9AB05}"/>
              </a:ext>
            </a:extLst>
          </p:cNvPr>
          <p:cNvSpPr/>
          <p:nvPr/>
        </p:nvSpPr>
        <p:spPr>
          <a:xfrm>
            <a:off x="885972" y="4501987"/>
            <a:ext cx="1719907" cy="323165"/>
          </a:xfrm>
          <a:prstGeom prst="rect">
            <a:avLst/>
          </a:prstGeom>
          <a:solidFill>
            <a:srgbClr val="00B0F0"/>
          </a:solidFill>
          <a:ln>
            <a:noFill/>
          </a:ln>
        </p:spPr>
        <p:txBody>
          <a:bodyPr wrap="square">
            <a:spAutoFit/>
          </a:bodyPr>
          <a:lstStyle/>
          <a:p>
            <a:pPr algn="ctr" defTabSz="1200002">
              <a:spcBef>
                <a:spcPts val="590"/>
              </a:spcBef>
            </a:pPr>
            <a:r>
              <a:rPr lang="zh-CN" altLang="en-US" sz="1500" b="1" kern="0">
                <a:solidFill>
                  <a:schemeClr val="bg1"/>
                </a:solidFill>
                <a:cs typeface="Arial" panose="020B0604020202020204" pitchFamily="34" charset="0"/>
              </a:rPr>
              <a:t>虚拟化</a:t>
            </a:r>
            <a:endParaRPr lang="en-US" altLang="zh-CN" sz="1500" b="1" kern="0" dirty="0">
              <a:solidFill>
                <a:schemeClr val="bg1"/>
              </a:solidFill>
              <a:cs typeface="Arial" panose="020B0604020202020204" pitchFamily="34" charset="0"/>
            </a:endParaRPr>
          </a:p>
        </p:txBody>
      </p:sp>
      <p:sp>
        <p:nvSpPr>
          <p:cNvPr id="109" name="矩形 108">
            <a:extLst>
              <a:ext uri="{FF2B5EF4-FFF2-40B4-BE49-F238E27FC236}">
                <a16:creationId xmlns:a16="http://schemas.microsoft.com/office/drawing/2014/main" xmlns="" id="{6D323AA1-8DA1-4B08-8B96-B7654E73296C}"/>
              </a:ext>
            </a:extLst>
          </p:cNvPr>
          <p:cNvSpPr/>
          <p:nvPr/>
        </p:nvSpPr>
        <p:spPr>
          <a:xfrm>
            <a:off x="885972" y="3628251"/>
            <a:ext cx="1719907" cy="323165"/>
          </a:xfrm>
          <a:prstGeom prst="rect">
            <a:avLst/>
          </a:prstGeom>
          <a:solidFill>
            <a:srgbClr val="00B0F0"/>
          </a:solidFill>
          <a:ln>
            <a:noFill/>
          </a:ln>
        </p:spPr>
        <p:txBody>
          <a:bodyPr wrap="square">
            <a:spAutoFit/>
          </a:bodyPr>
          <a:lstStyle/>
          <a:p>
            <a:pPr algn="ctr" defTabSz="1200002">
              <a:spcBef>
                <a:spcPts val="590"/>
              </a:spcBef>
            </a:pPr>
            <a:r>
              <a:rPr lang="zh-CN" altLang="en-US" sz="1500" b="1" kern="0">
                <a:solidFill>
                  <a:schemeClr val="bg1"/>
                </a:solidFill>
                <a:cs typeface="Arial" panose="020B0604020202020204" pitchFamily="34" charset="0"/>
              </a:rPr>
              <a:t>中间件</a:t>
            </a:r>
            <a:endParaRPr lang="en-US" altLang="zh-CN" sz="1500" b="1" kern="0" dirty="0">
              <a:solidFill>
                <a:schemeClr val="bg1"/>
              </a:solidFill>
              <a:cs typeface="Arial" panose="020B0604020202020204" pitchFamily="34" charset="0"/>
            </a:endParaRPr>
          </a:p>
        </p:txBody>
      </p:sp>
      <p:sp>
        <p:nvSpPr>
          <p:cNvPr id="111" name="矩形 110">
            <a:extLst>
              <a:ext uri="{FF2B5EF4-FFF2-40B4-BE49-F238E27FC236}">
                <a16:creationId xmlns:a16="http://schemas.microsoft.com/office/drawing/2014/main" xmlns="" id="{9674EA42-6C6E-4D95-80E6-6451CEF1441E}"/>
              </a:ext>
            </a:extLst>
          </p:cNvPr>
          <p:cNvSpPr/>
          <p:nvPr/>
        </p:nvSpPr>
        <p:spPr>
          <a:xfrm>
            <a:off x="883736" y="4065119"/>
            <a:ext cx="1724378" cy="323165"/>
          </a:xfrm>
          <a:prstGeom prst="rect">
            <a:avLst/>
          </a:prstGeom>
          <a:solidFill>
            <a:srgbClr val="00B0F0"/>
          </a:solidFill>
          <a:ln>
            <a:noFill/>
          </a:ln>
        </p:spPr>
        <p:txBody>
          <a:bodyPr wrap="square">
            <a:spAutoFit/>
          </a:bodyPr>
          <a:lstStyle/>
          <a:p>
            <a:pPr algn="ctr" defTabSz="1200002">
              <a:spcBef>
                <a:spcPts val="590"/>
              </a:spcBef>
            </a:pPr>
            <a:r>
              <a:rPr lang="zh-CN" altLang="en-US" sz="1500" b="1" kern="0" dirty="0">
                <a:solidFill>
                  <a:schemeClr val="bg1"/>
                </a:solidFill>
                <a:cs typeface="Arial" panose="020B0604020202020204" pitchFamily="34" charset="0"/>
              </a:rPr>
              <a:t>操作系统</a:t>
            </a:r>
          </a:p>
        </p:txBody>
      </p:sp>
      <p:sp>
        <p:nvSpPr>
          <p:cNvPr id="112" name="矩形 111">
            <a:extLst>
              <a:ext uri="{FF2B5EF4-FFF2-40B4-BE49-F238E27FC236}">
                <a16:creationId xmlns:a16="http://schemas.microsoft.com/office/drawing/2014/main" xmlns="" id="{8CAAB71D-E4B9-47B6-B057-3CBBA603FFB4}"/>
              </a:ext>
            </a:extLst>
          </p:cNvPr>
          <p:cNvSpPr/>
          <p:nvPr/>
        </p:nvSpPr>
        <p:spPr>
          <a:xfrm>
            <a:off x="898512" y="5578501"/>
            <a:ext cx="1694826" cy="630942"/>
          </a:xfrm>
          <a:prstGeom prst="rect">
            <a:avLst/>
          </a:prstGeom>
          <a:solidFill>
            <a:srgbClr val="00B0F0"/>
          </a:solidFill>
          <a:ln>
            <a:noFill/>
          </a:ln>
        </p:spPr>
        <p:txBody>
          <a:bodyPr wrap="square">
            <a:spAutoFit/>
          </a:bodyPr>
          <a:lstStyle/>
          <a:p>
            <a:pPr algn="ctr" defTabSz="1200002">
              <a:spcBef>
                <a:spcPts val="590"/>
              </a:spcBef>
            </a:pPr>
            <a:r>
              <a:rPr lang="zh-CN" altLang="en-US" sz="1500" b="1" kern="0">
                <a:solidFill>
                  <a:schemeClr val="bg1"/>
                </a:solidFill>
                <a:cs typeface="Arial" panose="020B0604020202020204" pitchFamily="34" charset="0"/>
                <a:sym typeface="Arial"/>
              </a:rPr>
              <a:t>通用</a:t>
            </a:r>
            <a:endParaRPr lang="en-US" altLang="zh-CN" sz="1500" b="1" kern="0">
              <a:solidFill>
                <a:schemeClr val="bg1"/>
              </a:solidFill>
              <a:cs typeface="Arial" panose="020B0604020202020204" pitchFamily="34" charset="0"/>
              <a:sym typeface="Arial"/>
            </a:endParaRPr>
          </a:p>
          <a:p>
            <a:pPr algn="ctr" defTabSz="1200002">
              <a:spcBef>
                <a:spcPts val="590"/>
              </a:spcBef>
            </a:pPr>
            <a:r>
              <a:rPr lang="zh-CN" altLang="en-US" sz="1500" b="1" kern="0">
                <a:solidFill>
                  <a:schemeClr val="bg1"/>
                </a:solidFill>
                <a:cs typeface="Arial" panose="020B0604020202020204" pitchFamily="34" charset="0"/>
                <a:sym typeface="Arial"/>
              </a:rPr>
              <a:t>硬件</a:t>
            </a:r>
            <a:endParaRPr lang="en-US" altLang="zh-CN" sz="1500" b="1" kern="0" dirty="0">
              <a:solidFill>
                <a:schemeClr val="bg1"/>
              </a:solidFill>
              <a:cs typeface="Arial" panose="020B0604020202020204" pitchFamily="34" charset="0"/>
              <a:sym typeface="Arial"/>
            </a:endParaRPr>
          </a:p>
        </p:txBody>
      </p:sp>
      <p:sp>
        <p:nvSpPr>
          <p:cNvPr id="113" name="矩形 112">
            <a:extLst>
              <a:ext uri="{FF2B5EF4-FFF2-40B4-BE49-F238E27FC236}">
                <a16:creationId xmlns:a16="http://schemas.microsoft.com/office/drawing/2014/main" xmlns="" id="{778213B6-B101-4E9E-BF58-568178873921}"/>
              </a:ext>
            </a:extLst>
          </p:cNvPr>
          <p:cNvSpPr/>
          <p:nvPr/>
        </p:nvSpPr>
        <p:spPr>
          <a:xfrm>
            <a:off x="890347" y="4938853"/>
            <a:ext cx="1711157" cy="553998"/>
          </a:xfrm>
          <a:prstGeom prst="rect">
            <a:avLst/>
          </a:prstGeom>
          <a:solidFill>
            <a:srgbClr val="00B0F0"/>
          </a:solidFill>
          <a:ln>
            <a:noFill/>
          </a:ln>
        </p:spPr>
        <p:txBody>
          <a:bodyPr wrap="square">
            <a:spAutoFit/>
          </a:bodyPr>
          <a:lstStyle/>
          <a:p>
            <a:pPr algn="ctr" defTabSz="1200002">
              <a:spcBef>
                <a:spcPts val="590"/>
              </a:spcBef>
            </a:pPr>
            <a:r>
              <a:rPr lang="zh-CN" altLang="en-US" sz="1500" b="1" kern="0" dirty="0">
                <a:solidFill>
                  <a:schemeClr val="bg1"/>
                </a:solidFill>
                <a:cs typeface="Arial" panose="020B0604020202020204" pitchFamily="34" charset="0"/>
                <a:sym typeface="Arial"/>
              </a:rPr>
              <a:t>服务器、</a:t>
            </a:r>
            <a:r>
              <a:rPr lang="zh-CN" altLang="en-US" sz="1500" b="1" kern="0">
                <a:solidFill>
                  <a:schemeClr val="bg1"/>
                </a:solidFill>
                <a:cs typeface="Arial" panose="020B0604020202020204" pitchFamily="34" charset="0"/>
                <a:sym typeface="Arial"/>
              </a:rPr>
              <a:t>存储、</a:t>
            </a:r>
            <a:r>
              <a:rPr lang="en-US" altLang="zh-CN" sz="1500" b="1" kern="0">
                <a:solidFill>
                  <a:schemeClr val="bg1"/>
                </a:solidFill>
                <a:cs typeface="Arial" panose="020B0604020202020204" pitchFamily="34" charset="0"/>
                <a:sym typeface="Arial"/>
              </a:rPr>
              <a:t>PC</a:t>
            </a:r>
            <a:endParaRPr lang="zh-CN" altLang="en-US" sz="1500" b="1" kern="0" dirty="0">
              <a:solidFill>
                <a:schemeClr val="bg1"/>
              </a:solidFill>
              <a:cs typeface="Arial" panose="020B0604020202020204" pitchFamily="34" charset="0"/>
              <a:sym typeface="Arial"/>
            </a:endParaRPr>
          </a:p>
        </p:txBody>
      </p:sp>
      <p:sp>
        <p:nvSpPr>
          <p:cNvPr id="114" name="矩形 113">
            <a:extLst>
              <a:ext uri="{FF2B5EF4-FFF2-40B4-BE49-F238E27FC236}">
                <a16:creationId xmlns:a16="http://schemas.microsoft.com/office/drawing/2014/main" xmlns="" id="{8F282E23-8907-436E-BDEF-FE04F7A8F74F}"/>
              </a:ext>
            </a:extLst>
          </p:cNvPr>
          <p:cNvSpPr/>
          <p:nvPr/>
        </p:nvSpPr>
        <p:spPr>
          <a:xfrm>
            <a:off x="885972" y="2754517"/>
            <a:ext cx="1719907" cy="323165"/>
          </a:xfrm>
          <a:prstGeom prst="rect">
            <a:avLst/>
          </a:prstGeom>
          <a:solidFill>
            <a:srgbClr val="00B0F0"/>
          </a:solidFill>
          <a:ln>
            <a:noFill/>
          </a:ln>
        </p:spPr>
        <p:txBody>
          <a:bodyPr wrap="square">
            <a:spAutoFit/>
          </a:bodyPr>
          <a:lstStyle/>
          <a:p>
            <a:pPr algn="ctr" defTabSz="1200002">
              <a:spcBef>
                <a:spcPts val="590"/>
              </a:spcBef>
            </a:pPr>
            <a:r>
              <a:rPr lang="zh-CN" altLang="en-US" sz="1500" b="1" kern="0" dirty="0">
                <a:solidFill>
                  <a:schemeClr val="bg1"/>
                </a:solidFill>
                <a:cs typeface="Arial" panose="020B0604020202020204" pitchFamily="34" charset="0"/>
                <a:sym typeface="Arial"/>
              </a:rPr>
              <a:t>云服务</a:t>
            </a:r>
          </a:p>
        </p:txBody>
      </p:sp>
      <p:sp>
        <p:nvSpPr>
          <p:cNvPr id="2" name="标题 1">
            <a:extLst>
              <a:ext uri="{FF2B5EF4-FFF2-40B4-BE49-F238E27FC236}">
                <a16:creationId xmlns:a16="http://schemas.microsoft.com/office/drawing/2014/main" xmlns="" id="{4441B376-E4E8-409B-BDA5-77480DA4A857}"/>
              </a:ext>
            </a:extLst>
          </p:cNvPr>
          <p:cNvSpPr>
            <a:spLocks noGrp="1"/>
          </p:cNvSpPr>
          <p:nvPr>
            <p:ph type="title"/>
          </p:nvPr>
        </p:nvSpPr>
        <p:spPr/>
        <p:txBody>
          <a:bodyPr/>
          <a:lstStyle/>
          <a:p>
            <a:r>
              <a:rPr lang="zh-CN" altLang="en-US" smtClean="0"/>
              <a:t>网络产业发展：来自</a:t>
            </a:r>
            <a:r>
              <a:rPr lang="en-US" altLang="zh-CN" smtClean="0"/>
              <a:t>IT</a:t>
            </a:r>
            <a:r>
              <a:rPr lang="zh-CN" altLang="en-US" smtClean="0"/>
              <a:t>行业的启示</a:t>
            </a:r>
            <a:endParaRPr lang="zh-CN" altLang="en-US"/>
          </a:p>
        </p:txBody>
      </p:sp>
      <p:sp>
        <p:nvSpPr>
          <p:cNvPr id="18" name="TextBox 19">
            <a:extLst>
              <a:ext uri="{FF2B5EF4-FFF2-40B4-BE49-F238E27FC236}">
                <a16:creationId xmlns:a16="http://schemas.microsoft.com/office/drawing/2014/main" xmlns="" id="{B677A75A-25BA-4F1D-9E09-6B72A124D50E}"/>
              </a:ext>
            </a:extLst>
          </p:cNvPr>
          <p:cNvSpPr txBox="1"/>
          <p:nvPr/>
        </p:nvSpPr>
        <p:spPr>
          <a:xfrm>
            <a:off x="7596155" y="5639987"/>
            <a:ext cx="3011475" cy="584775"/>
          </a:xfrm>
          <a:prstGeom prst="rect">
            <a:avLst/>
          </a:prstGeom>
        </p:spPr>
        <p:txBody>
          <a:bodyPr wrap="square" rtlCol="0">
            <a:spAutoFit/>
          </a:bodyPr>
          <a:lstStyle/>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zh-CN" altLang="en-US" sz="1600" i="0" u="none" strike="noStrike" kern="0" cap="none" spc="0" normalizeH="0" baseline="0" noProof="0" dirty="0">
                <a:ln>
                  <a:noFill/>
                </a:ln>
                <a:solidFill>
                  <a:srgbClr val="EC7061"/>
                </a:solidFill>
                <a:effectLst/>
                <a:uLnTx/>
                <a:uFillTx/>
              </a:rPr>
              <a:t>网络产业是否参考计算产业，打造分层、开放的生态架构？</a:t>
            </a:r>
            <a:endParaRPr kumimoji="0" lang="en-US" sz="1600" i="0" u="none" strike="noStrike" kern="0" cap="none" spc="0" normalizeH="0" baseline="0" noProof="0" dirty="0">
              <a:ln>
                <a:noFill/>
              </a:ln>
              <a:solidFill>
                <a:srgbClr val="EC7061"/>
              </a:solidFill>
              <a:effectLst/>
              <a:uLnTx/>
              <a:uFillTx/>
            </a:endParaRPr>
          </a:p>
        </p:txBody>
      </p:sp>
      <p:sp>
        <p:nvSpPr>
          <p:cNvPr id="27" name="文本框 26">
            <a:extLst>
              <a:ext uri="{FF2B5EF4-FFF2-40B4-BE49-F238E27FC236}">
                <a16:creationId xmlns:a16="http://schemas.microsoft.com/office/drawing/2014/main" xmlns="" id="{C274E796-EDAA-42C6-BF5A-0BF5DBBC492D}"/>
              </a:ext>
            </a:extLst>
          </p:cNvPr>
          <p:cNvSpPr txBox="1"/>
          <p:nvPr/>
        </p:nvSpPr>
        <p:spPr>
          <a:xfrm>
            <a:off x="446089" y="1233488"/>
            <a:ext cx="11120478" cy="812530"/>
          </a:xfrm>
          <a:prstGeom prst="rect">
            <a:avLst/>
          </a:prstGeom>
          <a:noFill/>
        </p:spPr>
        <p:txBody>
          <a:bodyPr wrap="square" rtlCol="0">
            <a:spAutoFit/>
          </a:bodyPr>
          <a:lstStyle/>
          <a:p>
            <a:pPr marL="285750" indent="-285750">
              <a:lnSpc>
                <a:spcPct val="130000"/>
              </a:lnSpc>
              <a:buFont typeface="Arial" panose="020B0604020202020204" pitchFamily="34" charset="0"/>
              <a:buChar char="•"/>
            </a:pPr>
            <a:r>
              <a:rPr lang="en-US" altLang="zh-CN" dirty="0"/>
              <a:t>IT</a:t>
            </a:r>
            <a:r>
              <a:rPr lang="zh-CN" altLang="en-US" dirty="0"/>
              <a:t>产业的变革引发了网络产业的思考。业界开始提出</a:t>
            </a:r>
            <a:r>
              <a:rPr lang="en-US" altLang="zh-CN" dirty="0"/>
              <a:t>SDN</a:t>
            </a:r>
            <a:r>
              <a:rPr lang="zh-CN" altLang="en-US" dirty="0"/>
              <a:t>（</a:t>
            </a:r>
            <a:r>
              <a:rPr lang="en-US" altLang="zh-CN" dirty="0"/>
              <a:t>Software Defined Networking</a:t>
            </a:r>
            <a:r>
              <a:rPr lang="zh-CN" altLang="en-US" dirty="0"/>
              <a:t>）的概念，并不断在其商用化进程上作出尝试。目的是希望网络变得更开放、灵活和简单。</a:t>
            </a:r>
          </a:p>
        </p:txBody>
      </p:sp>
      <p:sp>
        <p:nvSpPr>
          <p:cNvPr id="104" name="文本框 103">
            <a:extLst>
              <a:ext uri="{FF2B5EF4-FFF2-40B4-BE49-F238E27FC236}">
                <a16:creationId xmlns:a16="http://schemas.microsoft.com/office/drawing/2014/main" xmlns="" id="{A66BDC5F-405D-4A47-BD21-032761C79190}"/>
              </a:ext>
            </a:extLst>
          </p:cNvPr>
          <p:cNvSpPr txBox="1"/>
          <p:nvPr/>
        </p:nvSpPr>
        <p:spPr>
          <a:xfrm>
            <a:off x="7593646" y="3728962"/>
            <a:ext cx="407348" cy="107722"/>
          </a:xfrm>
          <a:prstGeom prst="rect">
            <a:avLst/>
          </a:prstGeom>
          <a:noFill/>
        </p:spPr>
        <p:txBody>
          <a:bodyPr wrap="square" rtlCol="0">
            <a:spAutoFit/>
          </a:bodyPr>
          <a:lstStyle/>
          <a:p>
            <a:r>
              <a:rPr lang="en-US" altLang="zh-CN" sz="100" dirty="0"/>
              <a:t>…</a:t>
            </a:r>
            <a:endParaRPr lang="zh-CN" altLang="en-US" sz="100" dirty="0"/>
          </a:p>
        </p:txBody>
      </p:sp>
      <p:sp>
        <p:nvSpPr>
          <p:cNvPr id="105" name="文本框 104">
            <a:extLst>
              <a:ext uri="{FF2B5EF4-FFF2-40B4-BE49-F238E27FC236}">
                <a16:creationId xmlns:a16="http://schemas.microsoft.com/office/drawing/2014/main" xmlns="" id="{93298508-B9FA-492A-9A3D-165CFB260EC5}"/>
              </a:ext>
            </a:extLst>
          </p:cNvPr>
          <p:cNvSpPr txBox="1"/>
          <p:nvPr/>
        </p:nvSpPr>
        <p:spPr>
          <a:xfrm>
            <a:off x="7517980" y="5470779"/>
            <a:ext cx="407348" cy="107722"/>
          </a:xfrm>
          <a:prstGeom prst="rect">
            <a:avLst/>
          </a:prstGeom>
          <a:noFill/>
        </p:spPr>
        <p:txBody>
          <a:bodyPr wrap="square" rtlCol="0">
            <a:spAutoFit/>
          </a:bodyPr>
          <a:lstStyle/>
          <a:p>
            <a:r>
              <a:rPr lang="en-US" altLang="zh-CN" sz="100" dirty="0"/>
              <a:t>…</a:t>
            </a:r>
            <a:endParaRPr lang="zh-CN" altLang="en-US" sz="100" dirty="0"/>
          </a:p>
        </p:txBody>
      </p:sp>
      <p:sp>
        <p:nvSpPr>
          <p:cNvPr id="106" name="文本框 105">
            <a:extLst>
              <a:ext uri="{FF2B5EF4-FFF2-40B4-BE49-F238E27FC236}">
                <a16:creationId xmlns:a16="http://schemas.microsoft.com/office/drawing/2014/main" xmlns="" id="{1455A8F8-8751-4800-A925-10CB4A06560C}"/>
              </a:ext>
            </a:extLst>
          </p:cNvPr>
          <p:cNvSpPr txBox="1"/>
          <p:nvPr/>
        </p:nvSpPr>
        <p:spPr>
          <a:xfrm>
            <a:off x="7621478" y="4532388"/>
            <a:ext cx="407348" cy="107722"/>
          </a:xfrm>
          <a:prstGeom prst="rect">
            <a:avLst/>
          </a:prstGeom>
          <a:noFill/>
        </p:spPr>
        <p:txBody>
          <a:bodyPr wrap="square" rtlCol="0">
            <a:spAutoFit/>
          </a:bodyPr>
          <a:lstStyle/>
          <a:p>
            <a:r>
              <a:rPr lang="en-US" altLang="zh-CN" sz="100" dirty="0"/>
              <a:t>…</a:t>
            </a:r>
            <a:endParaRPr lang="zh-CN" altLang="en-US" sz="100" dirty="0"/>
          </a:p>
        </p:txBody>
      </p:sp>
      <p:sp>
        <p:nvSpPr>
          <p:cNvPr id="81" name="圆角矩形 164">
            <a:extLst>
              <a:ext uri="{FF2B5EF4-FFF2-40B4-BE49-F238E27FC236}">
                <a16:creationId xmlns:a16="http://schemas.microsoft.com/office/drawing/2014/main" xmlns="" id="{5C96959D-0985-4267-9B63-AFDFB37ED38E}"/>
              </a:ext>
            </a:extLst>
          </p:cNvPr>
          <p:cNvSpPr/>
          <p:nvPr/>
        </p:nvSpPr>
        <p:spPr>
          <a:xfrm>
            <a:off x="2787164" y="4717792"/>
            <a:ext cx="4258884" cy="736472"/>
          </a:xfrm>
          <a:prstGeom prst="roundRect">
            <a:avLst>
              <a:gd name="adj" fmla="val 5759"/>
            </a:avLst>
          </a:prstGeom>
          <a:solidFill>
            <a:srgbClr val="F3FBFE">
              <a:alpha val="80000"/>
            </a:srgbClr>
          </a:solidFill>
          <a:ln w="3175">
            <a:solidFill>
              <a:srgbClr val="99DFF9"/>
            </a:solidFill>
            <a:miter lim="400000"/>
          </a:ln>
        </p:spPr>
        <p:txBody>
          <a:bodyPr lIns="37035" tIns="37035" rIns="37035" bIns="37035" anchor="ctr"/>
          <a:lstStyle/>
          <a:p>
            <a:pPr defTabSz="601816"/>
            <a:endParaRPr sz="1400" kern="0" dirty="0">
              <a:solidFill>
                <a:srgbClr val="FFFFFF"/>
              </a:solidFill>
              <a:cs typeface="Huawei Sans" panose="020C0503030203020204" pitchFamily="34" charset="0"/>
              <a:sym typeface="Arial"/>
            </a:endParaRPr>
          </a:p>
        </p:txBody>
      </p:sp>
      <p:sp>
        <p:nvSpPr>
          <p:cNvPr id="82" name="圆角矩形 164">
            <a:extLst>
              <a:ext uri="{FF2B5EF4-FFF2-40B4-BE49-F238E27FC236}">
                <a16:creationId xmlns:a16="http://schemas.microsoft.com/office/drawing/2014/main" xmlns="" id="{AF9FB32D-9DBF-4DC7-BA10-FDC01715B11A}"/>
              </a:ext>
            </a:extLst>
          </p:cNvPr>
          <p:cNvSpPr/>
          <p:nvPr/>
        </p:nvSpPr>
        <p:spPr>
          <a:xfrm>
            <a:off x="2792699" y="5529709"/>
            <a:ext cx="4266615" cy="767168"/>
          </a:xfrm>
          <a:prstGeom prst="roundRect">
            <a:avLst>
              <a:gd name="adj" fmla="val 5759"/>
            </a:avLst>
          </a:prstGeom>
          <a:solidFill>
            <a:srgbClr val="F3FBFE">
              <a:alpha val="80000"/>
            </a:srgbClr>
          </a:solidFill>
          <a:ln w="3175">
            <a:solidFill>
              <a:srgbClr val="99DFF9"/>
            </a:solidFill>
            <a:miter lim="400000"/>
          </a:ln>
        </p:spPr>
        <p:txBody>
          <a:bodyPr lIns="37035" tIns="37035" rIns="37035" bIns="37035" anchor="ctr"/>
          <a:lstStyle/>
          <a:p>
            <a:pPr defTabSz="601816"/>
            <a:endParaRPr sz="1400" kern="0" dirty="0">
              <a:solidFill>
                <a:srgbClr val="FFFFFF"/>
              </a:solidFill>
              <a:cs typeface="Huawei Sans" panose="020C0503030203020204" pitchFamily="34" charset="0"/>
              <a:sym typeface="Arial"/>
            </a:endParaRPr>
          </a:p>
        </p:txBody>
      </p:sp>
      <p:sp>
        <p:nvSpPr>
          <p:cNvPr id="83" name="圆角矩形 164">
            <a:extLst>
              <a:ext uri="{FF2B5EF4-FFF2-40B4-BE49-F238E27FC236}">
                <a16:creationId xmlns:a16="http://schemas.microsoft.com/office/drawing/2014/main" xmlns="" id="{033EB07B-62BD-4A28-A6D3-D279027B10F9}"/>
              </a:ext>
            </a:extLst>
          </p:cNvPr>
          <p:cNvSpPr/>
          <p:nvPr/>
        </p:nvSpPr>
        <p:spPr>
          <a:xfrm>
            <a:off x="2792811" y="3425817"/>
            <a:ext cx="4258806" cy="1228805"/>
          </a:xfrm>
          <a:prstGeom prst="roundRect">
            <a:avLst>
              <a:gd name="adj" fmla="val 5759"/>
            </a:avLst>
          </a:prstGeom>
          <a:solidFill>
            <a:srgbClr val="F3FBFE">
              <a:alpha val="80000"/>
            </a:srgbClr>
          </a:solidFill>
          <a:ln w="3175">
            <a:solidFill>
              <a:srgbClr val="99DFF9"/>
            </a:solidFill>
            <a:miter lim="400000"/>
          </a:ln>
        </p:spPr>
        <p:txBody>
          <a:bodyPr lIns="37035" tIns="37035" rIns="37035" bIns="37035" anchor="ctr"/>
          <a:lstStyle/>
          <a:p>
            <a:pPr defTabSz="601816"/>
            <a:endParaRPr sz="1400" kern="0" dirty="0">
              <a:solidFill>
                <a:srgbClr val="FFFFFF"/>
              </a:solidFill>
              <a:cs typeface="Huawei Sans" panose="020C0503030203020204" pitchFamily="34" charset="0"/>
              <a:sym typeface="Arial"/>
            </a:endParaRPr>
          </a:p>
        </p:txBody>
      </p:sp>
      <p:pic>
        <p:nvPicPr>
          <p:cNvPr id="84" name="图片 83">
            <a:extLst>
              <a:ext uri="{FF2B5EF4-FFF2-40B4-BE49-F238E27FC236}">
                <a16:creationId xmlns:a16="http://schemas.microsoft.com/office/drawing/2014/main" xmlns="" id="{D170ECF5-3D45-443B-B35F-4FAD78EBFCBF}"/>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35998" y="4624624"/>
            <a:ext cx="1208607" cy="679380"/>
          </a:xfrm>
          <a:prstGeom prst="rect">
            <a:avLst/>
          </a:prstGeom>
        </p:spPr>
      </p:pic>
      <p:sp>
        <p:nvSpPr>
          <p:cNvPr id="88" name="文本框 2">
            <a:extLst>
              <a:ext uri="{FF2B5EF4-FFF2-40B4-BE49-F238E27FC236}">
                <a16:creationId xmlns:a16="http://schemas.microsoft.com/office/drawing/2014/main" xmlns="" id="{50518580-5F39-4178-9E83-E27B5A01E532}"/>
              </a:ext>
            </a:extLst>
          </p:cNvPr>
          <p:cNvSpPr txBox="1"/>
          <p:nvPr/>
        </p:nvSpPr>
        <p:spPr>
          <a:xfrm>
            <a:off x="3290470" y="4228062"/>
            <a:ext cx="1691195" cy="37254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en-US" sz="1400" kern="0" dirty="0" err="1">
                <a:solidFill>
                  <a:prstClr val="black"/>
                </a:solidFill>
                <a:cs typeface="Huawei Sans" panose="020C0503030203020204" pitchFamily="34" charset="0"/>
                <a:sym typeface="Arial"/>
              </a:rPr>
              <a:t>F</a:t>
            </a:r>
            <a:r>
              <a:rPr lang="en-US" altLang="zh-CN" sz="1400" kern="0" dirty="0" err="1">
                <a:solidFill>
                  <a:prstClr val="black"/>
                </a:solidFill>
                <a:cs typeface="Huawei Sans" panose="020C0503030203020204" pitchFamily="34" charset="0"/>
                <a:sym typeface="Arial"/>
              </a:rPr>
              <a:t>usionSphere</a:t>
            </a:r>
            <a:endParaRPr sz="1400" kern="0" dirty="0">
              <a:solidFill>
                <a:prstClr val="black"/>
              </a:solidFill>
              <a:cs typeface="Huawei Sans" panose="020C0503030203020204" pitchFamily="34" charset="0"/>
              <a:sym typeface="Arial"/>
            </a:endParaRPr>
          </a:p>
        </p:txBody>
      </p:sp>
      <p:sp>
        <p:nvSpPr>
          <p:cNvPr id="89" name="文本框 2">
            <a:extLst>
              <a:ext uri="{FF2B5EF4-FFF2-40B4-BE49-F238E27FC236}">
                <a16:creationId xmlns:a16="http://schemas.microsoft.com/office/drawing/2014/main" xmlns="" id="{B25673A0-9F8D-4037-B9D9-E2F296A27488}"/>
              </a:ext>
            </a:extLst>
          </p:cNvPr>
          <p:cNvSpPr txBox="1"/>
          <p:nvPr/>
        </p:nvSpPr>
        <p:spPr>
          <a:xfrm>
            <a:off x="3033585" y="5150773"/>
            <a:ext cx="1797689" cy="3013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400" kern="0" dirty="0">
                <a:solidFill>
                  <a:prstClr val="black"/>
                </a:solidFill>
                <a:cs typeface="Huawei Sans" panose="020C0503030203020204" pitchFamily="34" charset="0"/>
                <a:sym typeface="Arial"/>
              </a:rPr>
              <a:t>X86/ARM</a:t>
            </a:r>
            <a:r>
              <a:rPr lang="zh-CN" altLang="en-US" sz="1400" kern="0" dirty="0">
                <a:solidFill>
                  <a:prstClr val="black"/>
                </a:solidFill>
                <a:cs typeface="Huawei Sans" panose="020C0503030203020204" pitchFamily="34" charset="0"/>
                <a:sym typeface="Arial"/>
              </a:rPr>
              <a:t>架构服务器</a:t>
            </a:r>
          </a:p>
        </p:txBody>
      </p:sp>
      <p:sp>
        <p:nvSpPr>
          <p:cNvPr id="92" name="文本框 2">
            <a:extLst>
              <a:ext uri="{FF2B5EF4-FFF2-40B4-BE49-F238E27FC236}">
                <a16:creationId xmlns:a16="http://schemas.microsoft.com/office/drawing/2014/main" xmlns="" id="{B7524091-C443-4892-B3AF-39F690366239}"/>
              </a:ext>
            </a:extLst>
          </p:cNvPr>
          <p:cNvSpPr txBox="1"/>
          <p:nvPr/>
        </p:nvSpPr>
        <p:spPr>
          <a:xfrm>
            <a:off x="4730731" y="5803176"/>
            <a:ext cx="1797689" cy="3013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400" kern="0" dirty="0">
                <a:solidFill>
                  <a:prstClr val="black"/>
                </a:solidFill>
                <a:cs typeface="Huawei Sans" panose="020C0503030203020204" pitchFamily="34" charset="0"/>
                <a:sym typeface="Arial"/>
              </a:rPr>
              <a:t>内存      硬盘</a:t>
            </a:r>
          </a:p>
        </p:txBody>
      </p:sp>
      <p:pic>
        <p:nvPicPr>
          <p:cNvPr id="97" name="Picture 2" descr="C:\Users\s00417407\AppData\Roaming\eSpace_Desktop\UserData\s00417407\imagefiles\originalImgfiles\78FF9F01-40B7-401F-BC6F-619B265EE89E.png">
            <a:extLst>
              <a:ext uri="{FF2B5EF4-FFF2-40B4-BE49-F238E27FC236}">
                <a16:creationId xmlns:a16="http://schemas.microsoft.com/office/drawing/2014/main" xmlns="" id="{1909BD89-9A41-4FD1-BB1F-8B2D2981C435}"/>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373999" y="3858916"/>
            <a:ext cx="911712" cy="320217"/>
          </a:xfrm>
          <a:prstGeom prst="rect">
            <a:avLst/>
          </a:prstGeom>
          <a:noFill/>
          <a:extLst>
            <a:ext uri="{909E8E84-426E-40DD-AFC4-6F175D3DCCD1}">
              <a14:hiddenFill xmlns:a14="http://schemas.microsoft.com/office/drawing/2010/main">
                <a:solidFill>
                  <a:srgbClr val="FFFFFF"/>
                </a:solidFill>
              </a14:hiddenFill>
            </a:ext>
          </a:extLst>
        </p:spPr>
      </p:pic>
      <p:sp>
        <p:nvSpPr>
          <p:cNvPr id="98" name="文本框 2">
            <a:extLst>
              <a:ext uri="{FF2B5EF4-FFF2-40B4-BE49-F238E27FC236}">
                <a16:creationId xmlns:a16="http://schemas.microsoft.com/office/drawing/2014/main" xmlns="" id="{DE710750-0A62-4F2D-ABFD-FFDAD2165954}"/>
              </a:ext>
            </a:extLst>
          </p:cNvPr>
          <p:cNvSpPr txBox="1"/>
          <p:nvPr/>
        </p:nvSpPr>
        <p:spPr>
          <a:xfrm>
            <a:off x="4998302" y="3543584"/>
            <a:ext cx="1902117" cy="1055359"/>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400" kern="0" dirty="0">
                <a:solidFill>
                  <a:prstClr val="black"/>
                </a:solidFill>
                <a:cs typeface="Huawei Sans" panose="020C0503030203020204" pitchFamily="34" charset="0"/>
                <a:sym typeface="Arial"/>
              </a:rPr>
              <a:t>丰富的虚拟化技术、操作系统、中间件、数据库软件</a:t>
            </a:r>
            <a:r>
              <a:rPr lang="en-US" altLang="zh-CN" sz="1400" kern="0" dirty="0">
                <a:solidFill>
                  <a:prstClr val="black"/>
                </a:solidFill>
                <a:cs typeface="Huawei Sans" panose="020C0503030203020204" pitchFamily="34" charset="0"/>
                <a:sym typeface="Arial"/>
              </a:rPr>
              <a:t>…</a:t>
            </a:r>
            <a:endParaRPr sz="1400" kern="0" dirty="0">
              <a:solidFill>
                <a:prstClr val="black"/>
              </a:solidFill>
              <a:cs typeface="Huawei Sans" panose="020C0503030203020204" pitchFamily="34" charset="0"/>
              <a:sym typeface="Arial"/>
            </a:endParaRPr>
          </a:p>
        </p:txBody>
      </p:sp>
      <p:sp>
        <p:nvSpPr>
          <p:cNvPr id="116" name="圆角矩形 164">
            <a:extLst>
              <a:ext uri="{FF2B5EF4-FFF2-40B4-BE49-F238E27FC236}">
                <a16:creationId xmlns:a16="http://schemas.microsoft.com/office/drawing/2014/main" xmlns="" id="{526021B2-294B-4501-A44F-B393990D7248}"/>
              </a:ext>
            </a:extLst>
          </p:cNvPr>
          <p:cNvSpPr/>
          <p:nvPr/>
        </p:nvSpPr>
        <p:spPr>
          <a:xfrm>
            <a:off x="2792811" y="2724994"/>
            <a:ext cx="4253237" cy="640901"/>
          </a:xfrm>
          <a:prstGeom prst="roundRect">
            <a:avLst>
              <a:gd name="adj" fmla="val 5759"/>
            </a:avLst>
          </a:prstGeom>
          <a:solidFill>
            <a:srgbClr val="F3FBFE">
              <a:alpha val="80000"/>
            </a:srgbClr>
          </a:solidFill>
          <a:ln w="3175">
            <a:solidFill>
              <a:srgbClr val="99DFF9"/>
            </a:solidFill>
            <a:miter lim="400000"/>
          </a:ln>
        </p:spPr>
        <p:txBody>
          <a:bodyPr lIns="37035" tIns="37035" rIns="37035" bIns="37035" anchor="ctr"/>
          <a:lstStyle/>
          <a:p>
            <a:pPr defTabSz="601816"/>
            <a:endParaRPr sz="1400" kern="0" dirty="0">
              <a:solidFill>
                <a:srgbClr val="FFFFFF"/>
              </a:solidFill>
              <a:cs typeface="Huawei Sans" panose="020C0503030203020204" pitchFamily="34" charset="0"/>
              <a:sym typeface="Arial"/>
            </a:endParaRPr>
          </a:p>
        </p:txBody>
      </p:sp>
      <p:sp>
        <p:nvSpPr>
          <p:cNvPr id="119" name="文本框 2">
            <a:extLst>
              <a:ext uri="{FF2B5EF4-FFF2-40B4-BE49-F238E27FC236}">
                <a16:creationId xmlns:a16="http://schemas.microsoft.com/office/drawing/2014/main" xmlns="" id="{4E5C3A9E-6BA3-4D00-BEA1-4F96903E41D2}"/>
              </a:ext>
            </a:extLst>
          </p:cNvPr>
          <p:cNvSpPr txBox="1"/>
          <p:nvPr/>
        </p:nvSpPr>
        <p:spPr>
          <a:xfrm>
            <a:off x="2941577" y="6005150"/>
            <a:ext cx="1797689" cy="3013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400" kern="0" dirty="0">
                <a:solidFill>
                  <a:prstClr val="black"/>
                </a:solidFill>
                <a:cs typeface="Huawei Sans" panose="020C0503030203020204" pitchFamily="34" charset="0"/>
                <a:sym typeface="Arial"/>
              </a:rPr>
              <a:t>X86/ARM</a:t>
            </a:r>
            <a:r>
              <a:rPr lang="zh-CN" altLang="en-US" sz="1400" kern="0" dirty="0">
                <a:solidFill>
                  <a:prstClr val="black"/>
                </a:solidFill>
                <a:cs typeface="Huawei Sans" panose="020C0503030203020204" pitchFamily="34" charset="0"/>
                <a:sym typeface="Arial"/>
              </a:rPr>
              <a:t>架构芯片</a:t>
            </a:r>
          </a:p>
        </p:txBody>
      </p:sp>
      <p:pic>
        <p:nvPicPr>
          <p:cNvPr id="120" name="Kunpeng 920   鲲鹏920-算.png">
            <a:extLst>
              <a:ext uri="{FF2B5EF4-FFF2-40B4-BE49-F238E27FC236}">
                <a16:creationId xmlns:a16="http://schemas.microsoft.com/office/drawing/2014/main" xmlns="" id="{64D6A783-C204-4431-895A-966758F3B224}"/>
              </a:ext>
            </a:extLst>
          </p:cNvPr>
          <p:cNvPicPr>
            <a:picLocks noChangeAspect="1"/>
          </p:cNvPicPr>
          <p:nvPr/>
        </p:nvPicPr>
        <p:blipFill>
          <a:blip r:embed="rId5">
            <a:extLst>
              <a:ext uri="{BEBA8EAE-BF5A-486C-A8C5-ECC9F3942E4B}">
                <a14:imgProps xmlns:a14="http://schemas.microsoft.com/office/drawing/2010/main">
                  <a14:imgLayer r:embed="rId6">
                    <a14:imgEffect>
                      <a14:brightnessContrast bright="20000" contrast="-40000"/>
                    </a14:imgEffect>
                  </a14:imgLayer>
                </a14:imgProps>
              </a:ext>
            </a:extLst>
          </a:blip>
          <a:stretch>
            <a:fillRect/>
          </a:stretch>
        </p:blipFill>
        <p:spPr>
          <a:xfrm>
            <a:off x="3551873" y="5559777"/>
            <a:ext cx="537786" cy="383794"/>
          </a:xfrm>
          <a:prstGeom prst="rect">
            <a:avLst/>
          </a:prstGeom>
          <a:ln w="3175">
            <a:miter lim="400000"/>
          </a:ln>
        </p:spPr>
      </p:pic>
      <p:sp>
        <p:nvSpPr>
          <p:cNvPr id="121" name="文本框 2">
            <a:extLst>
              <a:ext uri="{FF2B5EF4-FFF2-40B4-BE49-F238E27FC236}">
                <a16:creationId xmlns:a16="http://schemas.microsoft.com/office/drawing/2014/main" xmlns="" id="{E1621979-698F-4DEB-A49A-53080DE34C12}"/>
              </a:ext>
            </a:extLst>
          </p:cNvPr>
          <p:cNvSpPr txBox="1"/>
          <p:nvPr/>
        </p:nvSpPr>
        <p:spPr>
          <a:xfrm>
            <a:off x="6279183" y="5719757"/>
            <a:ext cx="697533" cy="362861"/>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kern="0" dirty="0">
                <a:solidFill>
                  <a:prstClr val="black"/>
                </a:solidFill>
                <a:cs typeface="Huawei Sans" panose="020C0503030203020204" pitchFamily="34" charset="0"/>
                <a:sym typeface="Arial"/>
              </a:rPr>
              <a:t>…</a:t>
            </a:r>
            <a:endParaRPr lang="zh-CN" altLang="en-US" sz="1400" kern="0" dirty="0">
              <a:solidFill>
                <a:prstClr val="black"/>
              </a:solidFill>
              <a:cs typeface="Huawei Sans" panose="020C0503030203020204" pitchFamily="34" charset="0"/>
              <a:sym typeface="Arial"/>
            </a:endParaRPr>
          </a:p>
        </p:txBody>
      </p:sp>
      <p:sp>
        <p:nvSpPr>
          <p:cNvPr id="124" name="文本框 2">
            <a:extLst>
              <a:ext uri="{FF2B5EF4-FFF2-40B4-BE49-F238E27FC236}">
                <a16:creationId xmlns:a16="http://schemas.microsoft.com/office/drawing/2014/main" xmlns="" id="{7BB9C548-9157-43C5-A804-1F453D439E2E}"/>
              </a:ext>
            </a:extLst>
          </p:cNvPr>
          <p:cNvSpPr txBox="1"/>
          <p:nvPr/>
        </p:nvSpPr>
        <p:spPr>
          <a:xfrm>
            <a:off x="4758937" y="4979035"/>
            <a:ext cx="1797689" cy="3013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400" kern="0" dirty="0">
                <a:solidFill>
                  <a:prstClr val="black"/>
                </a:solidFill>
                <a:cs typeface="Huawei Sans" panose="020C0503030203020204" pitchFamily="34" charset="0"/>
                <a:sym typeface="Arial"/>
              </a:rPr>
              <a:t>存储阵列    </a:t>
            </a:r>
            <a:r>
              <a:rPr lang="en-US" altLang="zh-CN" sz="1400" kern="0" dirty="0">
                <a:solidFill>
                  <a:prstClr val="black"/>
                </a:solidFill>
                <a:cs typeface="Huawei Sans" panose="020C0503030203020204" pitchFamily="34" charset="0"/>
                <a:sym typeface="Arial"/>
              </a:rPr>
              <a:t>PC  </a:t>
            </a:r>
            <a:endParaRPr lang="zh-CN" altLang="en-US" sz="1400" kern="0" dirty="0">
              <a:solidFill>
                <a:prstClr val="black"/>
              </a:solidFill>
              <a:cs typeface="Huawei Sans" panose="020C0503030203020204" pitchFamily="34" charset="0"/>
              <a:sym typeface="Arial"/>
            </a:endParaRPr>
          </a:p>
        </p:txBody>
      </p:sp>
      <p:sp>
        <p:nvSpPr>
          <p:cNvPr id="127" name="文本框 2">
            <a:extLst>
              <a:ext uri="{FF2B5EF4-FFF2-40B4-BE49-F238E27FC236}">
                <a16:creationId xmlns:a16="http://schemas.microsoft.com/office/drawing/2014/main" xmlns="" id="{90724FC0-FFE9-4299-B114-B2A276A70603}"/>
              </a:ext>
            </a:extLst>
          </p:cNvPr>
          <p:cNvSpPr txBox="1"/>
          <p:nvPr/>
        </p:nvSpPr>
        <p:spPr>
          <a:xfrm>
            <a:off x="6291058" y="4866185"/>
            <a:ext cx="697533" cy="362861"/>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kern="0" dirty="0">
                <a:solidFill>
                  <a:prstClr val="black"/>
                </a:solidFill>
                <a:cs typeface="Huawei Sans" panose="020C0503030203020204" pitchFamily="34" charset="0"/>
                <a:sym typeface="Arial"/>
              </a:rPr>
              <a:t>…</a:t>
            </a:r>
            <a:endParaRPr lang="zh-CN" altLang="en-US" sz="1400" kern="0" dirty="0">
              <a:solidFill>
                <a:prstClr val="black"/>
              </a:solidFill>
              <a:cs typeface="Huawei Sans" panose="020C0503030203020204" pitchFamily="34" charset="0"/>
              <a:sym typeface="Arial"/>
            </a:endParaRPr>
          </a:p>
        </p:txBody>
      </p:sp>
      <p:pic>
        <p:nvPicPr>
          <p:cNvPr id="128" name="图片 127">
            <a:extLst>
              <a:ext uri="{FF2B5EF4-FFF2-40B4-BE49-F238E27FC236}">
                <a16:creationId xmlns:a16="http://schemas.microsoft.com/office/drawing/2014/main" xmlns="" id="{8175C20B-2434-458F-AD76-316E046F2C87}"/>
              </a:ext>
            </a:extLst>
          </p:cNvPr>
          <p:cNvPicPr>
            <a:picLocks noChangeAspect="1"/>
          </p:cNvPicPr>
          <p:nvPr/>
        </p:nvPicPr>
        <p:blipFill>
          <a:blip r:embed="rId7">
            <a:clrChange>
              <a:clrFrom>
                <a:srgbClr val="FFFFFF"/>
              </a:clrFrom>
              <a:clrTo>
                <a:srgbClr val="FFFFFF">
                  <a:alpha val="0"/>
                </a:srgbClr>
              </a:clrTo>
            </a:clrChange>
          </a:blip>
          <a:stretch>
            <a:fillRect/>
          </a:stretch>
        </p:blipFill>
        <p:spPr>
          <a:xfrm>
            <a:off x="3341198" y="3553627"/>
            <a:ext cx="1030911" cy="142551"/>
          </a:xfrm>
          <a:prstGeom prst="rect">
            <a:avLst/>
          </a:prstGeom>
        </p:spPr>
      </p:pic>
      <p:grpSp>
        <p:nvGrpSpPr>
          <p:cNvPr id="129" name="组合 128">
            <a:extLst>
              <a:ext uri="{FF2B5EF4-FFF2-40B4-BE49-F238E27FC236}">
                <a16:creationId xmlns:a16="http://schemas.microsoft.com/office/drawing/2014/main" xmlns="" id="{C4B425CF-D707-476E-A162-226DFADE8E14}"/>
              </a:ext>
            </a:extLst>
          </p:cNvPr>
          <p:cNvGrpSpPr/>
          <p:nvPr/>
        </p:nvGrpSpPr>
        <p:grpSpPr>
          <a:xfrm>
            <a:off x="3384023" y="2788120"/>
            <a:ext cx="350173" cy="252671"/>
            <a:chOff x="4484778" y="3110714"/>
            <a:chExt cx="350173" cy="252671"/>
          </a:xfrm>
        </p:grpSpPr>
        <p:sp>
          <p:nvSpPr>
            <p:cNvPr id="130" name="Oval 5">
              <a:extLst>
                <a:ext uri="{FF2B5EF4-FFF2-40B4-BE49-F238E27FC236}">
                  <a16:creationId xmlns:a16="http://schemas.microsoft.com/office/drawing/2014/main" xmlns="" id="{6BABE3D1-3B9B-4329-A8EC-25F7D8ECCC5E}"/>
                </a:ext>
              </a:extLst>
            </p:cNvPr>
            <p:cNvSpPr>
              <a:spLocks noChangeArrowheads="1"/>
            </p:cNvSpPr>
            <p:nvPr/>
          </p:nvSpPr>
          <p:spPr bwMode="auto">
            <a:xfrm>
              <a:off x="4707465" y="3245200"/>
              <a:ext cx="24007" cy="23637"/>
            </a:xfrm>
            <a:prstGeom prst="ellipse">
              <a:avLst/>
            </a:pr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en-US" sz="900"/>
            </a:p>
          </p:txBody>
        </p:sp>
        <p:sp>
          <p:nvSpPr>
            <p:cNvPr id="131" name="Freeform 6">
              <a:extLst>
                <a:ext uri="{FF2B5EF4-FFF2-40B4-BE49-F238E27FC236}">
                  <a16:creationId xmlns:a16="http://schemas.microsoft.com/office/drawing/2014/main" xmlns="" id="{49256012-2D9A-4812-BE11-8FECFD8B0D09}"/>
                </a:ext>
              </a:extLst>
            </p:cNvPr>
            <p:cNvSpPr>
              <a:spLocks/>
            </p:cNvSpPr>
            <p:nvPr/>
          </p:nvSpPr>
          <p:spPr bwMode="auto">
            <a:xfrm>
              <a:off x="4572528" y="3316111"/>
              <a:ext cx="168878" cy="7336"/>
            </a:xfrm>
            <a:custGeom>
              <a:avLst/>
              <a:gdLst>
                <a:gd name="T0" fmla="*/ 83 w 85"/>
                <a:gd name="T1" fmla="*/ 0 h 4"/>
                <a:gd name="T2" fmla="*/ 2 w 85"/>
                <a:gd name="T3" fmla="*/ 0 h 4"/>
                <a:gd name="T4" fmla="*/ 0 w 85"/>
                <a:gd name="T5" fmla="*/ 2 h 4"/>
                <a:gd name="T6" fmla="*/ 2 w 85"/>
                <a:gd name="T7" fmla="*/ 4 h 4"/>
                <a:gd name="T8" fmla="*/ 83 w 85"/>
                <a:gd name="T9" fmla="*/ 4 h 4"/>
                <a:gd name="T10" fmla="*/ 85 w 85"/>
                <a:gd name="T11" fmla="*/ 2 h 4"/>
                <a:gd name="T12" fmla="*/ 83 w 85"/>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85" h="4">
                  <a:moveTo>
                    <a:pt x="83" y="0"/>
                  </a:moveTo>
                  <a:cubicBezTo>
                    <a:pt x="2" y="0"/>
                    <a:pt x="2" y="0"/>
                    <a:pt x="2" y="0"/>
                  </a:cubicBezTo>
                  <a:cubicBezTo>
                    <a:pt x="1" y="0"/>
                    <a:pt x="0" y="1"/>
                    <a:pt x="0" y="2"/>
                  </a:cubicBezTo>
                  <a:cubicBezTo>
                    <a:pt x="0" y="3"/>
                    <a:pt x="1" y="4"/>
                    <a:pt x="2" y="4"/>
                  </a:cubicBezTo>
                  <a:cubicBezTo>
                    <a:pt x="83" y="4"/>
                    <a:pt x="83" y="4"/>
                    <a:pt x="83" y="4"/>
                  </a:cubicBezTo>
                  <a:cubicBezTo>
                    <a:pt x="85" y="4"/>
                    <a:pt x="85" y="3"/>
                    <a:pt x="85" y="2"/>
                  </a:cubicBezTo>
                  <a:cubicBezTo>
                    <a:pt x="85" y="1"/>
                    <a:pt x="85" y="0"/>
                    <a:pt x="83" y="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en-US" sz="900"/>
            </a:p>
          </p:txBody>
        </p:sp>
        <p:sp>
          <p:nvSpPr>
            <p:cNvPr id="132" name="Freeform 7">
              <a:extLst>
                <a:ext uri="{FF2B5EF4-FFF2-40B4-BE49-F238E27FC236}">
                  <a16:creationId xmlns:a16="http://schemas.microsoft.com/office/drawing/2014/main" xmlns="" id="{D4184802-8E0B-4B36-942D-F21E8415932D}"/>
                </a:ext>
              </a:extLst>
            </p:cNvPr>
            <p:cNvSpPr>
              <a:spLocks noEditPoints="1"/>
            </p:cNvSpPr>
            <p:nvPr/>
          </p:nvSpPr>
          <p:spPr bwMode="auto">
            <a:xfrm>
              <a:off x="4565078" y="3220748"/>
              <a:ext cx="190401" cy="71726"/>
            </a:xfrm>
            <a:custGeom>
              <a:avLst/>
              <a:gdLst>
                <a:gd name="T0" fmla="*/ 78 w 96"/>
                <a:gd name="T1" fmla="*/ 0 h 36"/>
                <a:gd name="T2" fmla="*/ 18 w 96"/>
                <a:gd name="T3" fmla="*/ 0 h 36"/>
                <a:gd name="T4" fmla="*/ 0 w 96"/>
                <a:gd name="T5" fmla="*/ 18 h 36"/>
                <a:gd name="T6" fmla="*/ 18 w 96"/>
                <a:gd name="T7" fmla="*/ 36 h 36"/>
                <a:gd name="T8" fmla="*/ 78 w 96"/>
                <a:gd name="T9" fmla="*/ 36 h 36"/>
                <a:gd name="T10" fmla="*/ 96 w 96"/>
                <a:gd name="T11" fmla="*/ 18 h 36"/>
                <a:gd name="T12" fmla="*/ 78 w 96"/>
                <a:gd name="T13" fmla="*/ 0 h 36"/>
                <a:gd name="T14" fmla="*/ 78 w 96"/>
                <a:gd name="T15" fmla="*/ 32 h 36"/>
                <a:gd name="T16" fmla="*/ 18 w 96"/>
                <a:gd name="T17" fmla="*/ 32 h 36"/>
                <a:gd name="T18" fmla="*/ 4 w 96"/>
                <a:gd name="T19" fmla="*/ 18 h 36"/>
                <a:gd name="T20" fmla="*/ 18 w 96"/>
                <a:gd name="T21" fmla="*/ 4 h 36"/>
                <a:gd name="T22" fmla="*/ 78 w 96"/>
                <a:gd name="T23" fmla="*/ 4 h 36"/>
                <a:gd name="T24" fmla="*/ 92 w 96"/>
                <a:gd name="T25" fmla="*/ 18 h 36"/>
                <a:gd name="T26" fmla="*/ 78 w 96"/>
                <a:gd name="T27" fmla="*/ 32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6" h="36">
                  <a:moveTo>
                    <a:pt x="78" y="0"/>
                  </a:moveTo>
                  <a:cubicBezTo>
                    <a:pt x="18" y="0"/>
                    <a:pt x="18" y="0"/>
                    <a:pt x="18" y="0"/>
                  </a:cubicBezTo>
                  <a:cubicBezTo>
                    <a:pt x="8" y="0"/>
                    <a:pt x="0" y="8"/>
                    <a:pt x="0" y="18"/>
                  </a:cubicBezTo>
                  <a:cubicBezTo>
                    <a:pt x="0" y="28"/>
                    <a:pt x="8" y="36"/>
                    <a:pt x="18" y="36"/>
                  </a:cubicBezTo>
                  <a:cubicBezTo>
                    <a:pt x="78" y="36"/>
                    <a:pt x="78" y="36"/>
                    <a:pt x="78" y="36"/>
                  </a:cubicBezTo>
                  <a:cubicBezTo>
                    <a:pt x="88" y="36"/>
                    <a:pt x="96" y="28"/>
                    <a:pt x="96" y="18"/>
                  </a:cubicBezTo>
                  <a:cubicBezTo>
                    <a:pt x="96" y="8"/>
                    <a:pt x="88" y="0"/>
                    <a:pt x="78" y="0"/>
                  </a:cubicBezTo>
                  <a:close/>
                  <a:moveTo>
                    <a:pt x="78" y="32"/>
                  </a:moveTo>
                  <a:cubicBezTo>
                    <a:pt x="18" y="32"/>
                    <a:pt x="18" y="32"/>
                    <a:pt x="18" y="32"/>
                  </a:cubicBezTo>
                  <a:cubicBezTo>
                    <a:pt x="10" y="32"/>
                    <a:pt x="4" y="26"/>
                    <a:pt x="4" y="18"/>
                  </a:cubicBezTo>
                  <a:cubicBezTo>
                    <a:pt x="4" y="10"/>
                    <a:pt x="10" y="4"/>
                    <a:pt x="18" y="4"/>
                  </a:cubicBezTo>
                  <a:cubicBezTo>
                    <a:pt x="78" y="4"/>
                    <a:pt x="78" y="4"/>
                    <a:pt x="78" y="4"/>
                  </a:cubicBezTo>
                  <a:cubicBezTo>
                    <a:pt x="86" y="4"/>
                    <a:pt x="92" y="10"/>
                    <a:pt x="92" y="18"/>
                  </a:cubicBezTo>
                  <a:cubicBezTo>
                    <a:pt x="92" y="26"/>
                    <a:pt x="86" y="32"/>
                    <a:pt x="78" y="32"/>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en-US" sz="900"/>
            </a:p>
          </p:txBody>
        </p:sp>
        <p:sp>
          <p:nvSpPr>
            <p:cNvPr id="133" name="Freeform 8">
              <a:extLst>
                <a:ext uri="{FF2B5EF4-FFF2-40B4-BE49-F238E27FC236}">
                  <a16:creationId xmlns:a16="http://schemas.microsoft.com/office/drawing/2014/main" xmlns="" id="{2BF406F4-8891-4C18-8BCE-D66EB2606B46}"/>
                </a:ext>
              </a:extLst>
            </p:cNvPr>
            <p:cNvSpPr>
              <a:spLocks noEditPoints="1"/>
            </p:cNvSpPr>
            <p:nvPr/>
          </p:nvSpPr>
          <p:spPr bwMode="auto">
            <a:xfrm>
              <a:off x="4484778" y="3110714"/>
              <a:ext cx="350173" cy="252671"/>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4"/>
                    <a:pt x="109" y="0"/>
                    <a:pt x="88" y="0"/>
                  </a:cubicBezTo>
                  <a:cubicBezTo>
                    <a:pt x="67" y="0"/>
                    <a:pt x="49" y="14"/>
                    <a:pt x="43" y="32"/>
                  </a:cubicBezTo>
                  <a:cubicBezTo>
                    <a:pt x="19" y="35"/>
                    <a:pt x="0" y="55"/>
                    <a:pt x="0" y="80"/>
                  </a:cubicBezTo>
                  <a:cubicBezTo>
                    <a:pt x="0" y="107"/>
                    <a:pt x="22" y="128"/>
                    <a:pt x="48" y="128"/>
                  </a:cubicBezTo>
                  <a:cubicBezTo>
                    <a:pt x="128" y="128"/>
                    <a:pt x="128" y="128"/>
                    <a:pt x="128" y="128"/>
                  </a:cubicBezTo>
                  <a:cubicBezTo>
                    <a:pt x="155" y="128"/>
                    <a:pt x="176" y="107"/>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3"/>
                    <a:pt x="168" y="60"/>
                    <a:pt x="168" y="80"/>
                  </a:cubicBezTo>
                  <a:cubicBezTo>
                    <a:pt x="168" y="102"/>
                    <a:pt x="150" y="120"/>
                    <a:pt x="128" y="12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en-US" sz="900"/>
            </a:p>
          </p:txBody>
        </p:sp>
      </p:grpSp>
      <p:sp>
        <p:nvSpPr>
          <p:cNvPr id="134" name="文本框 2">
            <a:extLst>
              <a:ext uri="{FF2B5EF4-FFF2-40B4-BE49-F238E27FC236}">
                <a16:creationId xmlns:a16="http://schemas.microsoft.com/office/drawing/2014/main" xmlns="" id="{D570AD4D-6736-49EE-81C9-F7935348E099}"/>
              </a:ext>
            </a:extLst>
          </p:cNvPr>
          <p:cNvSpPr txBox="1"/>
          <p:nvPr/>
        </p:nvSpPr>
        <p:spPr>
          <a:xfrm>
            <a:off x="3290470" y="3033257"/>
            <a:ext cx="632937" cy="335418"/>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cs typeface="Huawei Sans" panose="020C0503030203020204" pitchFamily="34" charset="0"/>
                <a:sym typeface="Arial"/>
              </a:rPr>
              <a:t>云主机</a:t>
            </a:r>
            <a:endParaRPr lang="en-US" altLang="zh-CN" sz="1200" kern="0" dirty="0">
              <a:solidFill>
                <a:prstClr val="black"/>
              </a:solidFill>
              <a:cs typeface="Huawei Sans" panose="020C0503030203020204" pitchFamily="34" charset="0"/>
              <a:sym typeface="Arial"/>
            </a:endParaRPr>
          </a:p>
        </p:txBody>
      </p:sp>
      <p:sp>
        <p:nvSpPr>
          <p:cNvPr id="136" name="文本框 2">
            <a:extLst>
              <a:ext uri="{FF2B5EF4-FFF2-40B4-BE49-F238E27FC236}">
                <a16:creationId xmlns:a16="http://schemas.microsoft.com/office/drawing/2014/main" xmlns="" id="{AA2FEA18-7CD6-489B-805F-E68029BE480F}"/>
              </a:ext>
            </a:extLst>
          </p:cNvPr>
          <p:cNvSpPr txBox="1"/>
          <p:nvPr/>
        </p:nvSpPr>
        <p:spPr>
          <a:xfrm>
            <a:off x="4810761" y="2946243"/>
            <a:ext cx="1797689" cy="3013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400" kern="0" dirty="0">
                <a:solidFill>
                  <a:prstClr val="black"/>
                </a:solidFill>
                <a:cs typeface="Huawei Sans" panose="020C0503030203020204" pitchFamily="34" charset="0"/>
                <a:sym typeface="Arial"/>
              </a:rPr>
              <a:t>丰富的云服务</a:t>
            </a:r>
            <a:r>
              <a:rPr lang="en-US" altLang="zh-CN" sz="1400" kern="0" dirty="0">
                <a:solidFill>
                  <a:prstClr val="black"/>
                </a:solidFill>
                <a:cs typeface="Huawei Sans" panose="020C0503030203020204" pitchFamily="34" charset="0"/>
                <a:sym typeface="Arial"/>
              </a:rPr>
              <a:t>…</a:t>
            </a:r>
            <a:r>
              <a:rPr lang="zh-CN" altLang="en-US" sz="1400" kern="0" dirty="0">
                <a:solidFill>
                  <a:prstClr val="black"/>
                </a:solidFill>
                <a:cs typeface="Huawei Sans" panose="020C0503030203020204" pitchFamily="34" charset="0"/>
                <a:sym typeface="Arial"/>
              </a:rPr>
              <a:t>    </a:t>
            </a:r>
            <a:r>
              <a:rPr lang="en-US" altLang="zh-CN" sz="1400" kern="0" dirty="0">
                <a:solidFill>
                  <a:prstClr val="black"/>
                </a:solidFill>
                <a:cs typeface="Huawei Sans" panose="020C0503030203020204" pitchFamily="34" charset="0"/>
                <a:sym typeface="Arial"/>
              </a:rPr>
              <a:t>  </a:t>
            </a:r>
            <a:endParaRPr lang="zh-CN" altLang="en-US" sz="1400" kern="0" dirty="0">
              <a:solidFill>
                <a:prstClr val="black"/>
              </a:solidFill>
              <a:cs typeface="Huawei Sans" panose="020C0503030203020204" pitchFamily="34" charset="0"/>
              <a:sym typeface="Arial"/>
            </a:endParaRPr>
          </a:p>
        </p:txBody>
      </p:sp>
      <p:grpSp>
        <p:nvGrpSpPr>
          <p:cNvPr id="137" name="组合 136">
            <a:extLst>
              <a:ext uri="{FF2B5EF4-FFF2-40B4-BE49-F238E27FC236}">
                <a16:creationId xmlns:a16="http://schemas.microsoft.com/office/drawing/2014/main" xmlns="" id="{DAF26BA2-1275-47C3-B661-5CA5B0361FA4}"/>
              </a:ext>
            </a:extLst>
          </p:cNvPr>
          <p:cNvGrpSpPr/>
          <p:nvPr/>
        </p:nvGrpSpPr>
        <p:grpSpPr>
          <a:xfrm>
            <a:off x="4307796" y="2786159"/>
            <a:ext cx="357977" cy="266296"/>
            <a:chOff x="5617128" y="3085473"/>
            <a:chExt cx="357977" cy="266296"/>
          </a:xfrm>
        </p:grpSpPr>
        <p:sp>
          <p:nvSpPr>
            <p:cNvPr id="138" name="Freeform 12">
              <a:extLst>
                <a:ext uri="{FF2B5EF4-FFF2-40B4-BE49-F238E27FC236}">
                  <a16:creationId xmlns:a16="http://schemas.microsoft.com/office/drawing/2014/main" xmlns="" id="{60B8E35B-1959-4720-A77C-8AE16E721435}"/>
                </a:ext>
              </a:extLst>
            </p:cNvPr>
            <p:cNvSpPr>
              <a:spLocks noEditPoints="1"/>
            </p:cNvSpPr>
            <p:nvPr/>
          </p:nvSpPr>
          <p:spPr bwMode="auto">
            <a:xfrm>
              <a:off x="5617128" y="3085473"/>
              <a:ext cx="357977" cy="266296"/>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59"/>
                    <a:pt x="23" y="42"/>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2"/>
                    <a:pt x="168" y="59"/>
                    <a:pt x="168" y="80"/>
                  </a:cubicBezTo>
                  <a:cubicBezTo>
                    <a:pt x="168" y="102"/>
                    <a:pt x="150" y="120"/>
                    <a:pt x="128" y="12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en-US" sz="900"/>
            </a:p>
          </p:txBody>
        </p:sp>
        <p:sp>
          <p:nvSpPr>
            <p:cNvPr id="139" name="Freeform 13">
              <a:extLst>
                <a:ext uri="{FF2B5EF4-FFF2-40B4-BE49-F238E27FC236}">
                  <a16:creationId xmlns:a16="http://schemas.microsoft.com/office/drawing/2014/main" xmlns="" id="{4BAAC943-71A7-40A4-A196-D0DE97FF4815}"/>
                </a:ext>
              </a:extLst>
            </p:cNvPr>
            <p:cNvSpPr>
              <a:spLocks/>
            </p:cNvSpPr>
            <p:nvPr/>
          </p:nvSpPr>
          <p:spPr bwMode="auto">
            <a:xfrm>
              <a:off x="5716989" y="3239238"/>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en-US" sz="900"/>
            </a:p>
          </p:txBody>
        </p:sp>
        <p:sp>
          <p:nvSpPr>
            <p:cNvPr id="140" name="Freeform 14">
              <a:extLst>
                <a:ext uri="{FF2B5EF4-FFF2-40B4-BE49-F238E27FC236}">
                  <a16:creationId xmlns:a16="http://schemas.microsoft.com/office/drawing/2014/main" xmlns="" id="{396ECBB5-55EB-4559-9030-69DFBC3C1E04}"/>
                </a:ext>
              </a:extLst>
            </p:cNvPr>
            <p:cNvSpPr>
              <a:spLocks/>
            </p:cNvSpPr>
            <p:nvPr/>
          </p:nvSpPr>
          <p:spPr bwMode="auto">
            <a:xfrm>
              <a:off x="5716989" y="3264149"/>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en-US" sz="900"/>
            </a:p>
          </p:txBody>
        </p:sp>
        <p:sp>
          <p:nvSpPr>
            <p:cNvPr id="141" name="Freeform 15">
              <a:extLst>
                <a:ext uri="{FF2B5EF4-FFF2-40B4-BE49-F238E27FC236}">
                  <a16:creationId xmlns:a16="http://schemas.microsoft.com/office/drawing/2014/main" xmlns="" id="{3230213A-C9D1-4B57-9A9B-83015AED27E2}"/>
                </a:ext>
              </a:extLst>
            </p:cNvPr>
            <p:cNvSpPr>
              <a:spLocks noEditPoints="1"/>
            </p:cNvSpPr>
            <p:nvPr/>
          </p:nvSpPr>
          <p:spPr bwMode="auto">
            <a:xfrm>
              <a:off x="5841392" y="3234942"/>
              <a:ext cx="40622" cy="42092"/>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en-US" sz="900"/>
            </a:p>
          </p:txBody>
        </p:sp>
        <p:sp>
          <p:nvSpPr>
            <p:cNvPr id="142" name="Freeform 16">
              <a:extLst>
                <a:ext uri="{FF2B5EF4-FFF2-40B4-BE49-F238E27FC236}">
                  <a16:creationId xmlns:a16="http://schemas.microsoft.com/office/drawing/2014/main" xmlns="" id="{297660B2-8EF5-419D-89FA-26EF3A6D47F7}"/>
                </a:ext>
              </a:extLst>
            </p:cNvPr>
            <p:cNvSpPr>
              <a:spLocks noEditPoints="1"/>
            </p:cNvSpPr>
            <p:nvPr/>
          </p:nvSpPr>
          <p:spPr bwMode="auto">
            <a:xfrm>
              <a:off x="5678060" y="3201441"/>
              <a:ext cx="236112" cy="108236"/>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endParaRPr lang="en-US" sz="900"/>
            </a:p>
          </p:txBody>
        </p:sp>
      </p:grpSp>
      <p:sp>
        <p:nvSpPr>
          <p:cNvPr id="143" name="文本框 2">
            <a:extLst>
              <a:ext uri="{FF2B5EF4-FFF2-40B4-BE49-F238E27FC236}">
                <a16:creationId xmlns:a16="http://schemas.microsoft.com/office/drawing/2014/main" xmlns="" id="{7D8BBB80-602F-4595-8C66-EE4EA91A0344}"/>
              </a:ext>
            </a:extLst>
          </p:cNvPr>
          <p:cNvSpPr txBox="1"/>
          <p:nvPr/>
        </p:nvSpPr>
        <p:spPr>
          <a:xfrm>
            <a:off x="4177824" y="3033257"/>
            <a:ext cx="632937" cy="335418"/>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cs typeface="Huawei Sans" panose="020C0503030203020204" pitchFamily="34" charset="0"/>
                <a:sym typeface="Arial"/>
              </a:rPr>
              <a:t>云硬盘</a:t>
            </a:r>
            <a:endParaRPr lang="en-US" altLang="zh-CN" sz="1200" kern="0" dirty="0">
              <a:solidFill>
                <a:prstClr val="black"/>
              </a:solidFill>
              <a:cs typeface="Huawei Sans" panose="020C0503030203020204" pitchFamily="34" charset="0"/>
              <a:sym typeface="Arial"/>
            </a:endParaRPr>
          </a:p>
        </p:txBody>
      </p:sp>
      <p:sp>
        <p:nvSpPr>
          <p:cNvPr id="54" name="矩形 53">
            <a:extLst>
              <a:ext uri="{FF2B5EF4-FFF2-40B4-BE49-F238E27FC236}">
                <a16:creationId xmlns:a16="http://schemas.microsoft.com/office/drawing/2014/main" xmlns="" id="{E959383A-7439-46FA-89BE-61D379303568}"/>
              </a:ext>
            </a:extLst>
          </p:cNvPr>
          <p:cNvSpPr/>
          <p:nvPr/>
        </p:nvSpPr>
        <p:spPr>
          <a:xfrm>
            <a:off x="8188147" y="5073090"/>
            <a:ext cx="1893740" cy="338554"/>
          </a:xfrm>
          <a:prstGeom prst="rect">
            <a:avLst/>
          </a:prstGeom>
          <a:solidFill>
            <a:srgbClr val="00B0F0">
              <a:alpha val="5000"/>
            </a:srgbClr>
          </a:solidFill>
          <a:ln>
            <a:solidFill>
              <a:srgbClr val="99DFF9"/>
            </a:solidFill>
          </a:ln>
        </p:spPr>
        <p:txBody>
          <a:bodyPr wrap="square">
            <a:spAutoFit/>
          </a:bodyPr>
          <a:lstStyle/>
          <a:p>
            <a:pPr algn="ctr" defTabSz="1200002">
              <a:spcBef>
                <a:spcPts val="590"/>
              </a:spcBef>
            </a:pPr>
            <a:r>
              <a:rPr lang="zh-CN" altLang="en-US" sz="1600" kern="0" dirty="0">
                <a:cs typeface="Huawei Sans" panose="020C0503030203020204" pitchFamily="34" charset="0"/>
              </a:rPr>
              <a:t>硬件网络设备</a:t>
            </a:r>
            <a:endParaRPr lang="en-US" altLang="zh-CN" sz="1600" kern="0" dirty="0">
              <a:cs typeface="Huawei Sans" panose="020C0503030203020204" pitchFamily="34" charset="0"/>
            </a:endParaRPr>
          </a:p>
        </p:txBody>
      </p:sp>
      <p:sp>
        <p:nvSpPr>
          <p:cNvPr id="151" name="圆角矩形 75">
            <a:extLst>
              <a:ext uri="{FF2B5EF4-FFF2-40B4-BE49-F238E27FC236}">
                <a16:creationId xmlns:a16="http://schemas.microsoft.com/office/drawing/2014/main" xmlns="" id="{6F163B0E-AA25-494B-A248-EEB82925BBF5}"/>
              </a:ext>
            </a:extLst>
          </p:cNvPr>
          <p:cNvSpPr/>
          <p:nvPr/>
        </p:nvSpPr>
        <p:spPr>
          <a:xfrm>
            <a:off x="733764" y="2088628"/>
            <a:ext cx="6537741" cy="384092"/>
          </a:xfrm>
          <a:prstGeom prst="roundRect">
            <a:avLst>
              <a:gd name="adj" fmla="val 10604"/>
            </a:avLst>
          </a:prstGeom>
          <a:solidFill>
            <a:srgbClr val="00B0F0"/>
          </a:solidFill>
          <a:ln>
            <a:noFill/>
          </a:ln>
        </p:spPr>
        <p:txBody>
          <a:bodyPr wrap="square" rtlCol="0" anchor="ctr" anchorCtr="0">
            <a:noAutofit/>
          </a:bodyPr>
          <a:lstStyle/>
          <a:p>
            <a:pPr algn="ctr"/>
            <a:r>
              <a:rPr lang="zh-CN" altLang="en-US" b="1">
                <a:solidFill>
                  <a:prstClr val="white"/>
                </a:solidFill>
                <a:latin typeface="Huawei Sans" panose="020C0503030203020204" pitchFamily="34" charset="0"/>
                <a:ea typeface="方正兰亭黑简体" panose="02000000000000000000" pitchFamily="2" charset="-122"/>
              </a:rPr>
              <a:t>计算产业开放，促进生态蓬勃发展</a:t>
            </a:r>
            <a:endParaRPr lang="zh-CN" altLang="en-US" b="1" dirty="0">
              <a:solidFill>
                <a:prstClr val="white"/>
              </a:solidFill>
              <a:latin typeface="Huawei Sans" panose="020C0503030203020204" pitchFamily="34" charset="0"/>
              <a:ea typeface="方正兰亭黑简体" panose="02000000000000000000" pitchFamily="2" charset="-122"/>
            </a:endParaRPr>
          </a:p>
        </p:txBody>
      </p:sp>
      <p:sp>
        <p:nvSpPr>
          <p:cNvPr id="152" name="圆角矩形 75">
            <a:extLst>
              <a:ext uri="{FF2B5EF4-FFF2-40B4-BE49-F238E27FC236}">
                <a16:creationId xmlns:a16="http://schemas.microsoft.com/office/drawing/2014/main" xmlns="" id="{EFF1D347-2AFA-459C-8671-93D6265A4EAE}"/>
              </a:ext>
            </a:extLst>
          </p:cNvPr>
          <p:cNvSpPr/>
          <p:nvPr/>
        </p:nvSpPr>
        <p:spPr>
          <a:xfrm>
            <a:off x="736898" y="2579669"/>
            <a:ext cx="6537741" cy="3778924"/>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sp>
        <p:nvSpPr>
          <p:cNvPr id="154" name="圆角矩形 75">
            <a:extLst>
              <a:ext uri="{FF2B5EF4-FFF2-40B4-BE49-F238E27FC236}">
                <a16:creationId xmlns:a16="http://schemas.microsoft.com/office/drawing/2014/main" xmlns="" id="{A83B2B90-8D39-461B-9C32-D284CA0BF984}"/>
              </a:ext>
            </a:extLst>
          </p:cNvPr>
          <p:cNvSpPr/>
          <p:nvPr/>
        </p:nvSpPr>
        <p:spPr>
          <a:xfrm>
            <a:off x="7508148" y="2091227"/>
            <a:ext cx="3277981" cy="381493"/>
          </a:xfrm>
          <a:prstGeom prst="roundRect">
            <a:avLst>
              <a:gd name="adj" fmla="val 10604"/>
            </a:avLst>
          </a:prstGeom>
          <a:solidFill>
            <a:srgbClr val="00B0F0"/>
          </a:solidFill>
          <a:ln>
            <a:noFill/>
          </a:ln>
        </p:spPr>
        <p:txBody>
          <a:bodyPr wrap="square" rtlCol="0" anchor="ctr" anchorCtr="0">
            <a:noAutofit/>
          </a:bodyPr>
          <a:lstStyle/>
          <a:p>
            <a:pPr algn="ctr"/>
            <a:r>
              <a:rPr lang="zh-CN" altLang="en-US" b="1">
                <a:solidFill>
                  <a:prstClr val="white"/>
                </a:solidFill>
                <a:latin typeface="Huawei Sans" panose="020C0503030203020204" pitchFamily="34" charset="0"/>
                <a:ea typeface="方正兰亭黑简体" panose="02000000000000000000" pitchFamily="2" charset="-122"/>
              </a:rPr>
              <a:t>网络产业会如何变化？</a:t>
            </a:r>
            <a:endParaRPr lang="zh-CN" altLang="en-US" b="1" dirty="0">
              <a:solidFill>
                <a:prstClr val="white"/>
              </a:solidFill>
              <a:latin typeface="Huawei Sans" panose="020C0503030203020204" pitchFamily="34" charset="0"/>
              <a:ea typeface="方正兰亭黑简体" panose="02000000000000000000" pitchFamily="2" charset="-122"/>
            </a:endParaRPr>
          </a:p>
        </p:txBody>
      </p:sp>
      <p:sp>
        <p:nvSpPr>
          <p:cNvPr id="52" name="圆角矩形 75">
            <a:extLst>
              <a:ext uri="{FF2B5EF4-FFF2-40B4-BE49-F238E27FC236}">
                <a16:creationId xmlns:a16="http://schemas.microsoft.com/office/drawing/2014/main" xmlns="" id="{E268CD35-33E5-41CF-94DF-B67DAF536258}"/>
              </a:ext>
            </a:extLst>
          </p:cNvPr>
          <p:cNvSpPr/>
          <p:nvPr/>
        </p:nvSpPr>
        <p:spPr>
          <a:xfrm>
            <a:off x="7508148" y="2546527"/>
            <a:ext cx="3277981" cy="3742792"/>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auto">
              <a:lnSpc>
                <a:spcPts val="2600"/>
              </a:lnSpc>
              <a:spcBef>
                <a:spcPts val="0"/>
              </a:spcBef>
              <a:spcAft>
                <a:spcPts val="600"/>
              </a:spcAft>
              <a:buFont typeface="Arial" panose="020B0604020202020204" pitchFamily="34" charset="0"/>
              <a:buChar char="•"/>
            </a:pPr>
            <a:endParaRPr lang="en-US" altLang="zh-CN" sz="1600" dirty="0">
              <a:solidFill>
                <a:prstClr val="black"/>
              </a:solidFill>
            </a:endParaRPr>
          </a:p>
        </p:txBody>
      </p:sp>
      <p:pic>
        <p:nvPicPr>
          <p:cNvPr id="53" name="Picture 10" descr="E:\PNG图标分类大全\地球-地图\environment_edit.png">
            <a:extLst>
              <a:ext uri="{FF2B5EF4-FFF2-40B4-BE49-F238E27FC236}">
                <a16:creationId xmlns:a16="http://schemas.microsoft.com/office/drawing/2014/main" xmlns="" id="{5F5CE9F1-3C8E-4768-B249-9F5349206083}"/>
              </a:ext>
            </a:extLst>
          </p:cNvPr>
          <p:cNvPicPr>
            <a:picLocks noChangeAspect="1" noChangeArrowheads="1"/>
          </p:cNvPicPr>
          <p:nvPr/>
        </p:nvPicPr>
        <p:blipFill>
          <a:blip r:embed="rId8" cstate="print">
            <a:lum bright="9000"/>
          </a:blip>
          <a:srcRect/>
          <a:stretch>
            <a:fillRect/>
          </a:stretch>
        </p:blipFill>
        <p:spPr bwMode="auto">
          <a:xfrm>
            <a:off x="8446633" y="2681486"/>
            <a:ext cx="1310656" cy="1259135"/>
          </a:xfrm>
          <a:prstGeom prst="rect">
            <a:avLst/>
          </a:prstGeom>
          <a:noFill/>
          <a:ln w="9525">
            <a:noFill/>
            <a:miter lim="800000"/>
            <a:headEnd/>
            <a:tailEnd/>
          </a:ln>
        </p:spPr>
      </p:pic>
      <p:sp>
        <p:nvSpPr>
          <p:cNvPr id="55" name="矩形 54">
            <a:extLst>
              <a:ext uri="{FF2B5EF4-FFF2-40B4-BE49-F238E27FC236}">
                <a16:creationId xmlns:a16="http://schemas.microsoft.com/office/drawing/2014/main" xmlns="" id="{9C5BB1D0-394D-4550-947C-20733BB161A0}"/>
              </a:ext>
            </a:extLst>
          </p:cNvPr>
          <p:cNvSpPr/>
          <p:nvPr/>
        </p:nvSpPr>
        <p:spPr>
          <a:xfrm>
            <a:off x="8188147" y="4603649"/>
            <a:ext cx="1893740" cy="338554"/>
          </a:xfrm>
          <a:prstGeom prst="rect">
            <a:avLst/>
          </a:prstGeom>
          <a:solidFill>
            <a:srgbClr val="EC7061"/>
          </a:solidFill>
          <a:ln>
            <a:solidFill>
              <a:srgbClr val="EC7061"/>
            </a:solidFill>
          </a:ln>
        </p:spPr>
        <p:txBody>
          <a:bodyPr wrap="square">
            <a:spAutoFit/>
          </a:bodyPr>
          <a:lstStyle/>
          <a:p>
            <a:pPr algn="ctr" defTabSz="1200002">
              <a:spcBef>
                <a:spcPts val="590"/>
              </a:spcBef>
            </a:pPr>
            <a:r>
              <a:rPr lang="en-US" altLang="zh-CN" sz="1600" kern="0" dirty="0">
                <a:solidFill>
                  <a:schemeClr val="bg1"/>
                </a:solidFill>
                <a:cs typeface="Huawei Sans" panose="020C0503030203020204" pitchFamily="34" charset="0"/>
              </a:rPr>
              <a:t>SDN</a:t>
            </a:r>
            <a:r>
              <a:rPr lang="zh-CN" altLang="en-US" sz="1600" kern="0" dirty="0">
                <a:solidFill>
                  <a:schemeClr val="bg1"/>
                </a:solidFill>
                <a:cs typeface="Huawei Sans" panose="020C0503030203020204" pitchFamily="34" charset="0"/>
              </a:rPr>
              <a:t>控制器</a:t>
            </a:r>
            <a:endParaRPr lang="en-US" altLang="zh-CN" sz="1600" kern="0" dirty="0">
              <a:solidFill>
                <a:schemeClr val="bg1"/>
              </a:solidFill>
              <a:cs typeface="Huawei Sans" panose="020C0503030203020204" pitchFamily="34" charset="0"/>
            </a:endParaRPr>
          </a:p>
        </p:txBody>
      </p:sp>
      <p:sp>
        <p:nvSpPr>
          <p:cNvPr id="56" name="矩形 55">
            <a:extLst>
              <a:ext uri="{FF2B5EF4-FFF2-40B4-BE49-F238E27FC236}">
                <a16:creationId xmlns:a16="http://schemas.microsoft.com/office/drawing/2014/main" xmlns="" id="{9056BB2E-6F9E-4E31-AA65-D8D8A5A50DB1}"/>
              </a:ext>
            </a:extLst>
          </p:cNvPr>
          <p:cNvSpPr/>
          <p:nvPr/>
        </p:nvSpPr>
        <p:spPr>
          <a:xfrm>
            <a:off x="8188147" y="4134209"/>
            <a:ext cx="1893740" cy="338554"/>
          </a:xfrm>
          <a:prstGeom prst="rect">
            <a:avLst/>
          </a:prstGeom>
          <a:solidFill>
            <a:srgbClr val="00B0F0"/>
          </a:solidFill>
          <a:ln>
            <a:noFill/>
          </a:ln>
        </p:spPr>
        <p:txBody>
          <a:bodyPr wrap="square">
            <a:spAutoFit/>
          </a:bodyPr>
          <a:lstStyle/>
          <a:p>
            <a:pPr algn="ctr" defTabSz="1200002">
              <a:spcBef>
                <a:spcPts val="590"/>
              </a:spcBef>
            </a:pPr>
            <a:r>
              <a:rPr lang="zh-CN" altLang="en-US" sz="1600" b="1" kern="0">
                <a:solidFill>
                  <a:schemeClr val="bg1"/>
                </a:solidFill>
                <a:cs typeface="Arial" panose="020B0604020202020204" pitchFamily="34" charset="0"/>
              </a:rPr>
              <a:t>网络应用</a:t>
            </a:r>
            <a:endParaRPr lang="en-US" altLang="zh-CN" sz="1600" b="1" kern="0" dirty="0">
              <a:solidFill>
                <a:schemeClr val="bg1"/>
              </a:solidFill>
              <a:cs typeface="Arial" panose="020B0604020202020204" pitchFamily="34" charset="0"/>
            </a:endParaRPr>
          </a:p>
        </p:txBody>
      </p:sp>
    </p:spTree>
    <p:extLst>
      <p:ext uri="{BB962C8B-B14F-4D97-AF65-F5344CB8AC3E}">
        <p14:creationId xmlns:p14="http://schemas.microsoft.com/office/powerpoint/2010/main" val="409217225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zh-CN" altLang="en-US" dirty="0"/>
              <a:t>网络界的现状：经典</a:t>
            </a:r>
            <a:r>
              <a:rPr lang="en-US" altLang="zh-CN" dirty="0"/>
              <a:t>IP</a:t>
            </a:r>
            <a:r>
              <a:rPr lang="zh-CN" altLang="en-US" dirty="0"/>
              <a:t>网络</a:t>
            </a:r>
            <a:r>
              <a:rPr lang="en-US" altLang="zh-CN" dirty="0"/>
              <a:t> </a:t>
            </a:r>
            <a:r>
              <a:rPr lang="en-US" altLang="zh-CN" dirty="0" smtClean="0"/>
              <a:t>- </a:t>
            </a:r>
            <a:r>
              <a:rPr lang="zh-CN" altLang="en-US" dirty="0"/>
              <a:t>分布式网络</a:t>
            </a:r>
          </a:p>
        </p:txBody>
      </p:sp>
      <p:sp>
        <p:nvSpPr>
          <p:cNvPr id="437" name="文本框 436">
            <a:extLst>
              <a:ext uri="{FF2B5EF4-FFF2-40B4-BE49-F238E27FC236}">
                <a16:creationId xmlns:a16="http://schemas.microsoft.com/office/drawing/2014/main" xmlns="" id="{A862F0DC-E90F-4CE7-8FB3-5012AC57F04B}"/>
              </a:ext>
            </a:extLst>
          </p:cNvPr>
          <p:cNvSpPr txBox="1"/>
          <p:nvPr/>
        </p:nvSpPr>
        <p:spPr>
          <a:xfrm>
            <a:off x="446089" y="1233488"/>
            <a:ext cx="11304856" cy="1220206"/>
          </a:xfrm>
          <a:prstGeom prst="rect">
            <a:avLst/>
          </a:prstGeom>
          <a:noFill/>
        </p:spPr>
        <p:txBody>
          <a:bodyPr wrap="square" rtlCol="0">
            <a:spAutoFit/>
          </a:bodyPr>
          <a:lstStyle/>
          <a:p>
            <a:pPr marL="285750" indent="-285750">
              <a:lnSpc>
                <a:spcPct val="140000"/>
              </a:lnSpc>
              <a:buFont typeface="Arial" panose="020B0604020202020204" pitchFamily="34" charset="0"/>
              <a:buChar char="•"/>
            </a:pPr>
            <a:r>
              <a:rPr lang="zh-CN" altLang="en-US"/>
              <a:t>经典的</a:t>
            </a:r>
            <a:r>
              <a:rPr lang="en-US" altLang="zh-CN"/>
              <a:t>IP</a:t>
            </a:r>
            <a:r>
              <a:rPr lang="zh-CN" altLang="en-US"/>
              <a:t>网络是一个分布式的、对等控制的网络。每台网络设备存在独立的数据平台、控制平面和管理平面。设备的控制平面对等的交互路由协议，然后独立的生成数据平面指导报文转发。</a:t>
            </a:r>
            <a:endParaRPr lang="en-US" altLang="zh-CN"/>
          </a:p>
          <a:p>
            <a:pPr marL="285750" indent="-285750">
              <a:lnSpc>
                <a:spcPct val="140000"/>
              </a:lnSpc>
              <a:buFont typeface="Arial" panose="020B0604020202020204" pitchFamily="34" charset="0"/>
              <a:buChar char="•"/>
            </a:pPr>
            <a:r>
              <a:rPr lang="zh-CN" altLang="en-US"/>
              <a:t>经典</a:t>
            </a:r>
            <a:r>
              <a:rPr lang="en-US" altLang="zh-CN"/>
              <a:t>IP</a:t>
            </a:r>
            <a:r>
              <a:rPr lang="zh-CN" altLang="en-US"/>
              <a:t>网络的优势在于设备与协议解耦，厂家之间兼容性较好且故障场景下协议保证网络收敛。</a:t>
            </a:r>
          </a:p>
        </p:txBody>
      </p:sp>
      <p:sp>
        <p:nvSpPr>
          <p:cNvPr id="46" name="TextBox 600">
            <a:extLst>
              <a:ext uri="{FF2B5EF4-FFF2-40B4-BE49-F238E27FC236}">
                <a16:creationId xmlns:a16="http://schemas.microsoft.com/office/drawing/2014/main" xmlns="" id="{4B31EBBB-EA2E-4CF3-B74E-F2BC9EB43EE9}"/>
              </a:ext>
            </a:extLst>
          </p:cNvPr>
          <p:cNvSpPr txBox="1"/>
          <p:nvPr/>
        </p:nvSpPr>
        <p:spPr>
          <a:xfrm>
            <a:off x="8192625" y="3399919"/>
            <a:ext cx="918841" cy="307777"/>
          </a:xfrm>
          <a:prstGeom prst="rect">
            <a:avLst/>
          </a:prstGeom>
          <a:noFill/>
        </p:spPr>
        <p:txBody>
          <a:bodyPr wrap="none" rtlCol="0">
            <a:spAutoFit/>
          </a:bodyPr>
          <a:lstStyle/>
          <a:p>
            <a:r>
              <a:rPr lang="en-US" sz="1400">
                <a:cs typeface="Arial" pitchFamily="34" charset="0"/>
              </a:rPr>
              <a:t>R</a:t>
            </a:r>
            <a:r>
              <a:rPr lang="en-US" altLang="zh-CN" sz="1400">
                <a:cs typeface="Arial" pitchFamily="34" charset="0"/>
              </a:rPr>
              <a:t>outer-A</a:t>
            </a:r>
            <a:endParaRPr lang="en-US" sz="1400" dirty="0">
              <a:cs typeface="Arial" pitchFamily="34" charset="0"/>
            </a:endParaRPr>
          </a:p>
        </p:txBody>
      </p:sp>
      <p:cxnSp>
        <p:nvCxnSpPr>
          <p:cNvPr id="47" name="Straight Connector 526">
            <a:extLst>
              <a:ext uri="{FF2B5EF4-FFF2-40B4-BE49-F238E27FC236}">
                <a16:creationId xmlns:a16="http://schemas.microsoft.com/office/drawing/2014/main" xmlns="" id="{2ED3331E-5884-4333-9918-3A08B97C477F}"/>
              </a:ext>
            </a:extLst>
          </p:cNvPr>
          <p:cNvCxnSpPr>
            <a:cxnSpLocks/>
            <a:stCxn id="72" idx="2"/>
            <a:endCxn id="84" idx="0"/>
          </p:cNvCxnSpPr>
          <p:nvPr/>
        </p:nvCxnSpPr>
        <p:spPr bwMode="auto">
          <a:xfrm flipH="1">
            <a:off x="6246243" y="3411208"/>
            <a:ext cx="1527194" cy="1595150"/>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48" name="Straight Connector 527">
            <a:extLst>
              <a:ext uri="{FF2B5EF4-FFF2-40B4-BE49-F238E27FC236}">
                <a16:creationId xmlns:a16="http://schemas.microsoft.com/office/drawing/2014/main" xmlns="" id="{6B3B47BE-5EE6-4121-9878-564EA11E16DD}"/>
              </a:ext>
            </a:extLst>
          </p:cNvPr>
          <p:cNvCxnSpPr>
            <a:cxnSpLocks/>
            <a:stCxn id="72" idx="2"/>
            <a:endCxn id="78" idx="0"/>
          </p:cNvCxnSpPr>
          <p:nvPr/>
        </p:nvCxnSpPr>
        <p:spPr bwMode="auto">
          <a:xfrm>
            <a:off x="7773437" y="3411208"/>
            <a:ext cx="1534084" cy="1568738"/>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49" name="Straight Connector 530">
            <a:extLst>
              <a:ext uri="{FF2B5EF4-FFF2-40B4-BE49-F238E27FC236}">
                <a16:creationId xmlns:a16="http://schemas.microsoft.com/office/drawing/2014/main" xmlns="" id="{611C4589-C7F0-4137-BADB-181E873CF45D}"/>
              </a:ext>
            </a:extLst>
          </p:cNvPr>
          <p:cNvCxnSpPr>
            <a:cxnSpLocks/>
            <a:stCxn id="78" idx="1"/>
            <a:endCxn id="85" idx="1"/>
          </p:cNvCxnSpPr>
          <p:nvPr/>
        </p:nvCxnSpPr>
        <p:spPr bwMode="auto">
          <a:xfrm flipH="1">
            <a:off x="6478878" y="5201346"/>
            <a:ext cx="2558643" cy="36032"/>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51" name="TextBox 741">
            <a:extLst>
              <a:ext uri="{FF2B5EF4-FFF2-40B4-BE49-F238E27FC236}">
                <a16:creationId xmlns:a16="http://schemas.microsoft.com/office/drawing/2014/main" xmlns="" id="{95A2B11A-7668-425B-A42C-DC8538223B32}"/>
              </a:ext>
            </a:extLst>
          </p:cNvPr>
          <p:cNvSpPr txBox="1"/>
          <p:nvPr/>
        </p:nvSpPr>
        <p:spPr>
          <a:xfrm>
            <a:off x="494332" y="5678280"/>
            <a:ext cx="723274" cy="307777"/>
          </a:xfrm>
          <a:prstGeom prst="rect">
            <a:avLst/>
          </a:prstGeom>
          <a:noFill/>
        </p:spPr>
        <p:txBody>
          <a:bodyPr wrap="none" rtlCol="0">
            <a:spAutoFit/>
          </a:bodyPr>
          <a:lstStyle/>
          <a:p>
            <a:r>
              <a:rPr lang="zh-CN" altLang="en-US" sz="1400" dirty="0">
                <a:cs typeface="Arial" pitchFamily="34" charset="0"/>
              </a:rPr>
              <a:t>接收帧</a:t>
            </a:r>
            <a:endParaRPr lang="en-US" sz="1400" dirty="0">
              <a:cs typeface="Arial" pitchFamily="34" charset="0"/>
            </a:endParaRPr>
          </a:p>
        </p:txBody>
      </p:sp>
      <p:grpSp>
        <p:nvGrpSpPr>
          <p:cNvPr id="53" name="Group 419">
            <a:extLst>
              <a:ext uri="{FF2B5EF4-FFF2-40B4-BE49-F238E27FC236}">
                <a16:creationId xmlns:a16="http://schemas.microsoft.com/office/drawing/2014/main" xmlns="" id="{0CBC90B3-B551-4794-BC38-EBF326EE0273}"/>
              </a:ext>
            </a:extLst>
          </p:cNvPr>
          <p:cNvGrpSpPr/>
          <p:nvPr/>
        </p:nvGrpSpPr>
        <p:grpSpPr>
          <a:xfrm>
            <a:off x="1244473" y="3537571"/>
            <a:ext cx="2911773" cy="845026"/>
            <a:chOff x="4586914" y="1873045"/>
            <a:chExt cx="2654550" cy="870155"/>
          </a:xfrm>
        </p:grpSpPr>
        <p:sp>
          <p:nvSpPr>
            <p:cNvPr id="68" name="Cube 404">
              <a:extLst>
                <a:ext uri="{FF2B5EF4-FFF2-40B4-BE49-F238E27FC236}">
                  <a16:creationId xmlns:a16="http://schemas.microsoft.com/office/drawing/2014/main" xmlns="" id="{84673F4B-AD7F-4808-A17E-F04A1817F56C}"/>
                </a:ext>
              </a:extLst>
            </p:cNvPr>
            <p:cNvSpPr/>
            <p:nvPr/>
          </p:nvSpPr>
          <p:spPr bwMode="auto">
            <a:xfrm>
              <a:off x="4586914" y="1873045"/>
              <a:ext cx="2654550" cy="870155"/>
            </a:xfrm>
            <a:prstGeom prst="cube">
              <a:avLst>
                <a:gd name="adj" fmla="val 39493"/>
              </a:avLst>
            </a:prstGeom>
            <a:solidFill>
              <a:srgbClr val="BDE7F6"/>
            </a:solidFill>
            <a:ln w="9525" cap="flat" cmpd="sng" algn="ctr">
              <a:solidFill>
                <a:srgbClr val="00B0F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800" dirty="0">
                  <a:solidFill>
                    <a:srgbClr val="FF0000"/>
                  </a:solidFill>
                  <a:cs typeface="Arial" pitchFamily="34" charset="0"/>
                </a:rPr>
                <a:t>控制平面</a:t>
              </a:r>
              <a:endParaRPr lang="en-US" sz="4000" dirty="0">
                <a:solidFill>
                  <a:srgbClr val="FF0000"/>
                </a:solidFill>
                <a:cs typeface="Arial" pitchFamily="34" charset="0"/>
              </a:endParaRPr>
            </a:p>
          </p:txBody>
        </p:sp>
        <p:sp>
          <p:nvSpPr>
            <p:cNvPr id="69" name="TextBox 731">
              <a:extLst>
                <a:ext uri="{FF2B5EF4-FFF2-40B4-BE49-F238E27FC236}">
                  <a16:creationId xmlns:a16="http://schemas.microsoft.com/office/drawing/2014/main" xmlns="" id="{04C3E8FB-1F3D-46F4-967C-3F5EC1A33BFE}"/>
                </a:ext>
              </a:extLst>
            </p:cNvPr>
            <p:cNvSpPr txBox="1"/>
            <p:nvPr/>
          </p:nvSpPr>
          <p:spPr>
            <a:xfrm>
              <a:off x="5000394" y="1932037"/>
              <a:ext cx="1641439" cy="316930"/>
            </a:xfrm>
            <a:prstGeom prst="rect">
              <a:avLst/>
            </a:prstGeom>
            <a:noFill/>
          </p:spPr>
          <p:txBody>
            <a:bodyPr wrap="none" rtlCol="0">
              <a:spAutoFit/>
            </a:bodyPr>
            <a:lstStyle/>
            <a:p>
              <a:r>
                <a:rPr lang="zh-CN" altLang="en-US" sz="1400" dirty="0">
                  <a:cs typeface="Arial" pitchFamily="34" charset="0"/>
                </a:rPr>
                <a:t>转发表、协议、算法</a:t>
              </a:r>
              <a:endParaRPr lang="en-US" sz="1400" dirty="0">
                <a:cs typeface="Arial" pitchFamily="34" charset="0"/>
              </a:endParaRPr>
            </a:p>
          </p:txBody>
        </p:sp>
      </p:grpSp>
      <p:grpSp>
        <p:nvGrpSpPr>
          <p:cNvPr id="54" name="Group 418">
            <a:extLst>
              <a:ext uri="{FF2B5EF4-FFF2-40B4-BE49-F238E27FC236}">
                <a16:creationId xmlns:a16="http://schemas.microsoft.com/office/drawing/2014/main" xmlns="" id="{65C56028-9EA7-4A1E-B618-DA813195EEEE}"/>
              </a:ext>
            </a:extLst>
          </p:cNvPr>
          <p:cNvGrpSpPr/>
          <p:nvPr/>
        </p:nvGrpSpPr>
        <p:grpSpPr>
          <a:xfrm>
            <a:off x="1309182" y="4835411"/>
            <a:ext cx="2782355" cy="760938"/>
            <a:chOff x="4645907" y="3356262"/>
            <a:chExt cx="2536564" cy="520118"/>
          </a:xfrm>
        </p:grpSpPr>
        <p:sp>
          <p:nvSpPr>
            <p:cNvPr id="66" name="Cube 406">
              <a:extLst>
                <a:ext uri="{FF2B5EF4-FFF2-40B4-BE49-F238E27FC236}">
                  <a16:creationId xmlns:a16="http://schemas.microsoft.com/office/drawing/2014/main" xmlns="" id="{9DD8FE41-EE5A-4CA4-B123-236FC5F7D8C9}"/>
                </a:ext>
              </a:extLst>
            </p:cNvPr>
            <p:cNvSpPr/>
            <p:nvPr/>
          </p:nvSpPr>
          <p:spPr bwMode="auto">
            <a:xfrm>
              <a:off x="4645907" y="3365091"/>
              <a:ext cx="2536564" cy="511289"/>
            </a:xfrm>
            <a:prstGeom prst="cube">
              <a:avLst>
                <a:gd name="adj" fmla="val 39493"/>
              </a:avLst>
            </a:prstGeom>
            <a:solidFill>
              <a:srgbClr val="FFC5B7"/>
            </a:solidFill>
            <a:ln w="9525" cap="flat" cmpd="sng" algn="ctr">
              <a:solidFill>
                <a:srgbClr val="EC7061"/>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a:solidFill>
                    <a:srgbClr val="FF0000"/>
                  </a:solidFill>
                  <a:cs typeface="Arial" pitchFamily="34" charset="0"/>
                </a:rPr>
                <a:t>转发</a:t>
              </a:r>
              <a:r>
                <a:rPr lang="zh-CN" altLang="en-US" sz="1800">
                  <a:solidFill>
                    <a:srgbClr val="FF0000"/>
                  </a:solidFill>
                  <a:cs typeface="Arial" pitchFamily="34" charset="0"/>
                </a:rPr>
                <a:t>平面</a:t>
              </a:r>
              <a:endParaRPr lang="en-US" sz="1800" dirty="0">
                <a:solidFill>
                  <a:srgbClr val="FF0000"/>
                </a:solidFill>
                <a:cs typeface="Arial" pitchFamily="34" charset="0"/>
              </a:endParaRPr>
            </a:p>
          </p:txBody>
        </p:sp>
        <p:sp>
          <p:nvSpPr>
            <p:cNvPr id="67" name="TextBox 734">
              <a:extLst>
                <a:ext uri="{FF2B5EF4-FFF2-40B4-BE49-F238E27FC236}">
                  <a16:creationId xmlns:a16="http://schemas.microsoft.com/office/drawing/2014/main" xmlns="" id="{28D4E204-63C3-4E91-B0F0-325C79CE9733}"/>
                </a:ext>
              </a:extLst>
            </p:cNvPr>
            <p:cNvSpPr txBox="1"/>
            <p:nvPr/>
          </p:nvSpPr>
          <p:spPr>
            <a:xfrm>
              <a:off x="5530332" y="3356262"/>
              <a:ext cx="823057" cy="210372"/>
            </a:xfrm>
            <a:prstGeom prst="rect">
              <a:avLst/>
            </a:prstGeom>
            <a:noFill/>
          </p:spPr>
          <p:txBody>
            <a:bodyPr wrap="none" rtlCol="0">
              <a:spAutoFit/>
            </a:bodyPr>
            <a:lstStyle/>
            <a:p>
              <a:r>
                <a:rPr lang="zh-CN" altLang="en-US" sz="1400">
                  <a:cs typeface="Arial" pitchFamily="34" charset="0"/>
                </a:rPr>
                <a:t>数据转发</a:t>
              </a:r>
              <a:endParaRPr lang="en-US" sz="1400" dirty="0">
                <a:cs typeface="Arial" pitchFamily="34" charset="0"/>
              </a:endParaRPr>
            </a:p>
          </p:txBody>
        </p:sp>
      </p:grpSp>
      <p:sp>
        <p:nvSpPr>
          <p:cNvPr id="55" name="Cube 415">
            <a:extLst>
              <a:ext uri="{FF2B5EF4-FFF2-40B4-BE49-F238E27FC236}">
                <a16:creationId xmlns:a16="http://schemas.microsoft.com/office/drawing/2014/main" xmlns="" id="{F70547DA-D3C8-4EF1-9C27-618B6E39FB52}"/>
              </a:ext>
            </a:extLst>
          </p:cNvPr>
          <p:cNvSpPr/>
          <p:nvPr/>
        </p:nvSpPr>
        <p:spPr bwMode="auto">
          <a:xfrm rot="5400000" flipH="1">
            <a:off x="4020641" y="3942511"/>
            <a:ext cx="2258505" cy="956991"/>
          </a:xfrm>
          <a:prstGeom prst="cube">
            <a:avLst>
              <a:gd name="adj" fmla="val 39493"/>
            </a:avLst>
          </a:prstGeom>
          <a:solidFill>
            <a:srgbClr val="AAFCB2"/>
          </a:solidFill>
          <a:ln w="9525" cap="flat" cmpd="sng" algn="ctr">
            <a:solidFill>
              <a:srgbClr val="8BC9A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800" dirty="0">
                <a:solidFill>
                  <a:srgbClr val="FF0000"/>
                </a:solidFill>
                <a:cs typeface="Arial" pitchFamily="34" charset="0"/>
              </a:rPr>
              <a:t>管理平面</a:t>
            </a:r>
            <a:endParaRPr lang="en-US" sz="1800" dirty="0">
              <a:solidFill>
                <a:srgbClr val="FF0000"/>
              </a:solidFill>
              <a:cs typeface="Arial" pitchFamily="34" charset="0"/>
            </a:endParaRPr>
          </a:p>
        </p:txBody>
      </p:sp>
      <p:cxnSp>
        <p:nvCxnSpPr>
          <p:cNvPr id="56" name="Straight Arrow Connector 417">
            <a:extLst>
              <a:ext uri="{FF2B5EF4-FFF2-40B4-BE49-F238E27FC236}">
                <a16:creationId xmlns:a16="http://schemas.microsoft.com/office/drawing/2014/main" xmlns="" id="{132653FE-3531-4541-9F42-CF5CD80448D7}"/>
              </a:ext>
            </a:extLst>
          </p:cNvPr>
          <p:cNvCxnSpPr/>
          <p:nvPr/>
        </p:nvCxnSpPr>
        <p:spPr bwMode="auto">
          <a:xfrm>
            <a:off x="3913576" y="4121409"/>
            <a:ext cx="825051" cy="0"/>
          </a:xfrm>
          <a:prstGeom prst="straightConnector1">
            <a:avLst/>
          </a:prstGeom>
          <a:solidFill>
            <a:schemeClr val="accent1"/>
          </a:solidFill>
          <a:ln w="28575" cap="flat" cmpd="sng" algn="ctr">
            <a:solidFill>
              <a:schemeClr val="tx1"/>
            </a:solidFill>
            <a:prstDash val="solid"/>
            <a:round/>
            <a:headEnd type="arrow" w="med" len="med"/>
            <a:tailEnd type="arrow" w="med" len="med"/>
          </a:ln>
          <a:effectLst/>
        </p:spPr>
      </p:cxnSp>
      <p:cxnSp>
        <p:nvCxnSpPr>
          <p:cNvPr id="57" name="Straight Arrow Connector 420">
            <a:extLst>
              <a:ext uri="{FF2B5EF4-FFF2-40B4-BE49-F238E27FC236}">
                <a16:creationId xmlns:a16="http://schemas.microsoft.com/office/drawing/2014/main" xmlns="" id="{C3152D77-9F27-414D-947E-AF995C1E0DEB}"/>
              </a:ext>
            </a:extLst>
          </p:cNvPr>
          <p:cNvCxnSpPr/>
          <p:nvPr/>
        </p:nvCxnSpPr>
        <p:spPr bwMode="auto">
          <a:xfrm>
            <a:off x="3886613" y="4986914"/>
            <a:ext cx="825051" cy="0"/>
          </a:xfrm>
          <a:prstGeom prst="straightConnector1">
            <a:avLst/>
          </a:prstGeom>
          <a:solidFill>
            <a:schemeClr val="accent1"/>
          </a:solidFill>
          <a:ln w="28575" cap="flat" cmpd="sng" algn="ctr">
            <a:solidFill>
              <a:schemeClr val="tx1"/>
            </a:solidFill>
            <a:prstDash val="solid"/>
            <a:round/>
            <a:headEnd type="arrow" w="med" len="med"/>
            <a:tailEnd type="arrow" w="med" len="med"/>
          </a:ln>
          <a:effectLst/>
        </p:spPr>
      </p:cxnSp>
      <p:sp>
        <p:nvSpPr>
          <p:cNvPr id="58" name="TextBox 738">
            <a:extLst>
              <a:ext uri="{FF2B5EF4-FFF2-40B4-BE49-F238E27FC236}">
                <a16:creationId xmlns:a16="http://schemas.microsoft.com/office/drawing/2014/main" xmlns="" id="{03CCA80E-EC67-4224-B3C2-98FA803BA5BB}"/>
              </a:ext>
            </a:extLst>
          </p:cNvPr>
          <p:cNvSpPr txBox="1"/>
          <p:nvPr/>
        </p:nvSpPr>
        <p:spPr>
          <a:xfrm rot="5400000">
            <a:off x="4972432" y="4363406"/>
            <a:ext cx="902811" cy="307776"/>
          </a:xfrm>
          <a:prstGeom prst="rect">
            <a:avLst/>
          </a:prstGeom>
          <a:noFill/>
        </p:spPr>
        <p:txBody>
          <a:bodyPr wrap="none" rtlCol="0">
            <a:spAutoFit/>
          </a:bodyPr>
          <a:lstStyle/>
          <a:p>
            <a:r>
              <a:rPr lang="zh-CN" altLang="en-US" sz="1400" dirty="0">
                <a:cs typeface="Arial" pitchFamily="34" charset="0"/>
              </a:rPr>
              <a:t>配置命令</a:t>
            </a:r>
            <a:endParaRPr lang="en-US" sz="1400" dirty="0">
              <a:cs typeface="Arial" pitchFamily="34" charset="0"/>
            </a:endParaRPr>
          </a:p>
        </p:txBody>
      </p:sp>
      <p:cxnSp>
        <p:nvCxnSpPr>
          <p:cNvPr id="59" name="Elbow Connector 426">
            <a:extLst>
              <a:ext uri="{FF2B5EF4-FFF2-40B4-BE49-F238E27FC236}">
                <a16:creationId xmlns:a16="http://schemas.microsoft.com/office/drawing/2014/main" xmlns="" id="{804AA91F-4102-41D4-BCBC-CF7E4BFA7D61}"/>
              </a:ext>
            </a:extLst>
          </p:cNvPr>
          <p:cNvCxnSpPr>
            <a:cxnSpLocks/>
          </p:cNvCxnSpPr>
          <p:nvPr/>
        </p:nvCxnSpPr>
        <p:spPr bwMode="auto">
          <a:xfrm>
            <a:off x="3792512" y="5370051"/>
            <a:ext cx="404427" cy="426034"/>
          </a:xfrm>
          <a:prstGeom prst="bentConnector2">
            <a:avLst/>
          </a:prstGeom>
          <a:solidFill>
            <a:schemeClr val="accent1"/>
          </a:solidFill>
          <a:ln w="28575" cap="flat" cmpd="sng" algn="ctr">
            <a:solidFill>
              <a:schemeClr val="tx1"/>
            </a:solidFill>
            <a:prstDash val="solid"/>
            <a:round/>
            <a:headEnd type="none" w="med" len="med"/>
            <a:tailEnd type="arrow"/>
          </a:ln>
          <a:effectLst/>
        </p:spPr>
      </p:cxnSp>
      <p:cxnSp>
        <p:nvCxnSpPr>
          <p:cNvPr id="60" name="Elbow Connector 426">
            <a:extLst>
              <a:ext uri="{FF2B5EF4-FFF2-40B4-BE49-F238E27FC236}">
                <a16:creationId xmlns:a16="http://schemas.microsoft.com/office/drawing/2014/main" xmlns="" id="{EA42B653-F537-4476-BF15-DA0663EA05C9}"/>
              </a:ext>
            </a:extLst>
          </p:cNvPr>
          <p:cNvCxnSpPr/>
          <p:nvPr/>
        </p:nvCxnSpPr>
        <p:spPr bwMode="auto">
          <a:xfrm rot="16200000">
            <a:off x="980445" y="5309971"/>
            <a:ext cx="218476" cy="416237"/>
          </a:xfrm>
          <a:prstGeom prst="bentConnector2">
            <a:avLst/>
          </a:prstGeom>
          <a:solidFill>
            <a:schemeClr val="accent1"/>
          </a:solidFill>
          <a:ln w="28575" cap="flat" cmpd="sng" algn="ctr">
            <a:solidFill>
              <a:schemeClr val="tx1"/>
            </a:solidFill>
            <a:prstDash val="solid"/>
            <a:round/>
            <a:headEnd type="none" w="med" len="med"/>
            <a:tailEnd type="arrow"/>
          </a:ln>
          <a:effectLst/>
        </p:spPr>
      </p:cxnSp>
      <p:sp>
        <p:nvSpPr>
          <p:cNvPr id="61" name="TextBox 742">
            <a:extLst>
              <a:ext uri="{FF2B5EF4-FFF2-40B4-BE49-F238E27FC236}">
                <a16:creationId xmlns:a16="http://schemas.microsoft.com/office/drawing/2014/main" xmlns="" id="{8931BE7A-E7F1-4CCD-A491-5AB565DA6D08}"/>
              </a:ext>
            </a:extLst>
          </p:cNvPr>
          <p:cNvSpPr txBox="1"/>
          <p:nvPr/>
        </p:nvSpPr>
        <p:spPr>
          <a:xfrm>
            <a:off x="3817908" y="5755508"/>
            <a:ext cx="723274" cy="307777"/>
          </a:xfrm>
          <a:prstGeom prst="rect">
            <a:avLst/>
          </a:prstGeom>
          <a:noFill/>
        </p:spPr>
        <p:txBody>
          <a:bodyPr wrap="none" rtlCol="0">
            <a:spAutoFit/>
          </a:bodyPr>
          <a:lstStyle/>
          <a:p>
            <a:r>
              <a:rPr lang="zh-CN" altLang="en-US" sz="1400" dirty="0">
                <a:cs typeface="Arial" pitchFamily="34" charset="0"/>
              </a:rPr>
              <a:t>发送帧</a:t>
            </a:r>
            <a:endParaRPr lang="en-US" sz="1400" dirty="0">
              <a:cs typeface="Arial" pitchFamily="34" charset="0"/>
            </a:endParaRPr>
          </a:p>
        </p:txBody>
      </p:sp>
      <p:cxnSp>
        <p:nvCxnSpPr>
          <p:cNvPr id="62" name="Straight Arrow Connector 443">
            <a:extLst>
              <a:ext uri="{FF2B5EF4-FFF2-40B4-BE49-F238E27FC236}">
                <a16:creationId xmlns:a16="http://schemas.microsoft.com/office/drawing/2014/main" xmlns="" id="{4E49E3E3-A9B1-4E4D-91BD-E26757194DA7}"/>
              </a:ext>
            </a:extLst>
          </p:cNvPr>
          <p:cNvCxnSpPr/>
          <p:nvPr/>
        </p:nvCxnSpPr>
        <p:spPr bwMode="auto">
          <a:xfrm flipV="1">
            <a:off x="1535492" y="4428689"/>
            <a:ext cx="0" cy="368736"/>
          </a:xfrm>
          <a:prstGeom prst="straightConnector1">
            <a:avLst/>
          </a:prstGeom>
          <a:solidFill>
            <a:schemeClr val="accent1"/>
          </a:solidFill>
          <a:ln w="28575" cap="flat" cmpd="sng" algn="ctr">
            <a:solidFill>
              <a:schemeClr val="tx1"/>
            </a:solidFill>
            <a:prstDash val="solid"/>
            <a:round/>
            <a:headEnd type="none" w="med" len="med"/>
            <a:tailEnd type="arrow"/>
          </a:ln>
          <a:effectLst/>
        </p:spPr>
      </p:cxnSp>
      <p:cxnSp>
        <p:nvCxnSpPr>
          <p:cNvPr id="63" name="Straight Arrow Connector 444">
            <a:extLst>
              <a:ext uri="{FF2B5EF4-FFF2-40B4-BE49-F238E27FC236}">
                <a16:creationId xmlns:a16="http://schemas.microsoft.com/office/drawing/2014/main" xmlns="" id="{C89E2F4A-4AE4-43D5-A033-8DDF358A6B61}"/>
              </a:ext>
            </a:extLst>
          </p:cNvPr>
          <p:cNvCxnSpPr/>
          <p:nvPr/>
        </p:nvCxnSpPr>
        <p:spPr bwMode="auto">
          <a:xfrm>
            <a:off x="3271867" y="4449175"/>
            <a:ext cx="0" cy="368736"/>
          </a:xfrm>
          <a:prstGeom prst="straightConnector1">
            <a:avLst/>
          </a:prstGeom>
          <a:solidFill>
            <a:schemeClr val="accent1"/>
          </a:solidFill>
          <a:ln w="28575" cap="flat" cmpd="sng" algn="ctr">
            <a:solidFill>
              <a:schemeClr val="tx1"/>
            </a:solidFill>
            <a:prstDash val="solid"/>
            <a:round/>
            <a:headEnd type="none" w="med" len="med"/>
            <a:tailEnd type="arrow"/>
          </a:ln>
          <a:effectLst/>
        </p:spPr>
      </p:cxnSp>
      <p:sp>
        <p:nvSpPr>
          <p:cNvPr id="64" name="TextBox 745">
            <a:extLst>
              <a:ext uri="{FF2B5EF4-FFF2-40B4-BE49-F238E27FC236}">
                <a16:creationId xmlns:a16="http://schemas.microsoft.com/office/drawing/2014/main" xmlns="" id="{473E2699-677B-4676-833B-EAEF40D8384E}"/>
              </a:ext>
            </a:extLst>
          </p:cNvPr>
          <p:cNvSpPr txBox="1"/>
          <p:nvPr/>
        </p:nvSpPr>
        <p:spPr>
          <a:xfrm>
            <a:off x="3292857" y="4444470"/>
            <a:ext cx="1461931" cy="307777"/>
          </a:xfrm>
          <a:prstGeom prst="rect">
            <a:avLst/>
          </a:prstGeom>
          <a:noFill/>
        </p:spPr>
        <p:txBody>
          <a:bodyPr wrap="square" rtlCol="0">
            <a:spAutoFit/>
          </a:bodyPr>
          <a:lstStyle/>
          <a:p>
            <a:r>
              <a:rPr lang="zh-CN" altLang="en-US" sz="1400" dirty="0">
                <a:cs typeface="Arial" pitchFamily="34" charset="0"/>
              </a:rPr>
              <a:t>转发行为</a:t>
            </a:r>
            <a:endParaRPr lang="en-US" sz="1400" dirty="0">
              <a:cs typeface="Arial" pitchFamily="34" charset="0"/>
            </a:endParaRPr>
          </a:p>
        </p:txBody>
      </p:sp>
      <p:sp>
        <p:nvSpPr>
          <p:cNvPr id="65" name="TextBox 746">
            <a:extLst>
              <a:ext uri="{FF2B5EF4-FFF2-40B4-BE49-F238E27FC236}">
                <a16:creationId xmlns:a16="http://schemas.microsoft.com/office/drawing/2014/main" xmlns="" id="{7E2F8B0B-ECB5-47C1-BD35-666B326EB178}"/>
              </a:ext>
            </a:extLst>
          </p:cNvPr>
          <p:cNvSpPr txBox="1"/>
          <p:nvPr/>
        </p:nvSpPr>
        <p:spPr>
          <a:xfrm>
            <a:off x="1551068" y="4451726"/>
            <a:ext cx="1461931" cy="307777"/>
          </a:xfrm>
          <a:prstGeom prst="rect">
            <a:avLst/>
          </a:prstGeom>
          <a:noFill/>
        </p:spPr>
        <p:txBody>
          <a:bodyPr wrap="square" rtlCol="0">
            <a:spAutoFit/>
          </a:bodyPr>
          <a:lstStyle/>
          <a:p>
            <a:r>
              <a:rPr lang="zh-CN" altLang="en-US" sz="1400" dirty="0">
                <a:cs typeface="Arial" pitchFamily="34" charset="0"/>
              </a:rPr>
              <a:t>未知数据帧</a:t>
            </a:r>
            <a:endParaRPr lang="en-US" sz="1400" dirty="0">
              <a:cs typeface="Arial" pitchFamily="34" charset="0"/>
            </a:endParaRPr>
          </a:p>
        </p:txBody>
      </p:sp>
      <p:grpSp>
        <p:nvGrpSpPr>
          <p:cNvPr id="70" name="组合 69">
            <a:extLst>
              <a:ext uri="{FF2B5EF4-FFF2-40B4-BE49-F238E27FC236}">
                <a16:creationId xmlns:a16="http://schemas.microsoft.com/office/drawing/2014/main" xmlns="" id="{80BF4D8C-D463-4ED9-9D2E-BF49A9D098F5}"/>
              </a:ext>
            </a:extLst>
          </p:cNvPr>
          <p:cNvGrpSpPr/>
          <p:nvPr/>
        </p:nvGrpSpPr>
        <p:grpSpPr>
          <a:xfrm>
            <a:off x="7503437" y="2617304"/>
            <a:ext cx="2713424" cy="793904"/>
            <a:chOff x="6935737" y="2062819"/>
            <a:chExt cx="2713424" cy="793904"/>
          </a:xfrm>
        </p:grpSpPr>
        <p:grpSp>
          <p:nvGrpSpPr>
            <p:cNvPr id="71" name="Group 131">
              <a:extLst>
                <a:ext uri="{FF2B5EF4-FFF2-40B4-BE49-F238E27FC236}">
                  <a16:creationId xmlns:a16="http://schemas.microsoft.com/office/drawing/2014/main" xmlns="" id="{0982A775-91E4-4001-9775-CD2C02F2D166}"/>
                </a:ext>
              </a:extLst>
            </p:cNvPr>
            <p:cNvGrpSpPr/>
            <p:nvPr/>
          </p:nvGrpSpPr>
          <p:grpSpPr>
            <a:xfrm>
              <a:off x="7438372" y="2062819"/>
              <a:ext cx="2210789" cy="709133"/>
              <a:chOff x="3337560" y="4165600"/>
              <a:chExt cx="2015490" cy="680720"/>
            </a:xfrm>
          </p:grpSpPr>
          <p:sp>
            <p:nvSpPr>
              <p:cNvPr id="73" name="Rectangle 136">
                <a:extLst>
                  <a:ext uri="{FF2B5EF4-FFF2-40B4-BE49-F238E27FC236}">
                    <a16:creationId xmlns:a16="http://schemas.microsoft.com/office/drawing/2014/main" xmlns="" id="{14F2998B-35B2-488B-8CDE-0840712E8179}"/>
                  </a:ext>
                </a:extLst>
              </p:cNvPr>
              <p:cNvSpPr/>
              <p:nvPr/>
            </p:nvSpPr>
            <p:spPr bwMode="auto">
              <a:xfrm>
                <a:off x="3337560" y="4602480"/>
                <a:ext cx="2015490" cy="243840"/>
              </a:xfrm>
              <a:prstGeom prst="rect">
                <a:avLst/>
              </a:prstGeom>
              <a:solidFill>
                <a:srgbClr val="FFC5B7"/>
              </a:solidFill>
              <a:ln w="9525" cap="flat" cmpd="sng" algn="ctr">
                <a:solidFill>
                  <a:srgbClr val="EC7061"/>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400">
                    <a:cs typeface="Arial" pitchFamily="34" charset="0"/>
                  </a:rPr>
                  <a:t>转发平面</a:t>
                </a:r>
                <a:endParaRPr lang="en-US" sz="1400" dirty="0">
                  <a:cs typeface="Arial" pitchFamily="34" charset="0"/>
                </a:endParaRPr>
              </a:p>
            </p:txBody>
          </p:sp>
          <p:sp>
            <p:nvSpPr>
              <p:cNvPr id="74" name="Rectangle 137">
                <a:extLst>
                  <a:ext uri="{FF2B5EF4-FFF2-40B4-BE49-F238E27FC236}">
                    <a16:creationId xmlns:a16="http://schemas.microsoft.com/office/drawing/2014/main" xmlns="" id="{AA3E153B-370E-4F82-BE7F-272631E4F8FF}"/>
                  </a:ext>
                </a:extLst>
              </p:cNvPr>
              <p:cNvSpPr/>
              <p:nvPr/>
            </p:nvSpPr>
            <p:spPr bwMode="auto">
              <a:xfrm>
                <a:off x="3337560" y="4165600"/>
                <a:ext cx="912676" cy="406401"/>
              </a:xfrm>
              <a:prstGeom prst="rect">
                <a:avLst/>
              </a:prstGeom>
              <a:solidFill>
                <a:srgbClr val="BDE7F6"/>
              </a:solidFill>
              <a:ln w="9525" cap="flat" cmpd="sng" algn="ctr">
                <a:solidFill>
                  <a:srgbClr val="00B0F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400" dirty="0">
                    <a:cs typeface="Arial" pitchFamily="34" charset="0"/>
                  </a:rPr>
                  <a:t>控制平面</a:t>
                </a:r>
                <a:endParaRPr lang="en-US" sz="1400" dirty="0">
                  <a:cs typeface="Arial" pitchFamily="34" charset="0"/>
                </a:endParaRPr>
              </a:p>
            </p:txBody>
          </p:sp>
          <p:sp>
            <p:nvSpPr>
              <p:cNvPr id="75" name="Rectangle 138">
                <a:extLst>
                  <a:ext uri="{FF2B5EF4-FFF2-40B4-BE49-F238E27FC236}">
                    <a16:creationId xmlns:a16="http://schemas.microsoft.com/office/drawing/2014/main" xmlns="" id="{FF4066B9-D561-471D-8F66-287216FFD81A}"/>
                  </a:ext>
                </a:extLst>
              </p:cNvPr>
              <p:cNvSpPr/>
              <p:nvPr/>
            </p:nvSpPr>
            <p:spPr bwMode="auto">
              <a:xfrm>
                <a:off x="4271610" y="4165600"/>
                <a:ext cx="1077630" cy="406401"/>
              </a:xfrm>
              <a:prstGeom prst="rect">
                <a:avLst/>
              </a:prstGeom>
              <a:solidFill>
                <a:srgbClr val="AAFCB2"/>
              </a:solidFill>
              <a:ln w="9525" cap="flat" cmpd="sng" algn="ctr">
                <a:solidFill>
                  <a:srgbClr val="8BC9A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400" dirty="0">
                    <a:cs typeface="Arial" pitchFamily="34" charset="0"/>
                  </a:rPr>
                  <a:t>管理平面</a:t>
                </a:r>
                <a:endParaRPr lang="en-US" sz="1400" dirty="0">
                  <a:cs typeface="Arial" pitchFamily="34" charset="0"/>
                </a:endParaRPr>
              </a:p>
            </p:txBody>
          </p:sp>
        </p:grpSp>
        <p:pic>
          <p:nvPicPr>
            <p:cNvPr id="72" name="图片 71">
              <a:extLst>
                <a:ext uri="{FF2B5EF4-FFF2-40B4-BE49-F238E27FC236}">
                  <a16:creationId xmlns:a16="http://schemas.microsoft.com/office/drawing/2014/main" xmlns="" id="{C863D49C-41C6-4035-8176-2F2743025884}"/>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6935737" y="2413923"/>
              <a:ext cx="540000" cy="442800"/>
            </a:xfrm>
            <a:prstGeom prst="rect">
              <a:avLst/>
            </a:prstGeom>
          </p:spPr>
        </p:pic>
      </p:grpSp>
      <p:grpSp>
        <p:nvGrpSpPr>
          <p:cNvPr id="76" name="组合 75">
            <a:extLst>
              <a:ext uri="{FF2B5EF4-FFF2-40B4-BE49-F238E27FC236}">
                <a16:creationId xmlns:a16="http://schemas.microsoft.com/office/drawing/2014/main" xmlns="" id="{5CDC028F-BA10-492F-8F67-9F39AD85E94F}"/>
              </a:ext>
            </a:extLst>
          </p:cNvPr>
          <p:cNvGrpSpPr/>
          <p:nvPr/>
        </p:nvGrpSpPr>
        <p:grpSpPr>
          <a:xfrm>
            <a:off x="9037521" y="4628842"/>
            <a:ext cx="2713424" cy="793904"/>
            <a:chOff x="6935737" y="2062819"/>
            <a:chExt cx="2713424" cy="793904"/>
          </a:xfrm>
        </p:grpSpPr>
        <p:grpSp>
          <p:nvGrpSpPr>
            <p:cNvPr id="77" name="Group 131">
              <a:extLst>
                <a:ext uri="{FF2B5EF4-FFF2-40B4-BE49-F238E27FC236}">
                  <a16:creationId xmlns:a16="http://schemas.microsoft.com/office/drawing/2014/main" xmlns="" id="{CFDC54EA-8CF8-49BE-B914-FA9D18B338A3}"/>
                </a:ext>
              </a:extLst>
            </p:cNvPr>
            <p:cNvGrpSpPr/>
            <p:nvPr/>
          </p:nvGrpSpPr>
          <p:grpSpPr>
            <a:xfrm>
              <a:off x="7438372" y="2062819"/>
              <a:ext cx="2210789" cy="709133"/>
              <a:chOff x="3337560" y="4165600"/>
              <a:chExt cx="2015490" cy="680720"/>
            </a:xfrm>
          </p:grpSpPr>
          <p:sp>
            <p:nvSpPr>
              <p:cNvPr id="79" name="Rectangle 136">
                <a:extLst>
                  <a:ext uri="{FF2B5EF4-FFF2-40B4-BE49-F238E27FC236}">
                    <a16:creationId xmlns:a16="http://schemas.microsoft.com/office/drawing/2014/main" xmlns="" id="{4505DF34-1831-4F21-8C87-6A24093DB04B}"/>
                  </a:ext>
                </a:extLst>
              </p:cNvPr>
              <p:cNvSpPr/>
              <p:nvPr/>
            </p:nvSpPr>
            <p:spPr bwMode="auto">
              <a:xfrm>
                <a:off x="3337560" y="4602480"/>
                <a:ext cx="2015490" cy="243840"/>
              </a:xfrm>
              <a:prstGeom prst="rect">
                <a:avLst/>
              </a:prstGeom>
              <a:solidFill>
                <a:srgbClr val="FFC5B7"/>
              </a:solidFill>
              <a:ln w="9525" cap="flat" cmpd="sng" algn="ctr">
                <a:solidFill>
                  <a:srgbClr val="EC7061"/>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400" dirty="0">
                    <a:cs typeface="Arial" pitchFamily="34" charset="0"/>
                  </a:rPr>
                  <a:t>转发平面</a:t>
                </a:r>
                <a:endParaRPr lang="en-US" sz="1400" dirty="0">
                  <a:cs typeface="Arial" pitchFamily="34" charset="0"/>
                </a:endParaRPr>
              </a:p>
            </p:txBody>
          </p:sp>
          <p:sp>
            <p:nvSpPr>
              <p:cNvPr id="80" name="Rectangle 137">
                <a:extLst>
                  <a:ext uri="{FF2B5EF4-FFF2-40B4-BE49-F238E27FC236}">
                    <a16:creationId xmlns:a16="http://schemas.microsoft.com/office/drawing/2014/main" xmlns="" id="{86A64851-2077-4B74-9AF1-55D8BAAA5034}"/>
                  </a:ext>
                </a:extLst>
              </p:cNvPr>
              <p:cNvSpPr/>
              <p:nvPr/>
            </p:nvSpPr>
            <p:spPr bwMode="auto">
              <a:xfrm>
                <a:off x="3337560" y="4165600"/>
                <a:ext cx="912676" cy="406401"/>
              </a:xfrm>
              <a:prstGeom prst="rect">
                <a:avLst/>
              </a:prstGeom>
              <a:solidFill>
                <a:srgbClr val="BDE7F6"/>
              </a:solidFill>
              <a:ln w="9525" cap="flat" cmpd="sng" algn="ctr">
                <a:solidFill>
                  <a:srgbClr val="00B0F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400" dirty="0">
                    <a:cs typeface="Arial" pitchFamily="34" charset="0"/>
                  </a:rPr>
                  <a:t>控制平面</a:t>
                </a:r>
                <a:endParaRPr lang="en-US" sz="1400" dirty="0">
                  <a:cs typeface="Arial" pitchFamily="34" charset="0"/>
                </a:endParaRPr>
              </a:p>
            </p:txBody>
          </p:sp>
          <p:sp>
            <p:nvSpPr>
              <p:cNvPr id="81" name="Rectangle 138">
                <a:extLst>
                  <a:ext uri="{FF2B5EF4-FFF2-40B4-BE49-F238E27FC236}">
                    <a16:creationId xmlns:a16="http://schemas.microsoft.com/office/drawing/2014/main" xmlns="" id="{0D51EE2F-3225-4B7B-B4D1-06F0B829EB65}"/>
                  </a:ext>
                </a:extLst>
              </p:cNvPr>
              <p:cNvSpPr/>
              <p:nvPr/>
            </p:nvSpPr>
            <p:spPr bwMode="auto">
              <a:xfrm>
                <a:off x="4271610" y="4165600"/>
                <a:ext cx="1077630" cy="406401"/>
              </a:xfrm>
              <a:prstGeom prst="rect">
                <a:avLst/>
              </a:prstGeom>
              <a:solidFill>
                <a:srgbClr val="AAFCB2"/>
              </a:solidFill>
              <a:ln w="9525" cap="flat" cmpd="sng" algn="ctr">
                <a:solidFill>
                  <a:srgbClr val="8BC9A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400">
                    <a:cs typeface="Arial" pitchFamily="34" charset="0"/>
                  </a:rPr>
                  <a:t>管理平面</a:t>
                </a:r>
                <a:endParaRPr lang="en-US" sz="1400" dirty="0">
                  <a:cs typeface="Arial" pitchFamily="34" charset="0"/>
                </a:endParaRPr>
              </a:p>
            </p:txBody>
          </p:sp>
        </p:grpSp>
        <p:pic>
          <p:nvPicPr>
            <p:cNvPr id="78" name="图片 77">
              <a:extLst>
                <a:ext uri="{FF2B5EF4-FFF2-40B4-BE49-F238E27FC236}">
                  <a16:creationId xmlns:a16="http://schemas.microsoft.com/office/drawing/2014/main" xmlns="" id="{CB5042A3-11CE-49F7-BE20-DE617213C1DF}"/>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6935737" y="2413923"/>
              <a:ext cx="540000" cy="442800"/>
            </a:xfrm>
            <a:prstGeom prst="rect">
              <a:avLst/>
            </a:prstGeom>
          </p:spPr>
        </p:pic>
      </p:grpSp>
      <p:grpSp>
        <p:nvGrpSpPr>
          <p:cNvPr id="82" name="组合 81">
            <a:extLst>
              <a:ext uri="{FF2B5EF4-FFF2-40B4-BE49-F238E27FC236}">
                <a16:creationId xmlns:a16="http://schemas.microsoft.com/office/drawing/2014/main" xmlns="" id="{738A6F6A-5C1D-4324-AC5C-A269836C36C0}"/>
              </a:ext>
            </a:extLst>
          </p:cNvPr>
          <p:cNvGrpSpPr/>
          <p:nvPr/>
        </p:nvGrpSpPr>
        <p:grpSpPr>
          <a:xfrm>
            <a:off x="5976243" y="4655254"/>
            <a:ext cx="2713424" cy="793904"/>
            <a:chOff x="6935737" y="2062819"/>
            <a:chExt cx="2713424" cy="793904"/>
          </a:xfrm>
        </p:grpSpPr>
        <p:grpSp>
          <p:nvGrpSpPr>
            <p:cNvPr id="83" name="Group 131">
              <a:extLst>
                <a:ext uri="{FF2B5EF4-FFF2-40B4-BE49-F238E27FC236}">
                  <a16:creationId xmlns:a16="http://schemas.microsoft.com/office/drawing/2014/main" xmlns="" id="{BC8C1EA3-71A8-4B72-906B-94F648514C8C}"/>
                </a:ext>
              </a:extLst>
            </p:cNvPr>
            <p:cNvGrpSpPr/>
            <p:nvPr/>
          </p:nvGrpSpPr>
          <p:grpSpPr>
            <a:xfrm>
              <a:off x="7438372" y="2062819"/>
              <a:ext cx="2210789" cy="709133"/>
              <a:chOff x="3337560" y="4165600"/>
              <a:chExt cx="2015490" cy="680720"/>
            </a:xfrm>
          </p:grpSpPr>
          <p:sp>
            <p:nvSpPr>
              <p:cNvPr id="85" name="Rectangle 136">
                <a:extLst>
                  <a:ext uri="{FF2B5EF4-FFF2-40B4-BE49-F238E27FC236}">
                    <a16:creationId xmlns:a16="http://schemas.microsoft.com/office/drawing/2014/main" xmlns="" id="{83AE02EC-D541-45AA-8C43-E19178A292B7}"/>
                  </a:ext>
                </a:extLst>
              </p:cNvPr>
              <p:cNvSpPr/>
              <p:nvPr/>
            </p:nvSpPr>
            <p:spPr bwMode="auto">
              <a:xfrm>
                <a:off x="3337560" y="4602480"/>
                <a:ext cx="2015490" cy="243840"/>
              </a:xfrm>
              <a:prstGeom prst="rect">
                <a:avLst/>
              </a:prstGeom>
              <a:solidFill>
                <a:srgbClr val="FFC5B7"/>
              </a:solidFill>
              <a:ln w="9525" cap="flat" cmpd="sng" algn="ctr">
                <a:solidFill>
                  <a:srgbClr val="EC7061"/>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400">
                    <a:cs typeface="Arial" pitchFamily="34" charset="0"/>
                  </a:rPr>
                  <a:t>转发平面</a:t>
                </a:r>
                <a:endParaRPr lang="en-US" sz="1400" dirty="0">
                  <a:cs typeface="Arial" pitchFamily="34" charset="0"/>
                </a:endParaRPr>
              </a:p>
            </p:txBody>
          </p:sp>
          <p:sp>
            <p:nvSpPr>
              <p:cNvPr id="86" name="Rectangle 137">
                <a:extLst>
                  <a:ext uri="{FF2B5EF4-FFF2-40B4-BE49-F238E27FC236}">
                    <a16:creationId xmlns:a16="http://schemas.microsoft.com/office/drawing/2014/main" xmlns="" id="{E18E2245-D7D3-4C2B-A115-E4A074EA97AF}"/>
                  </a:ext>
                </a:extLst>
              </p:cNvPr>
              <p:cNvSpPr/>
              <p:nvPr/>
            </p:nvSpPr>
            <p:spPr bwMode="auto">
              <a:xfrm>
                <a:off x="3337560" y="4165600"/>
                <a:ext cx="912676" cy="406401"/>
              </a:xfrm>
              <a:prstGeom prst="rect">
                <a:avLst/>
              </a:prstGeom>
              <a:solidFill>
                <a:srgbClr val="BDE7F6"/>
              </a:solidFill>
              <a:ln w="9525" cap="flat" cmpd="sng" algn="ctr">
                <a:solidFill>
                  <a:srgbClr val="00B0F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400" dirty="0">
                    <a:cs typeface="Arial" pitchFamily="34" charset="0"/>
                  </a:rPr>
                  <a:t>控制平面</a:t>
                </a:r>
                <a:endParaRPr lang="en-US" sz="1400" dirty="0">
                  <a:cs typeface="Arial" pitchFamily="34" charset="0"/>
                </a:endParaRPr>
              </a:p>
            </p:txBody>
          </p:sp>
          <p:sp>
            <p:nvSpPr>
              <p:cNvPr id="87" name="Rectangle 138">
                <a:extLst>
                  <a:ext uri="{FF2B5EF4-FFF2-40B4-BE49-F238E27FC236}">
                    <a16:creationId xmlns:a16="http://schemas.microsoft.com/office/drawing/2014/main" xmlns="" id="{5AD111D9-CF04-426E-A793-28985B3325C1}"/>
                  </a:ext>
                </a:extLst>
              </p:cNvPr>
              <p:cNvSpPr/>
              <p:nvPr/>
            </p:nvSpPr>
            <p:spPr bwMode="auto">
              <a:xfrm>
                <a:off x="4271610" y="4165600"/>
                <a:ext cx="1077630" cy="406401"/>
              </a:xfrm>
              <a:prstGeom prst="rect">
                <a:avLst/>
              </a:prstGeom>
              <a:solidFill>
                <a:srgbClr val="AAFCB2"/>
              </a:solidFill>
              <a:ln w="9525" cap="flat" cmpd="sng" algn="ctr">
                <a:solidFill>
                  <a:srgbClr val="8BC9A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a:r>
                  <a:rPr lang="zh-CN" altLang="en-US" sz="1400">
                    <a:cs typeface="Arial" pitchFamily="34" charset="0"/>
                  </a:rPr>
                  <a:t>管理平面</a:t>
                </a:r>
                <a:endParaRPr lang="en-US" sz="1400" dirty="0">
                  <a:cs typeface="Arial" pitchFamily="34" charset="0"/>
                </a:endParaRPr>
              </a:p>
            </p:txBody>
          </p:sp>
        </p:grpSp>
        <p:pic>
          <p:nvPicPr>
            <p:cNvPr id="84" name="图片 83">
              <a:extLst>
                <a:ext uri="{FF2B5EF4-FFF2-40B4-BE49-F238E27FC236}">
                  <a16:creationId xmlns:a16="http://schemas.microsoft.com/office/drawing/2014/main" xmlns="" id="{B2EC49AA-F77C-492F-9612-EDEDBFCA75A0}"/>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6935737" y="2413923"/>
              <a:ext cx="540000" cy="442800"/>
            </a:xfrm>
            <a:prstGeom prst="rect">
              <a:avLst/>
            </a:prstGeom>
          </p:spPr>
        </p:pic>
      </p:grpSp>
      <p:sp>
        <p:nvSpPr>
          <p:cNvPr id="88" name="TextBox 600">
            <a:extLst>
              <a:ext uri="{FF2B5EF4-FFF2-40B4-BE49-F238E27FC236}">
                <a16:creationId xmlns:a16="http://schemas.microsoft.com/office/drawing/2014/main" xmlns="" id="{B4CAAB85-D85A-4B2C-8AF2-5D2C468A9A5C}"/>
              </a:ext>
            </a:extLst>
          </p:cNvPr>
          <p:cNvSpPr txBox="1"/>
          <p:nvPr/>
        </p:nvSpPr>
        <p:spPr>
          <a:xfrm>
            <a:off x="8848100" y="5483607"/>
            <a:ext cx="910827" cy="307777"/>
          </a:xfrm>
          <a:prstGeom prst="rect">
            <a:avLst/>
          </a:prstGeom>
          <a:noFill/>
        </p:spPr>
        <p:txBody>
          <a:bodyPr wrap="none" rtlCol="0">
            <a:spAutoFit/>
          </a:bodyPr>
          <a:lstStyle/>
          <a:p>
            <a:r>
              <a:rPr lang="en-US" sz="1400">
                <a:cs typeface="Arial" pitchFamily="34" charset="0"/>
              </a:rPr>
              <a:t>R</a:t>
            </a:r>
            <a:r>
              <a:rPr lang="en-US" altLang="zh-CN" sz="1400">
                <a:cs typeface="Arial" pitchFamily="34" charset="0"/>
              </a:rPr>
              <a:t>outer-C</a:t>
            </a:r>
            <a:endParaRPr lang="en-US" sz="1400" dirty="0">
              <a:cs typeface="Arial" pitchFamily="34" charset="0"/>
            </a:endParaRPr>
          </a:p>
        </p:txBody>
      </p:sp>
      <p:sp>
        <p:nvSpPr>
          <p:cNvPr id="89" name="TextBox 600">
            <a:extLst>
              <a:ext uri="{FF2B5EF4-FFF2-40B4-BE49-F238E27FC236}">
                <a16:creationId xmlns:a16="http://schemas.microsoft.com/office/drawing/2014/main" xmlns="" id="{6A78F546-855C-46A3-8530-A65E2BB98C05}"/>
              </a:ext>
            </a:extLst>
          </p:cNvPr>
          <p:cNvSpPr txBox="1"/>
          <p:nvPr/>
        </p:nvSpPr>
        <p:spPr>
          <a:xfrm>
            <a:off x="5843306" y="5483607"/>
            <a:ext cx="909223" cy="307777"/>
          </a:xfrm>
          <a:prstGeom prst="rect">
            <a:avLst/>
          </a:prstGeom>
          <a:noFill/>
        </p:spPr>
        <p:txBody>
          <a:bodyPr wrap="none" rtlCol="0">
            <a:spAutoFit/>
          </a:bodyPr>
          <a:lstStyle/>
          <a:p>
            <a:r>
              <a:rPr lang="en-US" sz="1400">
                <a:cs typeface="Arial" pitchFamily="34" charset="0"/>
              </a:rPr>
              <a:t>R</a:t>
            </a:r>
            <a:r>
              <a:rPr lang="en-US" altLang="zh-CN" sz="1400">
                <a:cs typeface="Arial" pitchFamily="34" charset="0"/>
              </a:rPr>
              <a:t>outer-B</a:t>
            </a:r>
            <a:endParaRPr lang="en-US" sz="1400" dirty="0">
              <a:cs typeface="Arial" pitchFamily="34" charset="0"/>
            </a:endParaRPr>
          </a:p>
        </p:txBody>
      </p:sp>
    </p:spTree>
    <p:extLst>
      <p:ext uri="{BB962C8B-B14F-4D97-AF65-F5344CB8AC3E}">
        <p14:creationId xmlns:p14="http://schemas.microsoft.com/office/powerpoint/2010/main" val="88874069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B45C25D4-027C-4480-9DF8-13C2685B5785}"/>
              </a:ext>
            </a:extLst>
          </p:cNvPr>
          <p:cNvSpPr>
            <a:spLocks noGrp="1"/>
          </p:cNvSpPr>
          <p:nvPr>
            <p:ph type="title"/>
          </p:nvPr>
        </p:nvSpPr>
        <p:spPr>
          <a:xfrm>
            <a:off x="1594177" y="410400"/>
            <a:ext cx="9827761" cy="640800"/>
          </a:xfrm>
        </p:spPr>
        <p:txBody>
          <a:bodyPr/>
          <a:lstStyle/>
          <a:p>
            <a:r>
              <a:rPr lang="zh-CN" altLang="en-US"/>
              <a:t>网络界的思考：经典网络面临的问题</a:t>
            </a:r>
          </a:p>
        </p:txBody>
      </p:sp>
      <p:grpSp>
        <p:nvGrpSpPr>
          <p:cNvPr id="13" name="组合 38">
            <a:extLst>
              <a:ext uri="{FF2B5EF4-FFF2-40B4-BE49-F238E27FC236}">
                <a16:creationId xmlns:a16="http://schemas.microsoft.com/office/drawing/2014/main" xmlns="" id="{04AD6C86-1A16-40D9-866C-352AD45E1B57}"/>
              </a:ext>
            </a:extLst>
          </p:cNvPr>
          <p:cNvGrpSpPr>
            <a:grpSpLocks/>
          </p:cNvGrpSpPr>
          <p:nvPr/>
        </p:nvGrpSpPr>
        <p:grpSpPr bwMode="auto">
          <a:xfrm>
            <a:off x="1415480" y="2615052"/>
            <a:ext cx="8928992" cy="2267943"/>
            <a:chOff x="1243013" y="2798500"/>
            <a:chExt cx="6756400" cy="1646500"/>
          </a:xfrm>
        </p:grpSpPr>
        <p:sp>
          <p:nvSpPr>
            <p:cNvPr id="14" name="AutoShape 2">
              <a:extLst>
                <a:ext uri="{FF2B5EF4-FFF2-40B4-BE49-F238E27FC236}">
                  <a16:creationId xmlns:a16="http://schemas.microsoft.com/office/drawing/2014/main" xmlns="" id="{A8BAA0F4-ACC5-439C-8689-A37083B09BE5}"/>
                </a:ext>
              </a:extLst>
            </p:cNvPr>
            <p:cNvSpPr>
              <a:spLocks noChangeArrowheads="1"/>
            </p:cNvSpPr>
            <p:nvPr/>
          </p:nvSpPr>
          <p:spPr bwMode="auto">
            <a:xfrm>
              <a:off x="3705225" y="2808288"/>
              <a:ext cx="1747838" cy="1636712"/>
            </a:xfrm>
            <a:prstGeom prst="hexagon">
              <a:avLst>
                <a:gd name="adj" fmla="val 26697"/>
                <a:gd name="vf" fmla="val 115470"/>
              </a:avLst>
            </a:prstGeom>
            <a:solidFill>
              <a:srgbClr val="00B0F0"/>
            </a:solidFill>
            <a:ln>
              <a:headEnd/>
              <a:tailEnd/>
            </a:ln>
          </p:spPr>
          <p:style>
            <a:lnRef idx="0">
              <a:schemeClr val="accent3"/>
            </a:lnRef>
            <a:fillRef idx="3">
              <a:schemeClr val="accent3"/>
            </a:fillRef>
            <a:effectRef idx="3">
              <a:schemeClr val="accent3"/>
            </a:effectRef>
            <a:fontRef idx="minor">
              <a:schemeClr val="lt1"/>
            </a:fontRef>
          </p:style>
          <p:txBody>
            <a:bodyPr/>
            <a:lstStyle/>
            <a:p>
              <a:endParaRPr lang="zh-CN" altLang="en-US" sz="800" b="1" spc="75">
                <a:ln w="18000">
                  <a:solidFill>
                    <a:schemeClr val="accent1">
                      <a:satMod val="200000"/>
                      <a:tint val="72000"/>
                    </a:schemeClr>
                  </a:solidFill>
                  <a:prstDash val="solid"/>
                </a:ln>
                <a:solidFill>
                  <a:schemeClr val="accent1">
                    <a:satMod val="280000"/>
                    <a:tint val="100000"/>
                    <a:alpha val="5700"/>
                  </a:schemeClr>
                </a:solidFill>
                <a:effectLst>
                  <a:outerShdw blurRad="25000" dist="20000" dir="16020000" algn="tl">
                    <a:schemeClr val="accent1">
                      <a:satMod val="200000"/>
                      <a:shade val="1000"/>
                      <a:alpha val="60000"/>
                    </a:schemeClr>
                  </a:outerShdw>
                </a:effectLst>
                <a:latin typeface="+mn-ea"/>
              </a:endParaRPr>
            </a:p>
          </p:txBody>
        </p:sp>
        <p:sp>
          <p:nvSpPr>
            <p:cNvPr id="24" name="Freeform 3">
              <a:extLst>
                <a:ext uri="{FF2B5EF4-FFF2-40B4-BE49-F238E27FC236}">
                  <a16:creationId xmlns:a16="http://schemas.microsoft.com/office/drawing/2014/main" xmlns="" id="{2A56B97C-E686-421D-B7CC-25464A2ECEB0}"/>
                </a:ext>
              </a:extLst>
            </p:cNvPr>
            <p:cNvSpPr>
              <a:spLocks/>
            </p:cNvSpPr>
            <p:nvPr/>
          </p:nvSpPr>
          <p:spPr bwMode="auto">
            <a:xfrm>
              <a:off x="1243013" y="2808027"/>
              <a:ext cx="2660650" cy="573179"/>
            </a:xfrm>
            <a:custGeom>
              <a:avLst/>
              <a:gdLst>
                <a:gd name="T0" fmla="*/ 0 w 1814"/>
                <a:gd name="T1" fmla="*/ 306 h 466"/>
                <a:gd name="T2" fmla="*/ 1366 w 1814"/>
                <a:gd name="T3" fmla="*/ 306 h 466"/>
                <a:gd name="T4" fmla="*/ 1574 w 1814"/>
                <a:gd name="T5" fmla="*/ 410 h 466"/>
                <a:gd name="T6" fmla="*/ 1534 w 1814"/>
                <a:gd name="T7" fmla="*/ 466 h 466"/>
                <a:gd name="T8" fmla="*/ 1814 w 1814"/>
                <a:gd name="T9" fmla="*/ 378 h 466"/>
                <a:gd name="T10" fmla="*/ 1750 w 1814"/>
                <a:gd name="T11" fmla="*/ 82 h 466"/>
                <a:gd name="T12" fmla="*/ 1726 w 1814"/>
                <a:gd name="T13" fmla="*/ 146 h 466"/>
                <a:gd name="T14" fmla="*/ 1438 w 1814"/>
                <a:gd name="T15" fmla="*/ 2 h 466"/>
                <a:gd name="T16" fmla="*/ 0 w 1814"/>
                <a:gd name="T17" fmla="*/ 0 h 466"/>
                <a:gd name="T18" fmla="*/ 0 w 1814"/>
                <a:gd name="T19" fmla="*/ 306 h 46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14"/>
                <a:gd name="T31" fmla="*/ 0 h 466"/>
                <a:gd name="T32" fmla="*/ 1814 w 1814"/>
                <a:gd name="T33" fmla="*/ 466 h 46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14" h="466">
                  <a:moveTo>
                    <a:pt x="0" y="306"/>
                  </a:moveTo>
                  <a:lnTo>
                    <a:pt x="1366" y="306"/>
                  </a:lnTo>
                  <a:lnTo>
                    <a:pt x="1574" y="410"/>
                  </a:lnTo>
                  <a:lnTo>
                    <a:pt x="1534" y="466"/>
                  </a:lnTo>
                  <a:lnTo>
                    <a:pt x="1814" y="378"/>
                  </a:lnTo>
                  <a:lnTo>
                    <a:pt x="1750" y="82"/>
                  </a:lnTo>
                  <a:lnTo>
                    <a:pt x="1726" y="146"/>
                  </a:lnTo>
                  <a:lnTo>
                    <a:pt x="1438" y="2"/>
                  </a:lnTo>
                  <a:lnTo>
                    <a:pt x="0" y="0"/>
                  </a:lnTo>
                  <a:lnTo>
                    <a:pt x="0" y="306"/>
                  </a:lnTo>
                  <a:close/>
                </a:path>
              </a:pathLst>
            </a:custGeom>
            <a:noFill/>
            <a:ln w="19050" cap="flat" cmpd="sng">
              <a:solidFill>
                <a:schemeClr val="bg1">
                  <a:lumMod val="50000"/>
                </a:schemeClr>
              </a:solidFill>
              <a:prstDash val="solid"/>
              <a:round/>
              <a:headEnd type="none" w="med" len="med"/>
              <a:tailEnd type="none" w="med" len="med"/>
            </a:ln>
          </p:spPr>
          <p:txBody>
            <a:bodyPr lIns="0" tIns="0" rIns="0" bIns="0" anchor="ctr"/>
            <a:lstStyle/>
            <a:p>
              <a:pPr>
                <a:defRPr/>
              </a:pPr>
              <a:endParaRPr lang="zh-CN" altLang="en-US" sz="800">
                <a:latin typeface="+mn-ea"/>
                <a:ea typeface="+mn-ea"/>
              </a:endParaRPr>
            </a:p>
          </p:txBody>
        </p:sp>
        <p:sp>
          <p:nvSpPr>
            <p:cNvPr id="25" name="Freeform 4">
              <a:extLst>
                <a:ext uri="{FF2B5EF4-FFF2-40B4-BE49-F238E27FC236}">
                  <a16:creationId xmlns:a16="http://schemas.microsoft.com/office/drawing/2014/main" xmlns="" id="{05BD4564-38FA-4978-8931-5C0E4A6B4446}"/>
                </a:ext>
              </a:extLst>
            </p:cNvPr>
            <p:cNvSpPr>
              <a:spLocks/>
            </p:cNvSpPr>
            <p:nvPr/>
          </p:nvSpPr>
          <p:spPr bwMode="auto">
            <a:xfrm flipH="1">
              <a:off x="5254626" y="2808027"/>
              <a:ext cx="2659062" cy="573179"/>
            </a:xfrm>
            <a:custGeom>
              <a:avLst/>
              <a:gdLst>
                <a:gd name="T0" fmla="*/ 0 w 1814"/>
                <a:gd name="T1" fmla="*/ 306 h 466"/>
                <a:gd name="T2" fmla="*/ 1366 w 1814"/>
                <a:gd name="T3" fmla="*/ 306 h 466"/>
                <a:gd name="T4" fmla="*/ 1574 w 1814"/>
                <a:gd name="T5" fmla="*/ 410 h 466"/>
                <a:gd name="T6" fmla="*/ 1534 w 1814"/>
                <a:gd name="T7" fmla="*/ 466 h 466"/>
                <a:gd name="T8" fmla="*/ 1814 w 1814"/>
                <a:gd name="T9" fmla="*/ 378 h 466"/>
                <a:gd name="T10" fmla="*/ 1750 w 1814"/>
                <a:gd name="T11" fmla="*/ 82 h 466"/>
                <a:gd name="T12" fmla="*/ 1726 w 1814"/>
                <a:gd name="T13" fmla="*/ 146 h 466"/>
                <a:gd name="T14" fmla="*/ 1438 w 1814"/>
                <a:gd name="T15" fmla="*/ 2 h 466"/>
                <a:gd name="T16" fmla="*/ 0 w 1814"/>
                <a:gd name="T17" fmla="*/ 0 h 466"/>
                <a:gd name="T18" fmla="*/ 0 w 1814"/>
                <a:gd name="T19" fmla="*/ 306 h 46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14"/>
                <a:gd name="T31" fmla="*/ 0 h 466"/>
                <a:gd name="T32" fmla="*/ 1814 w 1814"/>
                <a:gd name="T33" fmla="*/ 466 h 46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14" h="466">
                  <a:moveTo>
                    <a:pt x="0" y="306"/>
                  </a:moveTo>
                  <a:lnTo>
                    <a:pt x="1366" y="306"/>
                  </a:lnTo>
                  <a:lnTo>
                    <a:pt x="1574" y="410"/>
                  </a:lnTo>
                  <a:lnTo>
                    <a:pt x="1534" y="466"/>
                  </a:lnTo>
                  <a:lnTo>
                    <a:pt x="1814" y="378"/>
                  </a:lnTo>
                  <a:lnTo>
                    <a:pt x="1750" y="82"/>
                  </a:lnTo>
                  <a:lnTo>
                    <a:pt x="1726" y="146"/>
                  </a:lnTo>
                  <a:lnTo>
                    <a:pt x="1438" y="2"/>
                  </a:lnTo>
                  <a:lnTo>
                    <a:pt x="0" y="0"/>
                  </a:lnTo>
                  <a:lnTo>
                    <a:pt x="0" y="306"/>
                  </a:lnTo>
                  <a:close/>
                </a:path>
              </a:pathLst>
            </a:custGeom>
            <a:noFill/>
            <a:ln w="19050" cap="flat" cmpd="sng">
              <a:solidFill>
                <a:schemeClr val="bg1">
                  <a:lumMod val="50000"/>
                </a:schemeClr>
              </a:solidFill>
              <a:prstDash val="solid"/>
              <a:round/>
              <a:headEnd/>
              <a:tailEnd/>
            </a:ln>
          </p:spPr>
          <p:txBody>
            <a:bodyPr lIns="0" tIns="0" rIns="0" bIns="0" anchor="ctr"/>
            <a:lstStyle/>
            <a:p>
              <a:pPr>
                <a:defRPr/>
              </a:pPr>
              <a:endParaRPr lang="zh-CN" altLang="en-US" sz="800">
                <a:latin typeface="+mn-ea"/>
                <a:ea typeface="+mn-ea"/>
              </a:endParaRPr>
            </a:p>
          </p:txBody>
        </p:sp>
        <p:sp>
          <p:nvSpPr>
            <p:cNvPr id="26" name="Freeform 7">
              <a:extLst>
                <a:ext uri="{FF2B5EF4-FFF2-40B4-BE49-F238E27FC236}">
                  <a16:creationId xmlns:a16="http://schemas.microsoft.com/office/drawing/2014/main" xmlns="" id="{15163A92-056A-49C8-86FB-A5381C62F0A8}"/>
                </a:ext>
              </a:extLst>
            </p:cNvPr>
            <p:cNvSpPr>
              <a:spLocks/>
            </p:cNvSpPr>
            <p:nvPr/>
          </p:nvSpPr>
          <p:spPr bwMode="auto">
            <a:xfrm flipV="1">
              <a:off x="1281113" y="3936919"/>
              <a:ext cx="2660650" cy="508081"/>
            </a:xfrm>
            <a:custGeom>
              <a:avLst/>
              <a:gdLst>
                <a:gd name="T0" fmla="*/ 0 w 1814"/>
                <a:gd name="T1" fmla="*/ 306 h 466"/>
                <a:gd name="T2" fmla="*/ 1366 w 1814"/>
                <a:gd name="T3" fmla="*/ 306 h 466"/>
                <a:gd name="T4" fmla="*/ 1574 w 1814"/>
                <a:gd name="T5" fmla="*/ 410 h 466"/>
                <a:gd name="T6" fmla="*/ 1534 w 1814"/>
                <a:gd name="T7" fmla="*/ 466 h 466"/>
                <a:gd name="T8" fmla="*/ 1814 w 1814"/>
                <a:gd name="T9" fmla="*/ 378 h 466"/>
                <a:gd name="T10" fmla="*/ 1750 w 1814"/>
                <a:gd name="T11" fmla="*/ 82 h 466"/>
                <a:gd name="T12" fmla="*/ 1726 w 1814"/>
                <a:gd name="T13" fmla="*/ 146 h 466"/>
                <a:gd name="T14" fmla="*/ 1438 w 1814"/>
                <a:gd name="T15" fmla="*/ 2 h 466"/>
                <a:gd name="T16" fmla="*/ 0 w 1814"/>
                <a:gd name="T17" fmla="*/ 0 h 466"/>
                <a:gd name="T18" fmla="*/ 0 w 1814"/>
                <a:gd name="T19" fmla="*/ 306 h 46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14"/>
                <a:gd name="T31" fmla="*/ 0 h 466"/>
                <a:gd name="T32" fmla="*/ 1814 w 1814"/>
                <a:gd name="T33" fmla="*/ 466 h 46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14" h="466">
                  <a:moveTo>
                    <a:pt x="0" y="306"/>
                  </a:moveTo>
                  <a:lnTo>
                    <a:pt x="1366" y="306"/>
                  </a:lnTo>
                  <a:lnTo>
                    <a:pt x="1574" y="410"/>
                  </a:lnTo>
                  <a:lnTo>
                    <a:pt x="1534" y="466"/>
                  </a:lnTo>
                  <a:lnTo>
                    <a:pt x="1814" y="378"/>
                  </a:lnTo>
                  <a:lnTo>
                    <a:pt x="1750" y="82"/>
                  </a:lnTo>
                  <a:lnTo>
                    <a:pt x="1726" y="146"/>
                  </a:lnTo>
                  <a:lnTo>
                    <a:pt x="1438" y="2"/>
                  </a:lnTo>
                  <a:lnTo>
                    <a:pt x="0" y="0"/>
                  </a:lnTo>
                  <a:lnTo>
                    <a:pt x="0" y="306"/>
                  </a:lnTo>
                  <a:close/>
                </a:path>
              </a:pathLst>
            </a:custGeom>
            <a:noFill/>
            <a:ln w="19050" cap="flat" cmpd="sng">
              <a:solidFill>
                <a:schemeClr val="bg1">
                  <a:lumMod val="50000"/>
                </a:schemeClr>
              </a:solidFill>
              <a:prstDash val="solid"/>
              <a:round/>
              <a:headEnd/>
              <a:tailEnd/>
            </a:ln>
          </p:spPr>
          <p:txBody>
            <a:bodyPr lIns="0" tIns="0" rIns="0" bIns="0" anchor="ctr"/>
            <a:lstStyle/>
            <a:p>
              <a:pPr>
                <a:defRPr/>
              </a:pPr>
              <a:endParaRPr lang="zh-CN" altLang="en-US" sz="800">
                <a:latin typeface="+mn-ea"/>
                <a:ea typeface="+mn-ea"/>
              </a:endParaRPr>
            </a:p>
          </p:txBody>
        </p:sp>
        <p:sp>
          <p:nvSpPr>
            <p:cNvPr id="27" name="Freeform 8">
              <a:extLst>
                <a:ext uri="{FF2B5EF4-FFF2-40B4-BE49-F238E27FC236}">
                  <a16:creationId xmlns:a16="http://schemas.microsoft.com/office/drawing/2014/main" xmlns="" id="{5AC2D24A-B2B9-4211-A648-CDA815AA9721}"/>
                </a:ext>
              </a:extLst>
            </p:cNvPr>
            <p:cNvSpPr>
              <a:spLocks/>
            </p:cNvSpPr>
            <p:nvPr/>
          </p:nvSpPr>
          <p:spPr bwMode="auto">
            <a:xfrm flipH="1" flipV="1">
              <a:off x="5226051" y="3936919"/>
              <a:ext cx="2659062" cy="508081"/>
            </a:xfrm>
            <a:custGeom>
              <a:avLst/>
              <a:gdLst>
                <a:gd name="T0" fmla="*/ 0 w 1814"/>
                <a:gd name="T1" fmla="*/ 306 h 466"/>
                <a:gd name="T2" fmla="*/ 1366 w 1814"/>
                <a:gd name="T3" fmla="*/ 306 h 466"/>
                <a:gd name="T4" fmla="*/ 1574 w 1814"/>
                <a:gd name="T5" fmla="*/ 410 h 466"/>
                <a:gd name="T6" fmla="*/ 1534 w 1814"/>
                <a:gd name="T7" fmla="*/ 466 h 466"/>
                <a:gd name="T8" fmla="*/ 1814 w 1814"/>
                <a:gd name="T9" fmla="*/ 378 h 466"/>
                <a:gd name="T10" fmla="*/ 1750 w 1814"/>
                <a:gd name="T11" fmla="*/ 82 h 466"/>
                <a:gd name="T12" fmla="*/ 1726 w 1814"/>
                <a:gd name="T13" fmla="*/ 146 h 466"/>
                <a:gd name="T14" fmla="*/ 1438 w 1814"/>
                <a:gd name="T15" fmla="*/ 2 h 466"/>
                <a:gd name="T16" fmla="*/ 0 w 1814"/>
                <a:gd name="T17" fmla="*/ 0 h 466"/>
                <a:gd name="T18" fmla="*/ 0 w 1814"/>
                <a:gd name="T19" fmla="*/ 306 h 46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14"/>
                <a:gd name="T31" fmla="*/ 0 h 466"/>
                <a:gd name="T32" fmla="*/ 1814 w 1814"/>
                <a:gd name="T33" fmla="*/ 466 h 46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14" h="466">
                  <a:moveTo>
                    <a:pt x="0" y="306"/>
                  </a:moveTo>
                  <a:lnTo>
                    <a:pt x="1366" y="306"/>
                  </a:lnTo>
                  <a:lnTo>
                    <a:pt x="1574" y="410"/>
                  </a:lnTo>
                  <a:lnTo>
                    <a:pt x="1534" y="466"/>
                  </a:lnTo>
                  <a:lnTo>
                    <a:pt x="1814" y="378"/>
                  </a:lnTo>
                  <a:lnTo>
                    <a:pt x="1750" y="82"/>
                  </a:lnTo>
                  <a:lnTo>
                    <a:pt x="1726" y="146"/>
                  </a:lnTo>
                  <a:lnTo>
                    <a:pt x="1438" y="2"/>
                  </a:lnTo>
                  <a:lnTo>
                    <a:pt x="0" y="0"/>
                  </a:lnTo>
                  <a:lnTo>
                    <a:pt x="0" y="306"/>
                  </a:lnTo>
                  <a:close/>
                </a:path>
              </a:pathLst>
            </a:custGeom>
            <a:noFill/>
            <a:ln w="19050" cap="flat" cmpd="sng">
              <a:solidFill>
                <a:schemeClr val="bg1">
                  <a:lumMod val="50000"/>
                </a:schemeClr>
              </a:solidFill>
              <a:prstDash val="solid"/>
              <a:round/>
              <a:headEnd/>
              <a:tailEnd/>
            </a:ln>
          </p:spPr>
          <p:txBody>
            <a:bodyPr lIns="0" tIns="0" rIns="0" bIns="0" anchor="ctr"/>
            <a:lstStyle/>
            <a:p>
              <a:pPr>
                <a:defRPr/>
              </a:pPr>
              <a:endParaRPr lang="zh-CN" altLang="en-US" sz="800">
                <a:latin typeface="+mn-ea"/>
                <a:ea typeface="+mn-ea"/>
              </a:endParaRPr>
            </a:p>
          </p:txBody>
        </p:sp>
        <p:sp>
          <p:nvSpPr>
            <p:cNvPr id="28" name="Text Box 9">
              <a:extLst>
                <a:ext uri="{FF2B5EF4-FFF2-40B4-BE49-F238E27FC236}">
                  <a16:creationId xmlns:a16="http://schemas.microsoft.com/office/drawing/2014/main" xmlns="" id="{09E54239-2019-4E27-9E16-441B5CD8B885}"/>
                </a:ext>
              </a:extLst>
            </p:cNvPr>
            <p:cNvSpPr txBox="1">
              <a:spLocks noChangeArrowheads="1"/>
            </p:cNvSpPr>
            <p:nvPr/>
          </p:nvSpPr>
          <p:spPr bwMode="auto">
            <a:xfrm>
              <a:off x="3971880" y="3266499"/>
              <a:ext cx="1468438" cy="721258"/>
            </a:xfrm>
            <a:prstGeom prst="rect">
              <a:avLst/>
            </a:prstGeom>
            <a:noFill/>
            <a:ln w="6350">
              <a:noFill/>
              <a:miter lim="800000"/>
              <a:headEnd/>
              <a:tailEnd/>
            </a:ln>
          </p:spPr>
          <p:txBody>
            <a:bodyPr lIns="0" tIns="0" rIns="0" bIns="0" anchor="ctr"/>
            <a:lstStyle/>
            <a:p>
              <a:pPr algn="ctr" eaLnBrk="0" hangingPunct="0"/>
              <a:r>
                <a:rPr kumimoji="1" lang="zh-CN" altLang="en-US" sz="6600" b="1" dirty="0">
                  <a:solidFill>
                    <a:schemeClr val="bg1"/>
                  </a:solidFill>
                  <a:latin typeface="+mn-ea"/>
                  <a:ea typeface="+mn-ea"/>
                </a:rPr>
                <a:t>？</a:t>
              </a:r>
              <a:endParaRPr kumimoji="1" lang="en-US" altLang="zh-CN" sz="6600" b="1" dirty="0">
                <a:solidFill>
                  <a:schemeClr val="bg1"/>
                </a:solidFill>
                <a:latin typeface="+mn-ea"/>
                <a:ea typeface="+mn-ea"/>
              </a:endParaRPr>
            </a:p>
          </p:txBody>
        </p:sp>
        <p:sp>
          <p:nvSpPr>
            <p:cNvPr id="29" name="Rectangle 10">
              <a:extLst>
                <a:ext uri="{FF2B5EF4-FFF2-40B4-BE49-F238E27FC236}">
                  <a16:creationId xmlns:a16="http://schemas.microsoft.com/office/drawing/2014/main" xmlns="" id="{DF1E1C38-7CBC-461C-80EC-60DEFA563CF2}"/>
                </a:ext>
              </a:extLst>
            </p:cNvPr>
            <p:cNvSpPr>
              <a:spLocks noChangeArrowheads="1"/>
            </p:cNvSpPr>
            <p:nvPr/>
          </p:nvSpPr>
          <p:spPr bwMode="auto">
            <a:xfrm>
              <a:off x="1243013" y="2798500"/>
              <a:ext cx="1990725" cy="343427"/>
            </a:xfrm>
            <a:prstGeom prst="rect">
              <a:avLst/>
            </a:prstGeom>
            <a:noFill/>
            <a:ln w="6350">
              <a:noFill/>
              <a:miter lim="800000"/>
              <a:headEnd/>
              <a:tailEnd/>
            </a:ln>
          </p:spPr>
          <p:txBody>
            <a:bodyPr lIns="0" tIns="0" rIns="0" bIns="0" anchor="ctr"/>
            <a:lstStyle/>
            <a:p>
              <a:pPr marL="257106" indent="-257106">
                <a:lnSpc>
                  <a:spcPct val="140000"/>
                </a:lnSpc>
                <a:buClr>
                  <a:schemeClr val="bg2"/>
                </a:buClr>
                <a:buSzPct val="60000"/>
                <a:tabLst>
                  <a:tab pos="6389571" algn="r"/>
                </a:tabLst>
              </a:pPr>
              <a:r>
                <a:rPr lang="en-US" altLang="zh-CN" sz="1600">
                  <a:latin typeface="+mn-ea"/>
                  <a:ea typeface="+mn-ea"/>
                </a:rPr>
                <a:t>	</a:t>
              </a:r>
              <a:r>
                <a:rPr lang="zh-CN" altLang="en-US" sz="1600">
                  <a:latin typeface="+mn-ea"/>
                  <a:ea typeface="+mn-ea"/>
                </a:rPr>
                <a:t>网络易</a:t>
              </a:r>
              <a:r>
                <a:rPr lang="zh-CN" altLang="en-US" sz="1600" b="1">
                  <a:latin typeface="+mn-ea"/>
                  <a:ea typeface="+mn-ea"/>
                </a:rPr>
                <a:t>拥塞</a:t>
              </a:r>
              <a:endParaRPr lang="zh-CN" altLang="de-DE" sz="1600" b="1" dirty="0">
                <a:latin typeface="+mn-ea"/>
                <a:ea typeface="+mn-ea"/>
              </a:endParaRPr>
            </a:p>
          </p:txBody>
        </p:sp>
        <p:sp>
          <p:nvSpPr>
            <p:cNvPr id="30" name="Rectangle 12">
              <a:extLst>
                <a:ext uri="{FF2B5EF4-FFF2-40B4-BE49-F238E27FC236}">
                  <a16:creationId xmlns:a16="http://schemas.microsoft.com/office/drawing/2014/main" xmlns="" id="{7D49D17A-2A59-46FB-96FC-FBDF4AA50CED}"/>
                </a:ext>
              </a:extLst>
            </p:cNvPr>
            <p:cNvSpPr>
              <a:spLocks noChangeArrowheads="1"/>
            </p:cNvSpPr>
            <p:nvPr/>
          </p:nvSpPr>
          <p:spPr bwMode="auto">
            <a:xfrm>
              <a:off x="1262063" y="4092312"/>
              <a:ext cx="1990725" cy="343427"/>
            </a:xfrm>
            <a:prstGeom prst="rect">
              <a:avLst/>
            </a:prstGeom>
            <a:noFill/>
            <a:ln w="6350">
              <a:noFill/>
              <a:miter lim="800000"/>
              <a:headEnd/>
              <a:tailEnd/>
            </a:ln>
          </p:spPr>
          <p:txBody>
            <a:bodyPr lIns="0" tIns="0" rIns="0" bIns="0" anchor="ctr"/>
            <a:lstStyle/>
            <a:p>
              <a:pPr marL="257106" indent="-257106">
                <a:lnSpc>
                  <a:spcPct val="140000"/>
                </a:lnSpc>
                <a:buClr>
                  <a:schemeClr val="bg2"/>
                </a:buClr>
                <a:buSzPct val="60000"/>
                <a:tabLst>
                  <a:tab pos="6389571" algn="r"/>
                </a:tabLst>
              </a:pPr>
              <a:r>
                <a:rPr lang="en-US" altLang="zh-CN" sz="1600" dirty="0">
                  <a:latin typeface="+mn-ea"/>
                  <a:ea typeface="+mn-ea"/>
                </a:rPr>
                <a:t>	</a:t>
              </a:r>
              <a:r>
                <a:rPr lang="zh-CN" altLang="en-US" sz="1600" dirty="0">
                  <a:latin typeface="+mn-ea"/>
                  <a:ea typeface="+mn-ea"/>
                </a:rPr>
                <a:t>运维太</a:t>
              </a:r>
              <a:r>
                <a:rPr lang="zh-CN" altLang="en-US" sz="1600" b="1" dirty="0">
                  <a:latin typeface="+mn-ea"/>
                  <a:ea typeface="+mn-ea"/>
                </a:rPr>
                <a:t>困难</a:t>
              </a:r>
              <a:endParaRPr lang="zh-CN" altLang="de-DE" sz="1600" b="1" dirty="0">
                <a:latin typeface="+mn-ea"/>
                <a:ea typeface="+mn-ea"/>
              </a:endParaRPr>
            </a:p>
          </p:txBody>
        </p:sp>
        <p:sp>
          <p:nvSpPr>
            <p:cNvPr id="31" name="Rectangle 13">
              <a:extLst>
                <a:ext uri="{FF2B5EF4-FFF2-40B4-BE49-F238E27FC236}">
                  <a16:creationId xmlns:a16="http://schemas.microsoft.com/office/drawing/2014/main" xmlns="" id="{748362A8-D257-401D-8534-AE6BE341531E}"/>
                </a:ext>
              </a:extLst>
            </p:cNvPr>
            <p:cNvSpPr>
              <a:spLocks noChangeArrowheads="1"/>
            </p:cNvSpPr>
            <p:nvPr/>
          </p:nvSpPr>
          <p:spPr bwMode="auto">
            <a:xfrm>
              <a:off x="6008688" y="2798500"/>
              <a:ext cx="1990725" cy="343427"/>
            </a:xfrm>
            <a:prstGeom prst="rect">
              <a:avLst/>
            </a:prstGeom>
            <a:noFill/>
            <a:ln w="6350">
              <a:noFill/>
              <a:miter lim="800000"/>
              <a:headEnd/>
              <a:tailEnd/>
            </a:ln>
          </p:spPr>
          <p:txBody>
            <a:bodyPr lIns="0" tIns="0" rIns="0" bIns="0" anchor="ctr"/>
            <a:lstStyle/>
            <a:p>
              <a:pPr marL="257106" indent="-257106" algn="ctr">
                <a:lnSpc>
                  <a:spcPct val="140000"/>
                </a:lnSpc>
                <a:buClr>
                  <a:schemeClr val="bg2"/>
                </a:buClr>
                <a:buSzPct val="60000"/>
                <a:tabLst>
                  <a:tab pos="6389571" algn="r"/>
                </a:tabLst>
              </a:pPr>
              <a:r>
                <a:rPr lang="zh-CN" altLang="en-US" sz="1600" b="1">
                  <a:latin typeface="+mn-ea"/>
                </a:rPr>
                <a:t>网络技术</a:t>
              </a:r>
              <a:r>
                <a:rPr lang="zh-CN" altLang="en-US" sz="1600" b="1">
                  <a:latin typeface="+mn-ea"/>
                  <a:ea typeface="+mn-ea"/>
                </a:rPr>
                <a:t>复杂</a:t>
              </a:r>
              <a:endParaRPr lang="zh-CN" altLang="de-DE" sz="1600" b="1" dirty="0">
                <a:latin typeface="+mn-ea"/>
                <a:ea typeface="+mn-ea"/>
              </a:endParaRPr>
            </a:p>
          </p:txBody>
        </p:sp>
        <p:sp>
          <p:nvSpPr>
            <p:cNvPr id="32" name="Rectangle 15">
              <a:extLst>
                <a:ext uri="{FF2B5EF4-FFF2-40B4-BE49-F238E27FC236}">
                  <a16:creationId xmlns:a16="http://schemas.microsoft.com/office/drawing/2014/main" xmlns="" id="{40371FEB-A02D-4156-A2BA-A1031B2327FF}"/>
                </a:ext>
              </a:extLst>
            </p:cNvPr>
            <p:cNvSpPr>
              <a:spLocks noChangeArrowheads="1"/>
            </p:cNvSpPr>
            <p:nvPr/>
          </p:nvSpPr>
          <p:spPr bwMode="auto">
            <a:xfrm>
              <a:off x="5674407" y="4053401"/>
              <a:ext cx="2200955" cy="361658"/>
            </a:xfrm>
            <a:prstGeom prst="rect">
              <a:avLst/>
            </a:prstGeom>
            <a:noFill/>
            <a:ln w="6350">
              <a:noFill/>
              <a:miter lim="800000"/>
              <a:headEnd/>
              <a:tailEnd/>
            </a:ln>
          </p:spPr>
          <p:txBody>
            <a:bodyPr lIns="0" tIns="0" rIns="0" bIns="0" anchor="ctr"/>
            <a:lstStyle/>
            <a:p>
              <a:pPr marL="257106" indent="-257106" algn="ctr">
                <a:lnSpc>
                  <a:spcPct val="140000"/>
                </a:lnSpc>
                <a:buClr>
                  <a:schemeClr val="bg2"/>
                </a:buClr>
                <a:buSzPct val="60000"/>
                <a:tabLst>
                  <a:tab pos="6389571" algn="r"/>
                </a:tabLst>
              </a:pPr>
              <a:r>
                <a:rPr lang="en-US" altLang="zh-CN" sz="1600">
                  <a:latin typeface="+mn-ea"/>
                  <a:ea typeface="+mn-ea"/>
                </a:rPr>
                <a:t>	</a:t>
              </a:r>
              <a:r>
                <a:rPr lang="zh-CN" altLang="en-US" sz="1600">
                  <a:latin typeface="+mn-ea"/>
                  <a:ea typeface="+mn-ea"/>
                </a:rPr>
                <a:t>业务部</a:t>
              </a:r>
              <a:r>
                <a:rPr lang="zh-CN" altLang="en-US" sz="1600" dirty="0">
                  <a:latin typeface="+mn-ea"/>
                  <a:ea typeface="+mn-ea"/>
                </a:rPr>
                <a:t>署太</a:t>
              </a:r>
              <a:r>
                <a:rPr lang="zh-CN" altLang="en-US" sz="1600" b="1" dirty="0">
                  <a:latin typeface="+mn-ea"/>
                  <a:ea typeface="+mn-ea"/>
                </a:rPr>
                <a:t>慢</a:t>
              </a:r>
              <a:endParaRPr lang="zh-CN" altLang="de-DE" sz="1600" b="1" dirty="0">
                <a:latin typeface="+mn-ea"/>
                <a:ea typeface="+mn-ea"/>
              </a:endParaRPr>
            </a:p>
          </p:txBody>
        </p:sp>
      </p:grpSp>
    </p:spTree>
    <p:extLst>
      <p:ext uri="{BB962C8B-B14F-4D97-AF65-F5344CB8AC3E}">
        <p14:creationId xmlns:p14="http://schemas.microsoft.com/office/powerpoint/2010/main" val="75957284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PA" val="v5.2.5"/>
</p:tagLst>
</file>

<file path=ppt/tags/tag2.xml><?xml version="1.0" encoding="utf-8"?>
<p:tagLst xmlns:a="http://schemas.openxmlformats.org/drawingml/2006/main" xmlns:r="http://schemas.openxmlformats.org/officeDocument/2006/relationships" xmlns:p="http://schemas.openxmlformats.org/presentationml/2006/main">
  <p:tag name="PA" val="v5.2.5"/>
</p:tagLst>
</file>

<file path=ppt/tags/tag3.xml><?xml version="1.0" encoding="utf-8"?>
<p:tagLst xmlns:a="http://schemas.openxmlformats.org/drawingml/2006/main" xmlns:r="http://schemas.openxmlformats.org/officeDocument/2006/relationships" xmlns:p="http://schemas.openxmlformats.org/presentationml/2006/main">
  <p:tag name="PA" val="v5.2.5"/>
</p:tagLst>
</file>

<file path=ppt/tags/tag4.xml><?xml version="1.0" encoding="utf-8"?>
<p:tagLst xmlns:a="http://schemas.openxmlformats.org/drawingml/2006/main" xmlns:r="http://schemas.openxmlformats.org/officeDocument/2006/relationships" xmlns:p="http://schemas.openxmlformats.org/presentationml/2006/main">
  <p:tag name="PA" val="v5.2.5"/>
</p:tagLst>
</file>

<file path=ppt/tags/tag5.xml><?xml version="1.0" encoding="utf-8"?>
<p:tagLst xmlns:a="http://schemas.openxmlformats.org/drawingml/2006/main" xmlns:r="http://schemas.openxmlformats.org/officeDocument/2006/relationships" xmlns:p="http://schemas.openxmlformats.org/presentationml/2006/main">
  <p:tag name="PA" val="v5.2.5"/>
</p:tagLst>
</file>

<file path=ppt/tags/tag6.xml><?xml version="1.0" encoding="utf-8"?>
<p:tagLst xmlns:a="http://schemas.openxmlformats.org/drawingml/2006/main" xmlns:r="http://schemas.openxmlformats.org/officeDocument/2006/relationships" xmlns:p="http://schemas.openxmlformats.org/presentationml/2006/main">
  <p:tag name="PA" val="v5.2.5"/>
</p:tagLst>
</file>

<file path=ppt/tags/tag7.xml><?xml version="1.0" encoding="utf-8"?>
<p:tagLst xmlns:a="http://schemas.openxmlformats.org/drawingml/2006/main" xmlns:r="http://schemas.openxmlformats.org/officeDocument/2006/relationships" xmlns:p="http://schemas.openxmlformats.org/presentationml/2006/main">
  <p:tag name="PA" val="v5.2.5"/>
</p:tagLst>
</file>

<file path=ppt/tags/tag8.xml><?xml version="1.0" encoding="utf-8"?>
<p:tagLst xmlns:a="http://schemas.openxmlformats.org/drawingml/2006/main" xmlns:r="http://schemas.openxmlformats.org/officeDocument/2006/relationships" xmlns:p="http://schemas.openxmlformats.org/presentationml/2006/main">
  <p:tag name="PA" val="v5.2.5"/>
</p:tagLst>
</file>

<file path=ppt/tags/tag9.xml><?xml version="1.0" encoding="utf-8"?>
<p:tagLst xmlns:a="http://schemas.openxmlformats.org/drawingml/2006/main" xmlns:r="http://schemas.openxmlformats.org/officeDocument/2006/relationships" xmlns:p="http://schemas.openxmlformats.org/presentationml/2006/main">
  <p:tag name="PA" val="v5.2.5"/>
</p:tagLst>
</file>

<file path=ppt/theme/theme1.xml><?xml version="1.0" encoding="utf-8"?>
<a:theme xmlns:a="http://schemas.openxmlformats.org/drawingml/2006/main" name="自定义设计方案">
  <a:themeElements>
    <a:clrScheme name="自定义 1">
      <a:dk1>
        <a:sysClr val="windowText" lastClr="000000"/>
      </a:dk1>
      <a:lt1>
        <a:sysClr val="window" lastClr="FFFFFF"/>
      </a:lt1>
      <a:dk2>
        <a:srgbClr val="F3FBFE"/>
      </a:dk2>
      <a:lt2>
        <a:srgbClr val="BAE6F6"/>
      </a:lt2>
      <a:accent1>
        <a:srgbClr val="1AABE2"/>
      </a:accent1>
      <a:accent2>
        <a:srgbClr val="EC7061"/>
      </a:accent2>
      <a:accent3>
        <a:srgbClr val="8BC9A0"/>
      </a:accent3>
      <a:accent4>
        <a:srgbClr val="BAE6F6"/>
      </a:accent4>
      <a:accent5>
        <a:srgbClr val="F3FBFE"/>
      </a:accent5>
      <a:accent6>
        <a:srgbClr val="FFD17D"/>
      </a:accent6>
      <a:hlink>
        <a:srgbClr val="FFF2CC"/>
      </a:hlink>
      <a:folHlink>
        <a:srgbClr val="7F7F7F"/>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办公室">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办公室">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办公室">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2C5B4B712841F4C8A7AAEE2CD191271" ma:contentTypeVersion="0" ma:contentTypeDescription="Create a new document." ma:contentTypeScope="" ma:versionID="2e6df93c5ac01bc0ba5a39bebe33c6df">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567FC8E7-C506-4C9E-9EB3-1E933F3D9984}"/>
</file>

<file path=customXml/itemProps2.xml><?xml version="1.0" encoding="utf-8"?>
<ds:datastoreItem xmlns:ds="http://schemas.openxmlformats.org/officeDocument/2006/customXml" ds:itemID="{DE1FAD62-C4CF-43B6-9AB6-8045D97DCD05}"/>
</file>

<file path=customXml/itemProps3.xml><?xml version="1.0" encoding="utf-8"?>
<ds:datastoreItem xmlns:ds="http://schemas.openxmlformats.org/officeDocument/2006/customXml" ds:itemID="{72F7D786-A23B-423A-BA7F-20B3450277F8}"/>
</file>

<file path=docProps/app.xml><?xml version="1.0" encoding="utf-8"?>
<Properties xmlns="http://schemas.openxmlformats.org/officeDocument/2006/extended-properties" xmlns:vt="http://schemas.openxmlformats.org/officeDocument/2006/docPropsVTypes">
  <Template/>
  <TotalTime>2018</TotalTime>
  <Words>8270</Words>
  <Application>Microsoft Office PowerPoint</Application>
  <PresentationFormat>宽屏</PresentationFormat>
  <Paragraphs>1020</Paragraphs>
  <Slides>53</Slides>
  <Notes>53</Notes>
  <HiddenSlides>2</HiddenSlides>
  <MMClips>0</MMClips>
  <ScaleCrop>false</ScaleCrop>
  <HeadingPairs>
    <vt:vector size="6" baseType="variant">
      <vt:variant>
        <vt:lpstr>已用的字体</vt:lpstr>
      </vt:variant>
      <vt:variant>
        <vt:i4>9</vt:i4>
      </vt:variant>
      <vt:variant>
        <vt:lpstr>主题</vt:lpstr>
      </vt:variant>
      <vt:variant>
        <vt:i4>1</vt:i4>
      </vt:variant>
      <vt:variant>
        <vt:lpstr>幻灯片标题</vt:lpstr>
      </vt:variant>
      <vt:variant>
        <vt:i4>53</vt:i4>
      </vt:variant>
    </vt:vector>
  </HeadingPairs>
  <TitlesOfParts>
    <vt:vector size="63" baseType="lpstr">
      <vt:lpstr>方正兰亭黑简体</vt:lpstr>
      <vt:lpstr>微软雅黑</vt:lpstr>
      <vt:lpstr>Arial</vt:lpstr>
      <vt:lpstr>Calibri</vt:lpstr>
      <vt:lpstr>Courier New</vt:lpstr>
      <vt:lpstr>Huawei Sans</vt:lpstr>
      <vt:lpstr>Huawei Sans Light</vt:lpstr>
      <vt:lpstr>Times New Roman</vt:lpstr>
      <vt:lpstr>Wingdings</vt:lpstr>
      <vt:lpstr>自定义设计方案</vt:lpstr>
      <vt:lpstr>PowerPoint 演示文稿</vt:lpstr>
      <vt:lpstr>SDN与NFV概述</vt:lpstr>
      <vt:lpstr>PowerPoint 演示文稿</vt:lpstr>
      <vt:lpstr>PowerPoint 演示文稿</vt:lpstr>
      <vt:lpstr>PowerPoint 演示文稿</vt:lpstr>
      <vt:lpstr>计算机时代的演进</vt:lpstr>
      <vt:lpstr>网络产业发展：来自IT行业的启示</vt:lpstr>
      <vt:lpstr>网络界的现状：经典IP网络 - 分布式网络</vt:lpstr>
      <vt:lpstr>网络界的思考：经典网络面临的问题</vt:lpstr>
      <vt:lpstr>网络易拥塞</vt:lpstr>
      <vt:lpstr>网络技术太复杂</vt:lpstr>
      <vt:lpstr>网络故障定位、诊断困难</vt:lpstr>
      <vt:lpstr>网络业务的部署速度太慢</vt:lpstr>
      <vt:lpstr>SDN的起源</vt:lpstr>
      <vt:lpstr>OpenFlow基本概念</vt:lpstr>
      <vt:lpstr>PowerPoint 演示文稿</vt:lpstr>
      <vt:lpstr>Flow Table简介</vt:lpstr>
      <vt:lpstr>转发方式对比</vt:lpstr>
      <vt:lpstr>SDN的本质诉求</vt:lpstr>
      <vt:lpstr>SDN网络架构</vt:lpstr>
      <vt:lpstr>华为SDN网络架构</vt:lpstr>
      <vt:lpstr>华为SDN解决方案 - 管、控、析构建智简网络</vt:lpstr>
      <vt:lpstr>什么是iMaster NCE ？</vt:lpstr>
      <vt:lpstr>iMaster NCE全新启航</vt:lpstr>
      <vt:lpstr>华为数据中心CloudFabric自动驾驶解决方案</vt:lpstr>
      <vt:lpstr>关键特性：极简ZTP部署</vt:lpstr>
      <vt:lpstr>关键特性：网络意图自理解，业务快速部署</vt:lpstr>
      <vt:lpstr>关键特性：网络变更仿真，预判变更风险</vt:lpstr>
      <vt:lpstr>关键特性：数据中心网络AI智能运维</vt:lpstr>
      <vt:lpstr>华为园区网络CloudCampus自动驾驶解决方案</vt:lpstr>
      <vt:lpstr>关键特性：设备即插即用</vt:lpstr>
      <vt:lpstr>关键特性：构建一网多用的虚拟化园区</vt:lpstr>
      <vt:lpstr>关键特性：业务随行，基于安全组的策略管理</vt:lpstr>
      <vt:lpstr>关键特性：有线与无线融合</vt:lpstr>
      <vt:lpstr>关键特性：终端智能识别，安全接入</vt:lpstr>
      <vt:lpstr>关键特性：园区网络AI智能运维</vt:lpstr>
      <vt:lpstr>PowerPoint 演示文稿</vt:lpstr>
      <vt:lpstr>NFV的背景：同样来自IT行业变革的启示</vt:lpstr>
      <vt:lpstr>NFV的起源</vt:lpstr>
      <vt:lpstr>NFV的价值</vt:lpstr>
      <vt:lpstr>NFV关键技术：虚拟化</vt:lpstr>
      <vt:lpstr>NFV关键技术：云化</vt:lpstr>
      <vt:lpstr>NFV架构简介</vt:lpstr>
      <vt:lpstr>NFV的标准架构</vt:lpstr>
      <vt:lpstr>NFV架构功能模块</vt:lpstr>
      <vt:lpstr>NFV架构接口</vt:lpstr>
      <vt:lpstr>华为NFV解决方案</vt:lpstr>
      <vt:lpstr>FAQ</vt:lpstr>
      <vt:lpstr>PowerPoint 演示文稿</vt:lpstr>
      <vt:lpstr>PowerPoint 演示文稿</vt:lpstr>
      <vt:lpstr>PowerPoint 演示文稿</vt:lpstr>
      <vt:lpstr>PowerPoint 演示文稿</vt:lpstr>
      <vt:lpstr>PowerPoint 演示文稿</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fanyan (A)</dc:creator>
  <cp:lastModifiedBy>Zhanglinruizjhw (Leroy)</cp:lastModifiedBy>
  <cp:revision>248</cp:revision>
  <dcterms:created xsi:type="dcterms:W3CDTF">2018-11-29T10:16:29Z</dcterms:created>
  <dcterms:modified xsi:type="dcterms:W3CDTF">2020-04-14T02:28:2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NmbUr5VX1c8A0hf+d/ozhaE4azHuwIGzpvEVqVaP0GzXUgBehpn5hVljZhj7hoTqkUqiYd3m
2X2Bmru/yPo/l7bQZ7W4sK9LnTMzVyj7sv1eZWH34EEcBzkIUPIDjmHpqYOe/nsJ/9CwlIlf
PCrg4411JC6Y9HGod/rSacuA29HP1VWEHXmnZHuyheq21w7G1nfTOKi49ajlevnG3iMqT7/l
ac02MKMCkVeOTofIVa</vt:lpwstr>
  </property>
  <property fmtid="{D5CDD505-2E9C-101B-9397-08002B2CF9AE}" pid="3" name="_2015_ms_pID_7253431">
    <vt:lpwstr>M42eQlvqb6IrU19UDLzA/pivC3tLdg+IpxxfWEBZZIGpBbJdici01T
CBN7hzuUZg8SxYDP7vQhkg8Q7T/MeKCROU48RjGeQLXxYVuZ64zPKypg4QkM+E2AVLoEatUW
0U8JJ5KJooXFAjJtsoG5d67+/xebjKg1trXOOXx0EXZ1h+PBSDlTveSbdHrlduXyFmRcZY7d
3wn6tSOyh0tcFjRULqhm/uat0cJEo7mO5dlC</vt:lpwstr>
  </property>
  <property fmtid="{D5CDD505-2E9C-101B-9397-08002B2CF9AE}" pid="4" name="_2015_ms_pID_7253432">
    <vt:lpwstr>8w==</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86745816</vt:lpwstr>
  </property>
  <property fmtid="{D5CDD505-2E9C-101B-9397-08002B2CF9AE}" pid="9" name="ContentTypeId">
    <vt:lpwstr>0x01010002C5B4B712841F4C8A7AAEE2CD191271</vt:lpwstr>
  </property>
</Properties>
</file>